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Masters/slideMaster7.xml" ContentType="application/vnd.openxmlformats-officedocument.presentationml.slideMaster+xml"/>
  <Override PartName="/ppt/slideMasters/slideMaster8.xml" ContentType="application/vnd.openxmlformats-officedocument.presentationml.slideMaster+xml"/>
  <Override PartName="/ppt/slideMasters/slideMaster9.xml" ContentType="application/vnd.openxmlformats-officedocument.presentationml.slideMaster+xml"/>
  <Override PartName="/ppt/slideMasters/slideMaster10.xml" ContentType="application/vnd.openxmlformats-officedocument.presentationml.slideMaster+xml"/>
  <Override PartName="/ppt/slideMasters/slideMaster11.xml" ContentType="application/vnd.openxmlformats-officedocument.presentationml.slideMaster+xml"/>
  <Override PartName="/ppt/slideMasters/slideMaster12.xml" ContentType="application/vnd.openxmlformats-officedocument.presentationml.slideMaster+xml"/>
  <Override PartName="/ppt/slideMasters/slideMaster13.xml" ContentType="application/vnd.openxmlformats-officedocument.presentationml.slideMaster+xml"/>
  <Override PartName="/ppt/slideMasters/slideMaster14.xml" ContentType="application/vnd.openxmlformats-officedocument.presentationml.slideMaster+xml"/>
  <Override PartName="/ppt/slideMasters/slideMaster15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slideLayouts/slideLayout11.xml" ContentType="application/vnd.openxmlformats-officedocument.presentationml.slideLayout+xml"/>
  <Override PartName="/ppt/theme/theme5.xml" ContentType="application/vnd.openxmlformats-officedocument.theme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heme/theme6.xml" ContentType="application/vnd.openxmlformats-officedocument.theme+xml"/>
  <Override PartName="/ppt/slideLayouts/slideLayout15.xml" ContentType="application/vnd.openxmlformats-officedocument.presentationml.slideLayout+xml"/>
  <Override PartName="/ppt/theme/theme7.xml" ContentType="application/vnd.openxmlformats-officedocument.theme+xml"/>
  <Override PartName="/ppt/theme/theme8.xml" ContentType="application/vnd.openxmlformats-officedocument.theme+xml"/>
  <Override PartName="/ppt/theme/theme9.xml" ContentType="application/vnd.openxmlformats-officedocument.theme+xml"/>
  <Override PartName="/ppt/theme/theme10.xml" ContentType="application/vnd.openxmlformats-officedocument.theme+xml"/>
  <Override PartName="/ppt/theme/theme11.xml" ContentType="application/vnd.openxmlformats-officedocument.theme+xml"/>
  <Override PartName="/ppt/theme/theme12.xml" ContentType="application/vnd.openxmlformats-officedocument.theme+xml"/>
  <Override PartName="/ppt/slideLayouts/slideLayout16.xml" ContentType="application/vnd.openxmlformats-officedocument.presentationml.slideLayout+xml"/>
  <Override PartName="/ppt/theme/theme13.xml" ContentType="application/vnd.openxmlformats-officedocument.theme+xml"/>
  <Override PartName="/ppt/slideLayouts/slideLayout17.xml" ContentType="application/vnd.openxmlformats-officedocument.presentationml.slideLayout+xml"/>
  <Override PartName="/ppt/theme/theme14.xml" ContentType="application/vnd.openxmlformats-officedocument.theme+xml"/>
  <Override PartName="/ppt/slideLayouts/slideLayout18.xml" ContentType="application/vnd.openxmlformats-officedocument.presentationml.slideLayout+xml"/>
  <Override PartName="/ppt/theme/theme15.xml" ContentType="application/vnd.openxmlformats-officedocument.theme+xml"/>
  <Override PartName="/ppt/theme/theme16.xml" ContentType="application/vnd.openxmlformats-officedocument.theme+xml"/>
  <Override PartName="/ppt/theme/theme17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tags/tag1.xml" ContentType="application/vnd.openxmlformats-officedocument.presentationml.tags+xml"/>
  <Override PartName="/ppt/notesSlides/notesSlide4.xml" ContentType="application/vnd.openxmlformats-officedocument.presentationml.notesSlide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notesSlides/notesSlide11.xml" ContentType="application/vnd.openxmlformats-officedocument.presentationml.notesSlide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notesSlides/notesSlide15.xml" ContentType="application/vnd.openxmlformats-officedocument.presentationml.notesSlide+xml"/>
  <Override PartName="/ppt/charts/chart2.xml" ContentType="application/vnd.openxmlformats-officedocument.drawingml.chart+xml"/>
  <Override PartName="/ppt/charts/chart3.xml" ContentType="application/vnd.openxmlformats-officedocument.drawingml.chart+xml"/>
  <Override PartName="/ppt/charts/chart4.xml" ContentType="application/vnd.openxmlformats-officedocument.drawingml.chart+xml"/>
  <Override PartName="/ppt/tags/tag23.xml" ContentType="application/vnd.openxmlformats-officedocument.presentationml.tags+xml"/>
  <Override PartName="/ppt/notesSlides/notesSlide16.xml" ContentType="application/vnd.openxmlformats-officedocument.presentationml.notesSlide+xml"/>
  <Override PartName="/ppt/charts/chart5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923" r:id="rId4"/>
    <p:sldMasterId id="2147484337" r:id="rId5"/>
    <p:sldMasterId id="2147484998" r:id="rId6"/>
    <p:sldMasterId id="2147485000" r:id="rId7"/>
    <p:sldMasterId id="2147485082" r:id="rId8"/>
    <p:sldMasterId id="2147485084" r:id="rId9"/>
    <p:sldMasterId id="2147485086" r:id="rId10"/>
    <p:sldMasterId id="2147485088" r:id="rId11"/>
    <p:sldMasterId id="2147485090" r:id="rId12"/>
    <p:sldMasterId id="2147485092" r:id="rId13"/>
    <p:sldMasterId id="2147485094" r:id="rId14"/>
    <p:sldMasterId id="2147485096" r:id="rId15"/>
    <p:sldMasterId id="2147485098" r:id="rId16"/>
    <p:sldMasterId id="2147485100" r:id="rId17"/>
    <p:sldMasterId id="2147485104" r:id="rId18"/>
  </p:sldMasterIdLst>
  <p:notesMasterIdLst>
    <p:notesMasterId r:id="rId41"/>
  </p:notesMasterIdLst>
  <p:handoutMasterIdLst>
    <p:handoutMasterId r:id="rId42"/>
  </p:handoutMasterIdLst>
  <p:sldIdLst>
    <p:sldId id="405" r:id="rId19"/>
    <p:sldId id="474" r:id="rId20"/>
    <p:sldId id="476" r:id="rId21"/>
    <p:sldId id="483" r:id="rId22"/>
    <p:sldId id="484" r:id="rId23"/>
    <p:sldId id="485" r:id="rId24"/>
    <p:sldId id="501" r:id="rId25"/>
    <p:sldId id="489" r:id="rId26"/>
    <p:sldId id="492" r:id="rId27"/>
    <p:sldId id="506" r:id="rId28"/>
    <p:sldId id="491" r:id="rId29"/>
    <p:sldId id="490" r:id="rId30"/>
    <p:sldId id="486" r:id="rId31"/>
    <p:sldId id="499" r:id="rId32"/>
    <p:sldId id="503" r:id="rId33"/>
    <p:sldId id="498" r:id="rId34"/>
    <p:sldId id="495" r:id="rId35"/>
    <p:sldId id="502" r:id="rId36"/>
    <p:sldId id="504" r:id="rId37"/>
    <p:sldId id="508" r:id="rId38"/>
    <p:sldId id="507" r:id="rId39"/>
    <p:sldId id="468" r:id="rId40"/>
  </p:sldIdLst>
  <p:sldSz cx="9144000" cy="6858000" type="screen4x3"/>
  <p:notesSz cx="7099300" cy="10234613"/>
  <p:defaultTextStyle>
    <a:defPPr>
      <a:defRPr lang="de-DE"/>
    </a:defPPr>
    <a:lvl1pPr algn="l" defTabSz="457200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panose="020B0604020202020204" pitchFamily="34" charset="0"/>
        <a:ea typeface="MS PGothic" panose="020B0600070205080204" pitchFamily="34" charset="-128"/>
        <a:cs typeface="+mn-cs"/>
      </a:defRPr>
    </a:lvl1pPr>
    <a:lvl2pPr marL="457200" algn="l" defTabSz="457200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panose="020B0604020202020204" pitchFamily="34" charset="0"/>
        <a:ea typeface="MS PGothic" panose="020B0600070205080204" pitchFamily="34" charset="-128"/>
        <a:cs typeface="+mn-cs"/>
      </a:defRPr>
    </a:lvl2pPr>
    <a:lvl3pPr marL="914400" algn="l" defTabSz="457200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panose="020B0604020202020204" pitchFamily="34" charset="0"/>
        <a:ea typeface="MS PGothic" panose="020B0600070205080204" pitchFamily="34" charset="-128"/>
        <a:cs typeface="+mn-cs"/>
      </a:defRPr>
    </a:lvl3pPr>
    <a:lvl4pPr marL="1371600" algn="l" defTabSz="457200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panose="020B0604020202020204" pitchFamily="34" charset="0"/>
        <a:ea typeface="MS PGothic" panose="020B0600070205080204" pitchFamily="34" charset="-128"/>
        <a:cs typeface="+mn-cs"/>
      </a:defRPr>
    </a:lvl4pPr>
    <a:lvl5pPr marL="1828800" algn="l" defTabSz="457200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panose="020B0604020202020204" pitchFamily="34" charset="0"/>
        <a:ea typeface="MS PGothic" panose="020B0600070205080204" pitchFamily="34" charset="-128"/>
        <a:cs typeface="+mn-cs"/>
      </a:defRPr>
    </a:lvl5pPr>
    <a:lvl6pPr marL="2286000" algn="l" defTabSz="914400" rtl="0" eaLnBrk="1" latinLnBrk="0" hangingPunct="1">
      <a:defRPr sz="2400" kern="1200">
        <a:solidFill>
          <a:schemeClr val="tx1"/>
        </a:solidFill>
        <a:latin typeface="Arial" panose="020B0604020202020204" pitchFamily="34" charset="0"/>
        <a:ea typeface="MS PGothic" panose="020B0600070205080204" pitchFamily="34" charset="-128"/>
        <a:cs typeface="+mn-cs"/>
      </a:defRPr>
    </a:lvl6pPr>
    <a:lvl7pPr marL="2743200" algn="l" defTabSz="914400" rtl="0" eaLnBrk="1" latinLnBrk="0" hangingPunct="1">
      <a:defRPr sz="2400" kern="1200">
        <a:solidFill>
          <a:schemeClr val="tx1"/>
        </a:solidFill>
        <a:latin typeface="Arial" panose="020B0604020202020204" pitchFamily="34" charset="0"/>
        <a:ea typeface="MS PGothic" panose="020B0600070205080204" pitchFamily="34" charset="-128"/>
        <a:cs typeface="+mn-cs"/>
      </a:defRPr>
    </a:lvl7pPr>
    <a:lvl8pPr marL="3200400" algn="l" defTabSz="914400" rtl="0" eaLnBrk="1" latinLnBrk="0" hangingPunct="1">
      <a:defRPr sz="2400" kern="1200">
        <a:solidFill>
          <a:schemeClr val="tx1"/>
        </a:solidFill>
        <a:latin typeface="Arial" panose="020B0604020202020204" pitchFamily="34" charset="0"/>
        <a:ea typeface="MS PGothic" panose="020B0600070205080204" pitchFamily="34" charset="-128"/>
        <a:cs typeface="+mn-cs"/>
      </a:defRPr>
    </a:lvl8pPr>
    <a:lvl9pPr marL="3657600" algn="l" defTabSz="914400" rtl="0" eaLnBrk="1" latinLnBrk="0" hangingPunct="1">
      <a:defRPr sz="2400" kern="1200">
        <a:solidFill>
          <a:schemeClr val="tx1"/>
        </a:solidFill>
        <a:latin typeface="Arial" panose="020B0604020202020204" pitchFamily="34" charset="0"/>
        <a:ea typeface="MS PGothic" panose="020B0600070205080204" pitchFamily="34" charset="-128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3362">
          <p15:clr>
            <a:srgbClr val="A4A3A4"/>
          </p15:clr>
        </p15:guide>
        <p15:guide id="2" pos="4536">
          <p15:clr>
            <a:srgbClr val="A4A3A4"/>
          </p15:clr>
        </p15:guide>
        <p15:guide id="3" pos="237">
          <p15:clr>
            <a:srgbClr val="A4A3A4"/>
          </p15:clr>
        </p15:guide>
        <p15:guide id="4" pos="5474">
          <p15:clr>
            <a:srgbClr val="A4A3A4"/>
          </p15:clr>
        </p15:guide>
        <p15:guide id="5" pos="1669">
          <p15:clr>
            <a:srgbClr val="A4A3A4"/>
          </p15:clr>
        </p15:guide>
        <p15:guide id="6" pos="2000">
          <p15:clr>
            <a:srgbClr val="A4A3A4"/>
          </p15:clr>
        </p15:guide>
        <p15:guide id="7" pos="3175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8C8C8"/>
    <a:srgbClr val="A5DAD0"/>
    <a:srgbClr val="E6E6E6"/>
    <a:srgbClr val="38818B"/>
    <a:srgbClr val="515357"/>
    <a:srgbClr val="FFFFFF"/>
    <a:srgbClr val="9BE5E3"/>
    <a:srgbClr val="7E7F82"/>
    <a:srgbClr val="985E5A"/>
    <a:srgbClr val="B8D7DC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620"/>
    <p:restoredTop sz="92464" autoAdjust="0"/>
  </p:normalViewPr>
  <p:slideViewPr>
    <p:cSldViewPr snapToGrid="0" snapToObjects="1">
      <p:cViewPr varScale="1">
        <p:scale>
          <a:sx n="89" d="100"/>
          <a:sy n="89" d="100"/>
        </p:scale>
        <p:origin x="1356" y="66"/>
      </p:cViewPr>
      <p:guideLst>
        <p:guide orient="horz" pos="3362"/>
        <p:guide pos="4536"/>
        <p:guide pos="237"/>
        <p:guide pos="5474"/>
        <p:guide pos="1669"/>
        <p:guide pos="2000"/>
        <p:guide pos="3175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" d="1"/>
        <a:sy n="1" d="1"/>
      </p:scale>
      <p:origin x="0" y="-294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Master" Target="slideMasters/slideMaster5.xml"/><Relationship Id="rId13" Type="http://schemas.openxmlformats.org/officeDocument/2006/relationships/slideMaster" Target="slideMasters/slideMaster10.xml"/><Relationship Id="rId18" Type="http://schemas.openxmlformats.org/officeDocument/2006/relationships/slideMaster" Target="slideMasters/slideMaster15.xml"/><Relationship Id="rId26" Type="http://schemas.openxmlformats.org/officeDocument/2006/relationships/slide" Target="slides/slide8.xml"/><Relationship Id="rId39" Type="http://schemas.openxmlformats.org/officeDocument/2006/relationships/slide" Target="slides/slide21.xml"/><Relationship Id="rId3" Type="http://schemas.openxmlformats.org/officeDocument/2006/relationships/customXml" Target="../customXml/item3.xml"/><Relationship Id="rId21" Type="http://schemas.openxmlformats.org/officeDocument/2006/relationships/slide" Target="slides/slide3.xml"/><Relationship Id="rId34" Type="http://schemas.openxmlformats.org/officeDocument/2006/relationships/slide" Target="slides/slide16.xml"/><Relationship Id="rId42" Type="http://schemas.openxmlformats.org/officeDocument/2006/relationships/handoutMaster" Target="handoutMasters/handoutMaster1.xml"/><Relationship Id="rId7" Type="http://schemas.openxmlformats.org/officeDocument/2006/relationships/slideMaster" Target="slideMasters/slideMaster4.xml"/><Relationship Id="rId12" Type="http://schemas.openxmlformats.org/officeDocument/2006/relationships/slideMaster" Target="slideMasters/slideMaster9.xml"/><Relationship Id="rId17" Type="http://schemas.openxmlformats.org/officeDocument/2006/relationships/slideMaster" Target="slideMasters/slideMaster14.xml"/><Relationship Id="rId25" Type="http://schemas.openxmlformats.org/officeDocument/2006/relationships/slide" Target="slides/slide7.xml"/><Relationship Id="rId33" Type="http://schemas.openxmlformats.org/officeDocument/2006/relationships/slide" Target="slides/slide15.xml"/><Relationship Id="rId38" Type="http://schemas.openxmlformats.org/officeDocument/2006/relationships/slide" Target="slides/slide20.xml"/><Relationship Id="rId46" Type="http://schemas.openxmlformats.org/officeDocument/2006/relationships/tableStyles" Target="tableStyles.xml"/><Relationship Id="rId2" Type="http://schemas.openxmlformats.org/officeDocument/2006/relationships/customXml" Target="../customXml/item2.xml"/><Relationship Id="rId16" Type="http://schemas.openxmlformats.org/officeDocument/2006/relationships/slideMaster" Target="slideMasters/slideMaster13.xml"/><Relationship Id="rId20" Type="http://schemas.openxmlformats.org/officeDocument/2006/relationships/slide" Target="slides/slide2.xml"/><Relationship Id="rId29" Type="http://schemas.openxmlformats.org/officeDocument/2006/relationships/slide" Target="slides/slide11.xml"/><Relationship Id="rId41" Type="http://schemas.openxmlformats.org/officeDocument/2006/relationships/notesMaster" Target="notesMasters/notesMaster1.xml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3.xml"/><Relationship Id="rId11" Type="http://schemas.openxmlformats.org/officeDocument/2006/relationships/slideMaster" Target="slideMasters/slideMaster8.xml"/><Relationship Id="rId24" Type="http://schemas.openxmlformats.org/officeDocument/2006/relationships/slide" Target="slides/slide6.xml"/><Relationship Id="rId32" Type="http://schemas.openxmlformats.org/officeDocument/2006/relationships/slide" Target="slides/slide14.xml"/><Relationship Id="rId37" Type="http://schemas.openxmlformats.org/officeDocument/2006/relationships/slide" Target="slides/slide19.xml"/><Relationship Id="rId40" Type="http://schemas.openxmlformats.org/officeDocument/2006/relationships/slide" Target="slides/slide22.xml"/><Relationship Id="rId45" Type="http://schemas.openxmlformats.org/officeDocument/2006/relationships/theme" Target="theme/theme1.xml"/><Relationship Id="rId5" Type="http://schemas.openxmlformats.org/officeDocument/2006/relationships/slideMaster" Target="slideMasters/slideMaster2.xml"/><Relationship Id="rId15" Type="http://schemas.openxmlformats.org/officeDocument/2006/relationships/slideMaster" Target="slideMasters/slideMaster12.xml"/><Relationship Id="rId23" Type="http://schemas.openxmlformats.org/officeDocument/2006/relationships/slide" Target="slides/slide5.xml"/><Relationship Id="rId28" Type="http://schemas.openxmlformats.org/officeDocument/2006/relationships/slide" Target="slides/slide10.xml"/><Relationship Id="rId36" Type="http://schemas.openxmlformats.org/officeDocument/2006/relationships/slide" Target="slides/slide18.xml"/><Relationship Id="rId10" Type="http://schemas.openxmlformats.org/officeDocument/2006/relationships/slideMaster" Target="slideMasters/slideMaster7.xml"/><Relationship Id="rId19" Type="http://schemas.openxmlformats.org/officeDocument/2006/relationships/slide" Target="slides/slide1.xml"/><Relationship Id="rId31" Type="http://schemas.openxmlformats.org/officeDocument/2006/relationships/slide" Target="slides/slide13.xml"/><Relationship Id="rId44" Type="http://schemas.openxmlformats.org/officeDocument/2006/relationships/viewProps" Target="viewProps.xml"/><Relationship Id="rId4" Type="http://schemas.openxmlformats.org/officeDocument/2006/relationships/slideMaster" Target="slideMasters/slideMaster1.xml"/><Relationship Id="rId9" Type="http://schemas.openxmlformats.org/officeDocument/2006/relationships/slideMaster" Target="slideMasters/slideMaster6.xml"/><Relationship Id="rId14" Type="http://schemas.openxmlformats.org/officeDocument/2006/relationships/slideMaster" Target="slideMasters/slideMaster11.xml"/><Relationship Id="rId22" Type="http://schemas.openxmlformats.org/officeDocument/2006/relationships/slide" Target="slides/slide4.xml"/><Relationship Id="rId27" Type="http://schemas.openxmlformats.org/officeDocument/2006/relationships/slide" Target="slides/slide9.xml"/><Relationship Id="rId30" Type="http://schemas.openxmlformats.org/officeDocument/2006/relationships/slide" Target="slides/slide12.xml"/><Relationship Id="rId35" Type="http://schemas.openxmlformats.org/officeDocument/2006/relationships/slide" Target="slides/slide17.xml"/><Relationship Id="rId43" Type="http://schemas.openxmlformats.org/officeDocument/2006/relationships/presProps" Target="presProps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Mappe1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-Arbeitsblatt.xlsx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-Arbeitsblatt1.xlsx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-Arbeitsblatt2.xlsx"/></Relationships>
</file>

<file path=ppt/charts/_rels/chart5.xml.rels><?xml version="1.0" encoding="UTF-8" standalone="yes"?>
<Relationships xmlns="http://schemas.openxmlformats.org/package/2006/relationships"><Relationship Id="rId3" Type="http://schemas.openxmlformats.org/officeDocument/2006/relationships/oleObject" Target="file:///\\facc.co.at\files\cxo_ipo\Investor_Relations\Berichte\Quartale\Quartalszeitreihe.xlsx" TargetMode="External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1"/>
          <c:order val="0"/>
          <c:spPr>
            <a:solidFill>
              <a:srgbClr val="C8C8C8"/>
            </a:solidFill>
            <a:ln>
              <a:noFill/>
            </a:ln>
            <a:effectLst/>
          </c:spPr>
          <c:invertIfNegative val="0"/>
          <c:dLbls>
            <c:dLbl>
              <c:idx val="3"/>
              <c:tx>
                <c:rich>
                  <a:bodyPr/>
                  <a:lstStyle/>
                  <a:p>
                    <a:r>
                      <a:rPr lang="en-US" smtClean="0"/>
                      <a:t>&gt; </a:t>
                    </a:r>
                    <a:fld id="{50B806D8-B9F9-46D2-AA4C-B5A4B6E63304}" type="VALUE">
                      <a:rPr lang="en-US" smtClean="0"/>
                      <a:pPr/>
                      <a:t>[WERT]</a:t>
                    </a:fld>
                    <a:endParaRPr lang="en-US" smtClean="0"/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dlblFieldTable/>
                  <c15:showDataLabelsRange val="0"/>
                </c:ext>
                <c:ext xmlns:c16="http://schemas.microsoft.com/office/drawing/2014/chart" uri="{C3380CC4-5D6E-409C-BE32-E72D297353CC}">
                  <c16:uniqueId val="{00000000-D8D8-4706-86BB-8A09FBDEAEA5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200" b="1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Arial" panose="020B0604020202020204" pitchFamily="34" charset="0"/>
                    <a:ea typeface="+mn-ea"/>
                    <a:cs typeface="Arial" panose="020B0604020202020204" pitchFamily="34" charset="0"/>
                  </a:defRPr>
                </a:pPr>
                <a:endParaRPr lang="de-DE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Tabelle1!$F$8:$F$11</c:f>
              <c:strCache>
                <c:ptCount val="4"/>
                <c:pt idx="0">
                  <c:v>1967</c:v>
                </c:pt>
                <c:pt idx="1">
                  <c:v>1987</c:v>
                </c:pt>
                <c:pt idx="2">
                  <c:v>2007</c:v>
                </c:pt>
                <c:pt idx="3">
                  <c:v>2011+</c:v>
                </c:pt>
              </c:strCache>
            </c:strRef>
          </c:cat>
          <c:val>
            <c:numRef>
              <c:f>Tabelle1!$G$8:$G$11</c:f>
              <c:numCache>
                <c:formatCode>0%</c:formatCode>
                <c:ptCount val="4"/>
                <c:pt idx="0">
                  <c:v>0.03</c:v>
                </c:pt>
                <c:pt idx="1">
                  <c:v>0.13</c:v>
                </c:pt>
                <c:pt idx="2">
                  <c:v>0.22</c:v>
                </c:pt>
                <c:pt idx="3">
                  <c:v>0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D8D8-4706-86BB-8A09FBDEAEA5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0"/>
        <c:overlap val="23"/>
        <c:axId val="116991512"/>
        <c:axId val="116991904"/>
      </c:barChart>
      <c:catAx>
        <c:axId val="116991512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1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pPr>
            <a:endParaRPr lang="de-DE"/>
          </a:p>
        </c:txPr>
        <c:crossAx val="116991904"/>
        <c:crosses val="autoZero"/>
        <c:auto val="1"/>
        <c:lblAlgn val="ctr"/>
        <c:lblOffset val="100"/>
        <c:noMultiLvlLbl val="0"/>
      </c:catAx>
      <c:valAx>
        <c:axId val="116991904"/>
        <c:scaling>
          <c:orientation val="minMax"/>
        </c:scaling>
        <c:delete val="1"/>
        <c:axPos val="l"/>
        <c:numFmt formatCode="0%" sourceLinked="1"/>
        <c:majorTickMark val="none"/>
        <c:minorTickMark val="none"/>
        <c:tickLblPos val="nextTo"/>
        <c:crossAx val="116991512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sz="1200">
          <a:latin typeface="Arial" panose="020B0604020202020204" pitchFamily="34" charset="0"/>
          <a:cs typeface="Arial" panose="020B0604020202020204" pitchFamily="34" charset="0"/>
        </a:defRPr>
      </a:pPr>
      <a:endParaRPr lang="de-DE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2.1766118932993215E-2"/>
          <c:y val="0.10253291044684734"/>
          <c:w val="0.93239919701666096"/>
          <c:h val="0.79735442867464268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palte3</c:v>
                </c:pt>
              </c:strCache>
            </c:strRef>
          </c:tx>
          <c:spPr>
            <a:solidFill>
              <a:srgbClr val="A5DAD0"/>
            </a:solidFill>
          </c:spPr>
          <c:invertIfNegative val="0"/>
          <c:dLbls>
            <c:dLbl>
              <c:idx val="0"/>
              <c:layout>
                <c:manualLayout>
                  <c:x val="2.7614776906305671E-3"/>
                  <c:y val="-0.34588677581709754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1-D5AC-4786-886C-8E1C180ECB35}"/>
                </c:ext>
              </c:extLst>
            </c:dLbl>
            <c:dLbl>
              <c:idx val="1"/>
              <c:layout>
                <c:manualLayout>
                  <c:x val="-1.0462843573691488E-2"/>
                  <c:y val="-0.35732368283408023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>
                    <c:manualLayout>
                      <c:w val="0.20221979770163226"/>
                      <c:h val="5.9409095407059756E-2"/>
                    </c:manualLayout>
                  </c15:layout>
                </c:ext>
                <c:ext xmlns:c16="http://schemas.microsoft.com/office/drawing/2014/chart" uri="{C3380CC4-5D6E-409C-BE32-E72D297353CC}">
                  <c16:uniqueId val="{00000002-D5AC-4786-886C-8E1C180ECB35}"/>
                </c:ext>
              </c:extLst>
            </c:dLbl>
            <c:dLbl>
              <c:idx val="2"/>
              <c:layout>
                <c:manualLayout>
                  <c:x val="0"/>
                  <c:y val="-0.41143924272296445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3-D5AC-4786-886C-8E1C180ECB35}"/>
                </c:ext>
              </c:extLst>
            </c:dLbl>
            <c:numFmt formatCode="#,##0.0" sourceLinked="0"/>
            <c:spPr>
              <a:noFill/>
              <a:ln w="25114">
                <a:noFill/>
              </a:ln>
            </c:spPr>
            <c:txPr>
              <a:bodyPr/>
              <a:lstStyle/>
              <a:p>
                <a:pPr>
                  <a:defRPr sz="1100" b="1">
                    <a:solidFill>
                      <a:srgbClr val="515357"/>
                    </a:solidFill>
                    <a:latin typeface="Arial" pitchFamily="34" charset="0"/>
                    <a:cs typeface="Arial" pitchFamily="34" charset="0"/>
                  </a:defRPr>
                </a:pPr>
                <a:endParaRPr lang="de-DE"/>
              </a:p>
            </c:txPr>
            <c:dLblPos val="in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4</c:f>
              <c:strCache>
                <c:ptCount val="3"/>
                <c:pt idx="0">
                  <c:v>FY 2014/15</c:v>
                </c:pt>
                <c:pt idx="1">
                  <c:v>FY 2015/16</c:v>
                </c:pt>
                <c:pt idx="2">
                  <c:v>FY 2106/17</c:v>
                </c:pt>
              </c:strCache>
            </c:strRef>
          </c:cat>
          <c:val>
            <c:numRef>
              <c:f>Sheet1!$B$2:$B$4</c:f>
              <c:numCache>
                <c:formatCode>_(* #,##0.00_);_(* \(#,##0.00\);_(* "-"??_);_(@_)</c:formatCode>
                <c:ptCount val="3"/>
                <c:pt idx="0">
                  <c:v>528.9</c:v>
                </c:pt>
                <c:pt idx="1">
                  <c:v>587.5</c:v>
                </c:pt>
                <c:pt idx="2">
                  <c:v>71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B31B-4E4A-8640-D21AEC11B59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116994648"/>
        <c:axId val="240381688"/>
      </c:barChart>
      <c:catAx>
        <c:axId val="116994648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sz="1050" b="1">
                <a:solidFill>
                  <a:srgbClr val="515357"/>
                </a:solidFill>
                <a:latin typeface="Arial" pitchFamily="34" charset="0"/>
                <a:cs typeface="Arial" pitchFamily="34" charset="0"/>
              </a:defRPr>
            </a:pPr>
            <a:endParaRPr lang="de-DE"/>
          </a:p>
        </c:txPr>
        <c:crossAx val="240381688"/>
        <c:crosses val="autoZero"/>
        <c:auto val="1"/>
        <c:lblAlgn val="ctr"/>
        <c:lblOffset val="100"/>
        <c:noMultiLvlLbl val="0"/>
      </c:catAx>
      <c:valAx>
        <c:axId val="240381688"/>
        <c:scaling>
          <c:orientation val="minMax"/>
          <c:max val="750"/>
          <c:min val="0"/>
        </c:scaling>
        <c:delete val="1"/>
        <c:axPos val="l"/>
        <c:numFmt formatCode="_(* #,##0.00_);_(* \(#,##0.00\);_(* &quot;-&quot;??_);_(@_)" sourceLinked="1"/>
        <c:majorTickMark val="out"/>
        <c:minorTickMark val="none"/>
        <c:tickLblPos val="nextTo"/>
        <c:crossAx val="116994648"/>
        <c:crosses val="autoZero"/>
        <c:crossBetween val="between"/>
        <c:majorUnit val="100"/>
      </c:valAx>
      <c:spPr>
        <a:noFill/>
        <a:ln w="25343">
          <a:noFill/>
        </a:ln>
      </c:spPr>
    </c:plotArea>
    <c:plotVisOnly val="1"/>
    <c:dispBlanksAs val="gap"/>
    <c:showDLblsOverMax val="0"/>
  </c:chart>
  <c:txPr>
    <a:bodyPr/>
    <a:lstStyle/>
    <a:p>
      <a:pPr>
        <a:defRPr sz="1185"/>
      </a:pPr>
      <a:endParaRPr lang="de-DE"/>
    </a:p>
  </c:txPr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2.1766118932993215E-2"/>
          <c:y val="6.2097550306211717E-2"/>
          <c:w val="0.93239919701666096"/>
          <c:h val="0.88755651478222042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palte3</c:v>
                </c:pt>
              </c:strCache>
            </c:strRef>
          </c:tx>
          <c:spPr>
            <a:solidFill>
              <a:srgbClr val="A5DAD0"/>
            </a:solidFill>
          </c:spPr>
          <c:invertIfNegative val="0"/>
          <c:dLbls>
            <c:dLbl>
              <c:idx val="0"/>
              <c:layout>
                <c:manualLayout>
                  <c:x val="-2.531325307658726E-17"/>
                  <c:y val="-9.3771784672446054E-2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805C-4C15-AF65-D71995C6A880}"/>
                </c:ext>
              </c:extLst>
            </c:dLbl>
            <c:dLbl>
              <c:idx val="1"/>
              <c:layout>
                <c:manualLayout>
                  <c:x val="-1.3807388453152887E-2"/>
                  <c:y val="-0.28235870146104686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2-805C-4C15-AF65-D71995C6A880}"/>
                </c:ext>
              </c:extLst>
            </c:dLbl>
            <c:dLbl>
              <c:idx val="2"/>
              <c:layout>
                <c:manualLayout>
                  <c:x val="-5.5229553812611342E-3"/>
                  <c:y val="-0.37585040668154246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805C-4C15-AF65-D71995C6A880}"/>
                </c:ext>
              </c:extLst>
            </c:dLbl>
            <c:numFmt formatCode="#,##0.0" sourceLinked="0"/>
            <c:spPr>
              <a:noFill/>
              <a:ln w="25114">
                <a:noFill/>
              </a:ln>
            </c:spPr>
            <c:txPr>
              <a:bodyPr/>
              <a:lstStyle/>
              <a:p>
                <a:pPr>
                  <a:defRPr sz="1100" b="1">
                    <a:solidFill>
                      <a:srgbClr val="515357"/>
                    </a:solidFill>
                    <a:latin typeface="Arial" pitchFamily="34" charset="0"/>
                    <a:cs typeface="Arial" pitchFamily="34" charset="0"/>
                  </a:defRPr>
                </a:pPr>
                <a:endParaRPr lang="de-DE"/>
              </a:p>
            </c:txPr>
            <c:dLblPos val="in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4</c:f>
              <c:strCache>
                <c:ptCount val="3"/>
                <c:pt idx="0">
                  <c:v>FY 2014/15</c:v>
                </c:pt>
                <c:pt idx="1">
                  <c:v>FY 2015/16</c:v>
                </c:pt>
                <c:pt idx="2">
                  <c:v>FY 2106/17</c:v>
                </c:pt>
              </c:strCache>
            </c:strRef>
          </c:cat>
          <c:val>
            <c:numRef>
              <c:f>Sheet1!$B$2:$B$4</c:f>
              <c:numCache>
                <c:formatCode>_(* #,##0.00_);_(* \(#,##0.00\);_(* "-"??_);_(@_)</c:formatCode>
                <c:ptCount val="3"/>
                <c:pt idx="0">
                  <c:v>-4.5</c:v>
                </c:pt>
                <c:pt idx="1">
                  <c:v>18.600000000000001</c:v>
                </c:pt>
                <c:pt idx="2">
                  <c:v>25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805C-4C15-AF65-D71995C6A88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240382472"/>
        <c:axId val="240382864"/>
      </c:barChart>
      <c:catAx>
        <c:axId val="240382472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sz="1000" b="1">
                <a:solidFill>
                  <a:srgbClr val="515357"/>
                </a:solidFill>
                <a:latin typeface="Arial" pitchFamily="34" charset="0"/>
                <a:cs typeface="Arial" pitchFamily="34" charset="0"/>
              </a:defRPr>
            </a:pPr>
            <a:endParaRPr lang="de-DE"/>
          </a:p>
        </c:txPr>
        <c:crossAx val="240382864"/>
        <c:crosses val="autoZero"/>
        <c:auto val="1"/>
        <c:lblAlgn val="ctr"/>
        <c:lblOffset val="100"/>
        <c:noMultiLvlLbl val="0"/>
      </c:catAx>
      <c:valAx>
        <c:axId val="240382864"/>
        <c:scaling>
          <c:orientation val="minMax"/>
          <c:max val="30"/>
          <c:min val="-5"/>
        </c:scaling>
        <c:delete val="1"/>
        <c:axPos val="l"/>
        <c:numFmt formatCode="_(* #,##0.00_);_(* \(#,##0.00\);_(* &quot;-&quot;??_);_(@_)" sourceLinked="1"/>
        <c:majorTickMark val="out"/>
        <c:minorTickMark val="none"/>
        <c:tickLblPos val="nextTo"/>
        <c:crossAx val="240382472"/>
        <c:crosses val="autoZero"/>
        <c:crossBetween val="between"/>
        <c:majorUnit val="10"/>
      </c:valAx>
      <c:spPr>
        <a:noFill/>
        <a:ln w="25343">
          <a:noFill/>
        </a:ln>
      </c:spPr>
    </c:plotArea>
    <c:plotVisOnly val="1"/>
    <c:dispBlanksAs val="gap"/>
    <c:showDLblsOverMax val="0"/>
  </c:chart>
  <c:txPr>
    <a:bodyPr/>
    <a:lstStyle/>
    <a:p>
      <a:pPr>
        <a:defRPr sz="1185"/>
      </a:pPr>
      <a:endParaRPr lang="de-DE"/>
    </a:p>
  </c:txPr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2.1766118932993215E-2"/>
          <c:y val="6.2097550306211717E-2"/>
          <c:w val="0.93239919701666096"/>
          <c:h val="0.83132794345139971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palte3</c:v>
                </c:pt>
              </c:strCache>
            </c:strRef>
          </c:tx>
          <c:spPr>
            <a:solidFill>
              <a:srgbClr val="A5DAD0"/>
            </a:solidFill>
          </c:spPr>
          <c:invertIfNegative val="0"/>
          <c:dLbls>
            <c:dLbl>
              <c:idx val="0"/>
              <c:layout>
                <c:manualLayout>
                  <c:x val="0"/>
                  <c:y val="-0.36607991917916055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0-22C4-48C1-940D-42544DC1E4CF}"/>
                </c:ext>
              </c:extLst>
            </c:dLbl>
            <c:dLbl>
              <c:idx val="1"/>
              <c:layout>
                <c:manualLayout>
                  <c:x val="-4.3203667549515891E-3"/>
                  <c:y val="-0.27528568122828517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22C4-48C1-940D-42544DC1E4CF}"/>
                </c:ext>
              </c:extLst>
            </c:dLbl>
            <c:dLbl>
              <c:idx val="2"/>
              <c:layout>
                <c:manualLayout>
                  <c:x val="-5.5230624367138296E-3"/>
                  <c:y val="-0.26621979069117913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2-22C4-48C1-940D-42544DC1E4CF}"/>
                </c:ext>
              </c:extLst>
            </c:dLbl>
            <c:numFmt formatCode="#,##0.0" sourceLinked="0"/>
            <c:spPr>
              <a:noFill/>
              <a:ln w="25114">
                <a:noFill/>
              </a:ln>
            </c:spPr>
            <c:txPr>
              <a:bodyPr/>
              <a:lstStyle/>
              <a:p>
                <a:pPr>
                  <a:defRPr sz="1100" b="1">
                    <a:solidFill>
                      <a:srgbClr val="515357"/>
                    </a:solidFill>
                    <a:latin typeface="Arial" pitchFamily="34" charset="0"/>
                    <a:cs typeface="Arial" pitchFamily="34" charset="0"/>
                  </a:defRPr>
                </a:pPr>
                <a:endParaRPr lang="de-DE"/>
              </a:p>
            </c:txPr>
            <c:dLblPos val="in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4</c:f>
              <c:strCache>
                <c:ptCount val="3"/>
                <c:pt idx="0">
                  <c:v>FY 2014/15</c:v>
                </c:pt>
                <c:pt idx="1">
                  <c:v>FY 2015/16</c:v>
                </c:pt>
                <c:pt idx="2">
                  <c:v>FY 2106/17</c:v>
                </c:pt>
              </c:strCache>
            </c:strRef>
          </c:cat>
          <c:val>
            <c:numRef>
              <c:f>Sheet1!$B$2:$B$4</c:f>
              <c:numCache>
                <c:formatCode>_(* #,##0.00_);_(* \(#,##0.00\);_(* "-"??_);_(@_)</c:formatCode>
                <c:ptCount val="3"/>
                <c:pt idx="0">
                  <c:v>5.5</c:v>
                </c:pt>
                <c:pt idx="1">
                  <c:v>3.9</c:v>
                </c:pt>
                <c:pt idx="2">
                  <c:v>3.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22C4-48C1-940D-42544DC1E4C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240383648"/>
        <c:axId val="240384040"/>
      </c:barChart>
      <c:catAx>
        <c:axId val="240383648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sz="1000" b="1">
                <a:solidFill>
                  <a:srgbClr val="515357"/>
                </a:solidFill>
                <a:latin typeface="Arial" pitchFamily="34" charset="0"/>
                <a:cs typeface="Arial" pitchFamily="34" charset="0"/>
              </a:defRPr>
            </a:pPr>
            <a:endParaRPr lang="de-DE"/>
          </a:p>
        </c:txPr>
        <c:crossAx val="240384040"/>
        <c:crosses val="autoZero"/>
        <c:auto val="1"/>
        <c:lblAlgn val="ctr"/>
        <c:lblOffset val="100"/>
        <c:noMultiLvlLbl val="0"/>
      </c:catAx>
      <c:valAx>
        <c:axId val="240384040"/>
        <c:scaling>
          <c:orientation val="minMax"/>
          <c:max val="7"/>
          <c:min val="0"/>
        </c:scaling>
        <c:delete val="1"/>
        <c:axPos val="l"/>
        <c:numFmt formatCode="_(* #,##0.00_);_(* \(#,##0.00\);_(* &quot;-&quot;??_);_(@_)" sourceLinked="1"/>
        <c:majorTickMark val="out"/>
        <c:minorTickMark val="none"/>
        <c:tickLblPos val="nextTo"/>
        <c:crossAx val="240383648"/>
        <c:crosses val="autoZero"/>
        <c:crossBetween val="between"/>
        <c:majorUnit val="10"/>
      </c:valAx>
      <c:spPr>
        <a:noFill/>
        <a:ln w="25343">
          <a:noFill/>
        </a:ln>
      </c:spPr>
    </c:plotArea>
    <c:plotVisOnly val="1"/>
    <c:dispBlanksAs val="gap"/>
    <c:showDLblsOverMax val="0"/>
  </c:chart>
  <c:txPr>
    <a:bodyPr/>
    <a:lstStyle/>
    <a:p>
      <a:pPr>
        <a:defRPr sz="1185"/>
      </a:pPr>
      <a:endParaRPr lang="de-DE"/>
    </a:p>
  </c:txPr>
  <c:externalData r:id="rId1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8.1661754337462186E-2"/>
          <c:y val="4.8795477753318724E-2"/>
          <c:w val="0.81629197466010217"/>
          <c:h val="0.72407404258809005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Tabelle1!$A$3</c:f>
              <c:strCache>
                <c:ptCount val="1"/>
                <c:pt idx="0">
                  <c:v>EBIT</c:v>
                </c:pt>
              </c:strCache>
            </c:strRef>
          </c:tx>
          <c:spPr>
            <a:solidFill>
              <a:schemeClr val="accent1"/>
            </a:solidFill>
            <a:ln w="34925">
              <a:noFill/>
            </a:ln>
            <a:effectLst/>
          </c:spPr>
          <c:invertIfNegative val="0"/>
          <c:dLbls>
            <c:numFmt formatCode="#,##0.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Arial" panose="020B0604020202020204" pitchFamily="34" charset="0"/>
                    <a:ea typeface="+mn-ea"/>
                    <a:cs typeface="Arial" panose="020B0604020202020204" pitchFamily="34" charset="0"/>
                  </a:defRPr>
                </a:pPr>
                <a:endParaRPr lang="de-DE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Tabelle1!$J$1:$Q$1</c:f>
              <c:strCache>
                <c:ptCount val="8"/>
                <c:pt idx="0">
                  <c:v>Q1 15/16</c:v>
                </c:pt>
                <c:pt idx="1">
                  <c:v>Q2 15/16</c:v>
                </c:pt>
                <c:pt idx="2">
                  <c:v>Q3 15/16</c:v>
                </c:pt>
                <c:pt idx="3">
                  <c:v>Q4 15/16</c:v>
                </c:pt>
                <c:pt idx="4">
                  <c:v>Q1 16/17</c:v>
                </c:pt>
                <c:pt idx="5">
                  <c:v>Q2 16/17</c:v>
                </c:pt>
                <c:pt idx="6">
                  <c:v>Q3 16/17</c:v>
                </c:pt>
                <c:pt idx="7">
                  <c:v>Q4 16/17</c:v>
                </c:pt>
              </c:strCache>
            </c:strRef>
          </c:cat>
          <c:val>
            <c:numRef>
              <c:f>Tabelle1!$J$3:$Q$3</c:f>
              <c:numCache>
                <c:formatCode>_-* #,##0.0\ _€_-;\-* #,##0.0\ _€_-;_-* "-"??\ _€_-;_-@_-</c:formatCode>
                <c:ptCount val="8"/>
                <c:pt idx="0">
                  <c:v>1.2</c:v>
                </c:pt>
                <c:pt idx="1">
                  <c:v>4.8</c:v>
                </c:pt>
                <c:pt idx="2">
                  <c:v>7.9</c:v>
                </c:pt>
                <c:pt idx="3">
                  <c:v>4.7000000000000011</c:v>
                </c:pt>
                <c:pt idx="4" formatCode="General">
                  <c:v>2.6</c:v>
                </c:pt>
                <c:pt idx="5">
                  <c:v>2</c:v>
                </c:pt>
                <c:pt idx="6">
                  <c:v>11.4</c:v>
                </c:pt>
                <c:pt idx="7" formatCode="_(* #,##0.00_);_(* \(#,##0.00\);_(* &quot;-&quot;??_);_(@_)">
                  <c:v>9.300000000000000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81E2-4F49-A76A-C158028989A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axId val="334879368"/>
        <c:axId val="334879696"/>
      </c:barChart>
      <c:lineChart>
        <c:grouping val="standard"/>
        <c:varyColors val="0"/>
        <c:ser>
          <c:idx val="1"/>
          <c:order val="1"/>
          <c:tx>
            <c:strRef>
              <c:f>Tabelle1!$A$5</c:f>
              <c:strCache>
                <c:ptCount val="1"/>
                <c:pt idx="0">
                  <c:v>EBIT Marge</c:v>
                </c:pt>
              </c:strCache>
            </c:strRef>
          </c:tx>
          <c:spPr>
            <a:ln w="19050" cap="rnd">
              <a:solidFill>
                <a:schemeClr val="tx1"/>
              </a:solidFill>
              <a:prstDash val="sysDash"/>
              <a:round/>
            </a:ln>
            <a:effectLst/>
          </c:spPr>
          <c:marker>
            <c:symbol val="none"/>
          </c:marker>
          <c:dLbls>
            <c:numFmt formatCode="0.0%" sourceLinked="0"/>
            <c:spPr>
              <a:solidFill>
                <a:schemeClr val="bg1">
                  <a:lumMod val="85000"/>
                </a:schemeClr>
              </a:solidFill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Arial" panose="020B0604020202020204" pitchFamily="34" charset="0"/>
                    <a:ea typeface="+mn-ea"/>
                    <a:cs typeface="Arial" panose="020B0604020202020204" pitchFamily="34" charset="0"/>
                  </a:defRPr>
                </a:pPr>
                <a:endParaRPr lang="de-DE"/>
              </a:p>
            </c:txPr>
            <c:dLblPos val="t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val>
            <c:numRef>
              <c:f>Tabelle1!$J$5:$Q$5</c:f>
              <c:numCache>
                <c:formatCode>0.0%</c:formatCode>
                <c:ptCount val="8"/>
                <c:pt idx="0">
                  <c:v>8.7783467446964168E-3</c:v>
                </c:pt>
                <c:pt idx="1">
                  <c:v>3.5982008995502246E-2</c:v>
                </c:pt>
                <c:pt idx="2">
                  <c:v>5.0095117311350669E-2</c:v>
                </c:pt>
                <c:pt idx="3">
                  <c:v>2.9430181590482163E-2</c:v>
                </c:pt>
                <c:pt idx="4">
                  <c:v>1.5767131594906003E-2</c:v>
                </c:pt>
                <c:pt idx="5">
                  <c:v>1.2128562765312311E-2</c:v>
                </c:pt>
                <c:pt idx="6">
                  <c:v>5.8371735791090631E-2</c:v>
                </c:pt>
                <c:pt idx="7">
                  <c:v>5.029745808545158E-2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1-81E2-4F49-A76A-C158028989A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404058776"/>
        <c:axId val="404057792"/>
      </c:lineChart>
      <c:catAx>
        <c:axId val="334879368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pPr>
            <a:endParaRPr lang="de-DE"/>
          </a:p>
        </c:txPr>
        <c:crossAx val="334879696"/>
        <c:crosses val="autoZero"/>
        <c:auto val="1"/>
        <c:lblAlgn val="ctr"/>
        <c:lblOffset val="100"/>
        <c:noMultiLvlLbl val="0"/>
      </c:catAx>
      <c:valAx>
        <c:axId val="334879696"/>
        <c:scaling>
          <c:orientation val="minMax"/>
          <c:max val="20"/>
        </c:scaling>
        <c:delete val="0"/>
        <c:axPos val="l"/>
        <c:numFmt formatCode="_-* #,##0.0\ _€_-;\-* #,##0.0\ _€_-;_-* &quot;-&quot;??\ _€_-;_-@_-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334879368"/>
        <c:crosses val="autoZero"/>
        <c:crossBetween val="between"/>
      </c:valAx>
      <c:valAx>
        <c:axId val="404057792"/>
        <c:scaling>
          <c:orientation val="minMax"/>
        </c:scaling>
        <c:delete val="0"/>
        <c:axPos val="r"/>
        <c:numFmt formatCode="0.0%" sourceLinked="1"/>
        <c:majorTickMark val="out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404058776"/>
        <c:crosses val="max"/>
        <c:crossBetween val="between"/>
      </c:valAx>
      <c:catAx>
        <c:axId val="404058776"/>
        <c:scaling>
          <c:orientation val="minMax"/>
        </c:scaling>
        <c:delete val="1"/>
        <c:axPos val="b"/>
        <c:majorTickMark val="out"/>
        <c:minorTickMark val="none"/>
        <c:tickLblPos val="nextTo"/>
        <c:crossAx val="404057792"/>
        <c:crosses val="autoZero"/>
        <c:auto val="1"/>
        <c:lblAlgn val="ctr"/>
        <c:lblOffset val="100"/>
        <c:noMultiLvlLbl val="0"/>
      </c:cat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3846836485269205"/>
          <c:y val="0.91614541281139883"/>
          <c:w val="0.26833138387141742"/>
          <c:h val="5.7662998813129203E-2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05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Arial" panose="020B0604020202020204" pitchFamily="34" charset="0"/>
              <a:ea typeface="+mn-ea"/>
              <a:cs typeface="Arial" panose="020B0604020202020204" pitchFamily="34" charset="0"/>
            </a:defRPr>
          </a:pPr>
          <a:endParaRPr lang="de-DE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de-DE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88.png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17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76575" cy="511175"/>
          </a:xfrm>
          <a:prstGeom prst="rect">
            <a:avLst/>
          </a:prstGeom>
        </p:spPr>
        <p:txBody>
          <a:bodyPr vert="horz" wrap="square" lIns="95484" tIns="47741" rIns="95484" bIns="47741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300">
                <a:latin typeface="Calibri" pitchFamily="1" charset="0"/>
                <a:ea typeface="ＭＳ Ｐゴシック" pitchFamily="1" charset="-128"/>
                <a:cs typeface="ＭＳ Ｐゴシック" pitchFamily="1" charset="-128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3" name="Datumsplatzhalter 2"/>
          <p:cNvSpPr>
            <a:spLocks noGrp="1"/>
          </p:cNvSpPr>
          <p:nvPr>
            <p:ph type="dt" sz="quarter" idx="1"/>
          </p:nvPr>
        </p:nvSpPr>
        <p:spPr>
          <a:xfrm>
            <a:off x="4021138" y="0"/>
            <a:ext cx="3076575" cy="511175"/>
          </a:xfrm>
          <a:prstGeom prst="rect">
            <a:avLst/>
          </a:prstGeom>
        </p:spPr>
        <p:txBody>
          <a:bodyPr vert="horz" wrap="square" lIns="95484" tIns="47741" rIns="95484" bIns="47741" numCol="1" anchor="t" anchorCtr="0" compatLnSpc="1">
            <a:prstTxWarp prst="textNoShape">
              <a:avLst/>
            </a:prstTxWarp>
          </a:bodyPr>
          <a:lstStyle>
            <a:lvl1pPr algn="r" eaLnBrk="1" hangingPunct="1">
              <a:defRPr sz="1300">
                <a:latin typeface="Calibri" panose="020F0502020204030204" pitchFamily="34" charset="0"/>
              </a:defRPr>
            </a:lvl1pPr>
          </a:lstStyle>
          <a:p>
            <a:pPr>
              <a:defRPr/>
            </a:pPr>
            <a:fld id="{8581376E-78A3-4FC3-9749-AA382D11AA77}" type="datetime1">
              <a:rPr lang="de-AT" altLang="de-DE"/>
              <a:pPr>
                <a:defRPr/>
              </a:pPr>
              <a:t>29.05.2017</a:t>
            </a:fld>
            <a:endParaRPr lang="de-DE" alt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2"/>
          </p:nvPr>
        </p:nvSpPr>
        <p:spPr>
          <a:xfrm>
            <a:off x="0" y="9721850"/>
            <a:ext cx="3076575" cy="511175"/>
          </a:xfrm>
          <a:prstGeom prst="rect">
            <a:avLst/>
          </a:prstGeom>
        </p:spPr>
        <p:txBody>
          <a:bodyPr vert="horz" wrap="square" lIns="95484" tIns="47741" rIns="95484" bIns="47741" numCol="1" anchor="b" anchorCtr="0" compatLnSpc="1">
            <a:prstTxWarp prst="textNoShape">
              <a:avLst/>
            </a:prstTxWarp>
          </a:bodyPr>
          <a:lstStyle>
            <a:lvl1pPr eaLnBrk="1" hangingPunct="1">
              <a:defRPr sz="1300">
                <a:latin typeface="Calibri" pitchFamily="1" charset="0"/>
                <a:ea typeface="ＭＳ Ｐゴシック" pitchFamily="1" charset="-128"/>
                <a:cs typeface="ＭＳ Ｐゴシック" pitchFamily="1" charset="-128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3"/>
          </p:nvPr>
        </p:nvSpPr>
        <p:spPr>
          <a:xfrm>
            <a:off x="4021138" y="9721850"/>
            <a:ext cx="3076575" cy="511175"/>
          </a:xfrm>
          <a:prstGeom prst="rect">
            <a:avLst/>
          </a:prstGeom>
        </p:spPr>
        <p:txBody>
          <a:bodyPr vert="horz" wrap="square" lIns="95484" tIns="47741" rIns="95484" bIns="47741" numCol="1" anchor="b" anchorCtr="0" compatLnSpc="1">
            <a:prstTxWarp prst="textNoShape">
              <a:avLst/>
            </a:prstTxWarp>
          </a:bodyPr>
          <a:lstStyle>
            <a:lvl1pPr algn="r" eaLnBrk="1" hangingPunct="1">
              <a:defRPr sz="1300">
                <a:latin typeface="Calibri" panose="020F0502020204030204" pitchFamily="34" charset="0"/>
              </a:defRPr>
            </a:lvl1pPr>
          </a:lstStyle>
          <a:p>
            <a:pPr>
              <a:defRPr/>
            </a:pPr>
            <a:fld id="{83183317-AB4C-4246-A757-B86AFBA77249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3105387810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1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76575" cy="511175"/>
          </a:xfrm>
          <a:prstGeom prst="rect">
            <a:avLst/>
          </a:prstGeom>
        </p:spPr>
        <p:txBody>
          <a:bodyPr vert="horz" wrap="square" lIns="95484" tIns="47741" rIns="95484" bIns="47741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300">
                <a:latin typeface="Calibri" pitchFamily="1" charset="0"/>
                <a:ea typeface="ＭＳ Ｐゴシック" pitchFamily="1" charset="-128"/>
                <a:cs typeface="ＭＳ Ｐゴシック" pitchFamily="1" charset="-128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4021138" y="0"/>
            <a:ext cx="3076575" cy="511175"/>
          </a:xfrm>
          <a:prstGeom prst="rect">
            <a:avLst/>
          </a:prstGeom>
        </p:spPr>
        <p:txBody>
          <a:bodyPr vert="horz" wrap="square" lIns="95484" tIns="47741" rIns="95484" bIns="47741" numCol="1" anchor="t" anchorCtr="0" compatLnSpc="1">
            <a:prstTxWarp prst="textNoShape">
              <a:avLst/>
            </a:prstTxWarp>
          </a:bodyPr>
          <a:lstStyle>
            <a:lvl1pPr algn="r" eaLnBrk="1" hangingPunct="1">
              <a:defRPr sz="1300">
                <a:latin typeface="Calibri" panose="020F0502020204030204" pitchFamily="34" charset="0"/>
              </a:defRPr>
            </a:lvl1pPr>
          </a:lstStyle>
          <a:p>
            <a:pPr>
              <a:defRPr/>
            </a:pPr>
            <a:fld id="{65B8129D-98DD-404E-B491-99C9ECACD7A4}" type="datetime1">
              <a:rPr lang="de-AT" altLang="de-DE"/>
              <a:pPr>
                <a:defRPr/>
              </a:pPr>
              <a:t>29.05.2017</a:t>
            </a:fld>
            <a:endParaRPr lang="de-DE" altLang="de-DE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990600" y="766763"/>
            <a:ext cx="5118100" cy="383857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wrap="square" lIns="95484" tIns="47741" rIns="95484" bIns="47741" numCol="1" anchor="ctr" anchorCtr="0" compatLnSpc="1">
            <a:prstTxWarp prst="textNoShape">
              <a:avLst/>
            </a:prstTxWarp>
          </a:bodyPr>
          <a:lstStyle/>
          <a:p>
            <a:pPr lvl="0"/>
            <a:endParaRPr lang="de-DE" noProof="0" smtClean="0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709613" y="4860925"/>
            <a:ext cx="5680075" cy="4603750"/>
          </a:xfrm>
          <a:prstGeom prst="rect">
            <a:avLst/>
          </a:prstGeom>
        </p:spPr>
        <p:txBody>
          <a:bodyPr vert="horz" wrap="square" lIns="95484" tIns="47741" rIns="95484" bIns="47741" numCol="1" anchor="t" anchorCtr="0" compatLnSpc="1">
            <a:prstTxWarp prst="textNoShape">
              <a:avLst/>
            </a:prstTxWarp>
            <a:normAutofit/>
          </a:bodyPr>
          <a:lstStyle/>
          <a:p>
            <a:pPr lvl="0"/>
            <a:r>
              <a:rPr lang="de-AT" altLang="de-DE" noProof="0" smtClean="0"/>
              <a:t>Mastertextformat bearbeiten</a:t>
            </a:r>
          </a:p>
          <a:p>
            <a:pPr lvl="1"/>
            <a:r>
              <a:rPr lang="de-AT" altLang="de-DE" noProof="0" smtClean="0"/>
              <a:t>Zweite Ebene</a:t>
            </a:r>
          </a:p>
          <a:p>
            <a:pPr lvl="2"/>
            <a:r>
              <a:rPr lang="de-AT" altLang="de-DE" noProof="0" smtClean="0"/>
              <a:t>Dritte Ebene</a:t>
            </a:r>
          </a:p>
          <a:p>
            <a:pPr lvl="3"/>
            <a:r>
              <a:rPr lang="de-AT" altLang="de-DE" noProof="0" smtClean="0"/>
              <a:t>Vierte Ebene</a:t>
            </a:r>
          </a:p>
          <a:p>
            <a:pPr lvl="4"/>
            <a:r>
              <a:rPr lang="de-AT" altLang="de-DE" noProof="0" smtClean="0"/>
              <a:t>Fünfte Ebene</a:t>
            </a:r>
            <a:endParaRPr lang="de-DE" altLang="de-DE" noProof="0" smtClean="0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0" y="9721850"/>
            <a:ext cx="3076575" cy="511175"/>
          </a:xfrm>
          <a:prstGeom prst="rect">
            <a:avLst/>
          </a:prstGeom>
        </p:spPr>
        <p:txBody>
          <a:bodyPr vert="horz" wrap="square" lIns="95484" tIns="47741" rIns="95484" bIns="47741" numCol="1" anchor="b" anchorCtr="0" compatLnSpc="1">
            <a:prstTxWarp prst="textNoShape">
              <a:avLst/>
            </a:prstTxWarp>
          </a:bodyPr>
          <a:lstStyle>
            <a:lvl1pPr eaLnBrk="1" hangingPunct="1">
              <a:defRPr sz="1300">
                <a:latin typeface="Calibri" pitchFamily="1" charset="0"/>
                <a:ea typeface="ＭＳ Ｐゴシック" pitchFamily="1" charset="-128"/>
                <a:cs typeface="ＭＳ Ｐゴシック" pitchFamily="1" charset="-128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4021138" y="9721850"/>
            <a:ext cx="3076575" cy="511175"/>
          </a:xfrm>
          <a:prstGeom prst="rect">
            <a:avLst/>
          </a:prstGeom>
        </p:spPr>
        <p:txBody>
          <a:bodyPr vert="horz" wrap="square" lIns="95484" tIns="47741" rIns="95484" bIns="47741" numCol="1" anchor="b" anchorCtr="0" compatLnSpc="1">
            <a:prstTxWarp prst="textNoShape">
              <a:avLst/>
            </a:prstTxWarp>
          </a:bodyPr>
          <a:lstStyle>
            <a:lvl1pPr algn="r" eaLnBrk="1" hangingPunct="1">
              <a:defRPr sz="1300">
                <a:latin typeface="Calibri" panose="020F0502020204030204" pitchFamily="34" charset="0"/>
              </a:defRPr>
            </a:lvl1pPr>
          </a:lstStyle>
          <a:p>
            <a:pPr>
              <a:defRPr/>
            </a:pPr>
            <a:fld id="{1E47D54B-E067-4F20-86D2-ECCE776D594A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968357398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algn="l" defTabSz="457200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MS PGothic" panose="020B0600070205080204" pitchFamily="34" charset="-128"/>
        <a:cs typeface="MS PGothic" charset="0"/>
      </a:defRPr>
    </a:lvl1pPr>
    <a:lvl2pPr marL="457200" algn="l" defTabSz="457200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MS PGothic" panose="020B0600070205080204" pitchFamily="34" charset="-128"/>
        <a:cs typeface="MS PGothic" charset="0"/>
      </a:defRPr>
    </a:lvl2pPr>
    <a:lvl3pPr marL="914400" algn="l" defTabSz="457200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MS PGothic" panose="020B0600070205080204" pitchFamily="34" charset="-128"/>
        <a:cs typeface="MS PGothic" charset="0"/>
      </a:defRPr>
    </a:lvl3pPr>
    <a:lvl4pPr marL="1371600" algn="l" defTabSz="457200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MS PGothic" panose="020B0600070205080204" pitchFamily="34" charset="-128"/>
        <a:cs typeface="MS PGothic" charset="0"/>
      </a:defRPr>
    </a:lvl4pPr>
    <a:lvl5pPr marL="1828800" algn="l" defTabSz="457200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MS PGothic" panose="020B0600070205080204" pitchFamily="34" charset="-128"/>
        <a:cs typeface="MS PGothic" charset="0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Folienbildplatzhalt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6387" name="Notizenplatzhalt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de-DE" altLang="de-DE" dirty="0" smtClean="0"/>
          </a:p>
        </p:txBody>
      </p:sp>
      <p:sp>
        <p:nvSpPr>
          <p:cNvPr id="16388" name="Foliennummernplatzhalter 3"/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68350" indent="-295275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84275" indent="-236538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57350" indent="-236538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132013" indent="-236538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89213" indent="-236538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046413" indent="-236538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503613" indent="-236538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960813" indent="-236538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fld id="{726A21F9-28E7-42CC-B33A-F93F0964EBE2}" type="slidenum">
              <a:rPr lang="de-DE" altLang="de-DE" sz="1300" smtClean="0">
                <a:latin typeface="Calibri" panose="020F0502020204030204" pitchFamily="34" charset="0"/>
              </a:rPr>
              <a:pPr/>
              <a:t>1</a:t>
            </a:fld>
            <a:endParaRPr lang="de-DE" altLang="de-DE" sz="1300" smtClean="0"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36087940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0483" name="Rectangle 3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/>
            <a:endParaRPr lang="de-DE" altLang="de-DE" smtClean="0"/>
          </a:p>
        </p:txBody>
      </p:sp>
    </p:spTree>
    <p:extLst>
      <p:ext uri="{BB962C8B-B14F-4D97-AF65-F5344CB8AC3E}">
        <p14:creationId xmlns:p14="http://schemas.microsoft.com/office/powerpoint/2010/main" val="2218992379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Folienbildplatzhalt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6387" name="Notizenplatzhalt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de-DE" dirty="0" smtClean="0"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2273828626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47107" name="Rectangle 3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/>
          <a:lstStyle/>
          <a:p>
            <a:pPr eaLnBrk="1" hangingPunct="1"/>
            <a:endParaRPr lang="de-DE">
              <a:ea typeface="ＭＳ Ｐゴシック" pitchFamily="-84" charset="-128"/>
              <a:cs typeface="ＭＳ Ｐゴシック" pitchFamily="-8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257296170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Folienbildplatzhalt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0483" name="Notizenplatzhalt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de-DE" smtClean="0"/>
          </a:p>
        </p:txBody>
      </p:sp>
      <p:sp>
        <p:nvSpPr>
          <p:cNvPr id="20484" name="Foliennummernplatzhalter 3"/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68350" indent="-295275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84275" indent="-236538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57350" indent="-236538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132013" indent="-236538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89213" indent="-236538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046413" indent="-236538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503613" indent="-236538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960813" indent="-236538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fld id="{ED2FB2CA-8802-41F2-B846-4E0787CE4CD8}" type="slidenum">
              <a:rPr lang="de-DE" altLang="de-DE" sz="1300" smtClean="0">
                <a:solidFill>
                  <a:prstClr val="black"/>
                </a:solidFill>
                <a:latin typeface="Calibri" panose="020F0502020204030204" pitchFamily="34" charset="0"/>
              </a:rPr>
              <a:pPr/>
              <a:t>17</a:t>
            </a:fld>
            <a:endParaRPr lang="de-DE" altLang="de-DE" sz="1300" smtClean="0">
              <a:solidFill>
                <a:prstClr val="black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00629055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Folienbildplatzhalt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6387" name="Notizenplatzhalt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de-DE" dirty="0" smtClean="0"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216372786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defTabSz="469900"/>
            <a:endParaRPr lang="en-GB" altLang="de-DE" dirty="0" smtClean="0"/>
          </a:p>
        </p:txBody>
      </p:sp>
    </p:spTree>
    <p:extLst>
      <p:ext uri="{BB962C8B-B14F-4D97-AF65-F5344CB8AC3E}">
        <p14:creationId xmlns:p14="http://schemas.microsoft.com/office/powerpoint/2010/main" val="3480965684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defTabSz="469900"/>
            <a:endParaRPr lang="en-GB" altLang="de-DE" dirty="0" smtClean="0"/>
          </a:p>
        </p:txBody>
      </p:sp>
    </p:spTree>
    <p:extLst>
      <p:ext uri="{BB962C8B-B14F-4D97-AF65-F5344CB8AC3E}">
        <p14:creationId xmlns:p14="http://schemas.microsoft.com/office/powerpoint/2010/main" val="2201853315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47107" name="Rectangle 3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/>
          <a:lstStyle/>
          <a:p>
            <a:pPr eaLnBrk="1" hangingPunct="1"/>
            <a:endParaRPr lang="de-DE">
              <a:ea typeface="ＭＳ Ｐゴシック" pitchFamily="-84" charset="-128"/>
              <a:cs typeface="ＭＳ Ｐゴシック" pitchFamily="-8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934149567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Folienbildplatzhalt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38915" name="Notizenplatzhalt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de-DE" altLang="de-DE" smtClean="0"/>
          </a:p>
        </p:txBody>
      </p:sp>
    </p:spTree>
    <p:extLst>
      <p:ext uri="{BB962C8B-B14F-4D97-AF65-F5344CB8AC3E}">
        <p14:creationId xmlns:p14="http://schemas.microsoft.com/office/powerpoint/2010/main" val="352310397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842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5843" name="Rectangle 3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/>
          <a:lstStyle/>
          <a:p>
            <a:pPr eaLnBrk="1" hangingPunct="1"/>
            <a:endParaRPr lang="de-DE" dirty="0">
              <a:ea typeface="ＭＳ Ｐゴシック" pitchFamily="-84" charset="-128"/>
              <a:cs typeface="ＭＳ Ｐゴシック" pitchFamily="-8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53072438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22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0723" name="Rectangle 3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/>
          <a:lstStyle/>
          <a:p>
            <a:pPr eaLnBrk="1" hangingPunct="1"/>
            <a:endParaRPr lang="de-DE">
              <a:ea typeface="ＭＳ Ｐゴシック" pitchFamily="-84" charset="-128"/>
              <a:cs typeface="ＭＳ Ｐゴシック" pitchFamily="-8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30477940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9459" name="Rectangle 3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buFontTx/>
              <a:buChar char="•"/>
            </a:pPr>
            <a:endParaRPr lang="de-DE" altLang="de-DE" dirty="0" smtClean="0">
              <a:ea typeface="ＭＳ Ｐゴシック" panose="020B0600070205080204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4086761829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1507" name="Rectangle 3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buFontTx/>
              <a:buChar char="•"/>
            </a:pPr>
            <a:endParaRPr lang="de-DE" altLang="de-DE" dirty="0" smtClean="0">
              <a:ea typeface="ＭＳ Ｐゴシック" panose="020B0600070205080204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3778871784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2771" name="Rectangle 3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>
            <a:normAutofit/>
          </a:bodyPr>
          <a:lstStyle/>
          <a:p>
            <a:pPr lvl="1" eaLnBrk="1" hangingPunct="1">
              <a:buFont typeface="Arial" pitchFamily="34" charset="0"/>
              <a:buChar char="•"/>
            </a:pPr>
            <a:endParaRPr lang="en-US" baseline="0" noProof="0" dirty="0" smtClean="0">
              <a:ea typeface="ＭＳ Ｐゴシック" pitchFamily="-84" charset="-128"/>
              <a:cs typeface="ＭＳ Ｐゴシック" pitchFamily="-8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904606112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Folienbildplatzhalt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6387" name="Notizenplatzhalt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de-DE" dirty="0" smtClean="0"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607311595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8435" name="Rectangle 3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/>
            <a:endParaRPr lang="de-DE" altLang="de-DE" smtClean="0"/>
          </a:p>
        </p:txBody>
      </p:sp>
    </p:spTree>
    <p:extLst>
      <p:ext uri="{BB962C8B-B14F-4D97-AF65-F5344CB8AC3E}">
        <p14:creationId xmlns:p14="http://schemas.microsoft.com/office/powerpoint/2010/main" val="3250577053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8435" name="Rectangle 3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/>
            <a:endParaRPr lang="de-DE" altLang="de-DE" smtClean="0"/>
          </a:p>
        </p:txBody>
      </p:sp>
    </p:spTree>
    <p:extLst>
      <p:ext uri="{BB962C8B-B14F-4D97-AF65-F5344CB8AC3E}">
        <p14:creationId xmlns:p14="http://schemas.microsoft.com/office/powerpoint/2010/main" val="3838447662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Relationship Id="rId5" Type="http://schemas.openxmlformats.org/officeDocument/2006/relationships/image" Target="../media/image4.png"/><Relationship Id="rId4" Type="http://schemas.openxmlformats.org/officeDocument/2006/relationships/image" Target="../media/image3.png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Relationship Id="rId5" Type="http://schemas.openxmlformats.org/officeDocument/2006/relationships/image" Target="../media/image5.png"/><Relationship Id="rId4" Type="http://schemas.openxmlformats.org/officeDocument/2006/relationships/image" Target="../media/image3.png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Relationship Id="rId5" Type="http://schemas.openxmlformats.org/officeDocument/2006/relationships/image" Target="../media/image5.png"/><Relationship Id="rId4" Type="http://schemas.openxmlformats.org/officeDocument/2006/relationships/image" Target="../media/image3.png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Relationship Id="rId5" Type="http://schemas.openxmlformats.org/officeDocument/2006/relationships/image" Target="../media/image6.png"/><Relationship Id="rId4" Type="http://schemas.openxmlformats.org/officeDocument/2006/relationships/image" Target="../media/image3.png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7" Type="http://schemas.openxmlformats.org/officeDocument/2006/relationships/image" Target="../media/image9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Relationship Id="rId6" Type="http://schemas.openxmlformats.org/officeDocument/2006/relationships/image" Target="../media/image8.png"/><Relationship Id="rId5" Type="http://schemas.openxmlformats.org/officeDocument/2006/relationships/image" Target="../media/image7.jpeg"/><Relationship Id="rId4" Type="http://schemas.openxmlformats.org/officeDocument/2006/relationships/image" Target="../media/image3.png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7" Type="http://schemas.openxmlformats.org/officeDocument/2006/relationships/image" Target="../media/image12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Relationship Id="rId6" Type="http://schemas.openxmlformats.org/officeDocument/2006/relationships/image" Target="../media/image11.png"/><Relationship Id="rId5" Type="http://schemas.openxmlformats.org/officeDocument/2006/relationships/image" Target="../media/image10.png"/><Relationship Id="rId4" Type="http://schemas.openxmlformats.org/officeDocument/2006/relationships/image" Target="../media/image3.png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jpe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9.png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5152398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Chart Text + Aufzähl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5"/>
          <p:cNvSpPr>
            <a:spLocks noGrp="1"/>
          </p:cNvSpPr>
          <p:nvPr>
            <p:ph type="title"/>
          </p:nvPr>
        </p:nvSpPr>
        <p:spPr>
          <a:xfrm>
            <a:off x="346075" y="496888"/>
            <a:ext cx="8229600" cy="820737"/>
          </a:xfrm>
          <a:prstGeom prst="rect">
            <a:avLst/>
          </a:prstGeom>
        </p:spPr>
        <p:txBody>
          <a:bodyPr vert="horz"/>
          <a:lstStyle>
            <a:lvl1pPr algn="l">
              <a:defRPr sz="4500">
                <a:solidFill>
                  <a:srgbClr val="895B5D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de-AT" smtClean="0"/>
              <a:t>Mastertitelformat bearbeiten</a:t>
            </a:r>
            <a:endParaRPr lang="de-DE" dirty="0"/>
          </a:p>
        </p:txBody>
      </p:sp>
      <p:sp>
        <p:nvSpPr>
          <p:cNvPr id="4" name="Textplatzhalter 8"/>
          <p:cNvSpPr>
            <a:spLocks noGrp="1"/>
          </p:cNvSpPr>
          <p:nvPr>
            <p:ph type="body" sz="quarter" idx="10"/>
          </p:nvPr>
        </p:nvSpPr>
        <p:spPr>
          <a:xfrm>
            <a:off x="346075" y="1254125"/>
            <a:ext cx="8229600" cy="476250"/>
          </a:xfrm>
          <a:prstGeom prst="rect">
            <a:avLst/>
          </a:prstGeom>
        </p:spPr>
        <p:txBody>
          <a:bodyPr vert="horz"/>
          <a:lstStyle>
            <a:lvl1pPr>
              <a:buNone/>
              <a:defRPr sz="2000">
                <a:solidFill>
                  <a:srgbClr val="7F8185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de-AT" smtClean="0"/>
              <a:t>Mastertextformat bearbeiten</a:t>
            </a:r>
          </a:p>
        </p:txBody>
      </p:sp>
      <p:sp>
        <p:nvSpPr>
          <p:cNvPr id="5" name="Textplatzhalter 11"/>
          <p:cNvSpPr>
            <a:spLocks noGrp="1"/>
          </p:cNvSpPr>
          <p:nvPr>
            <p:ph type="body" sz="quarter" idx="11"/>
          </p:nvPr>
        </p:nvSpPr>
        <p:spPr>
          <a:xfrm>
            <a:off x="346075" y="1968500"/>
            <a:ext cx="8229600" cy="4349750"/>
          </a:xfrm>
          <a:prstGeom prst="rect">
            <a:avLst/>
          </a:prstGeom>
        </p:spPr>
        <p:txBody>
          <a:bodyPr vert="horz"/>
          <a:lstStyle>
            <a:lvl1pPr marL="269875" indent="-269875">
              <a:spcBef>
                <a:spcPts val="600"/>
              </a:spcBef>
              <a:buClr>
                <a:srgbClr val="895B5D"/>
              </a:buClr>
              <a:buSzPct val="120000"/>
              <a:buFont typeface="Wingdings" charset="2"/>
              <a:buChar char="§"/>
              <a:defRPr sz="1800">
                <a:solidFill>
                  <a:srgbClr val="515357"/>
                </a:solidFill>
                <a:latin typeface="Arial"/>
                <a:cs typeface="Arial"/>
              </a:defRPr>
            </a:lvl1pPr>
            <a:lvl2pPr marL="269875" indent="-269875">
              <a:spcBef>
                <a:spcPts val="600"/>
              </a:spcBef>
              <a:buClr>
                <a:srgbClr val="895B5D"/>
              </a:buClr>
              <a:buSzPct val="120000"/>
              <a:buFont typeface="Wingdings" charset="2"/>
              <a:buChar char="§"/>
              <a:defRPr sz="1600">
                <a:solidFill>
                  <a:srgbClr val="515357"/>
                </a:solidFill>
                <a:latin typeface="Arial"/>
                <a:cs typeface="Arial"/>
              </a:defRPr>
            </a:lvl2pPr>
            <a:lvl3pPr>
              <a:defRPr>
                <a:latin typeface="Arial"/>
                <a:cs typeface="Arial"/>
              </a:defRPr>
            </a:lvl3pPr>
            <a:lvl4pPr>
              <a:defRPr>
                <a:latin typeface="Arial"/>
                <a:cs typeface="Arial"/>
              </a:defRPr>
            </a:lvl4pPr>
            <a:lvl5pPr>
              <a:defRPr>
                <a:latin typeface="Arial"/>
                <a:cs typeface="Arial"/>
              </a:defRPr>
            </a:lvl5pPr>
          </a:lstStyle>
          <a:p>
            <a:pPr lvl="0"/>
            <a:r>
              <a:rPr lang="de-AT" dirty="0" smtClean="0"/>
              <a:t>Mastertextformat bearbeiten</a:t>
            </a:r>
          </a:p>
          <a:p>
            <a:pPr lvl="1"/>
            <a:r>
              <a:rPr lang="de-AT" dirty="0" smtClean="0"/>
              <a:t>Zweite Ebene</a:t>
            </a:r>
          </a:p>
        </p:txBody>
      </p:sp>
    </p:spTree>
    <p:extLst>
      <p:ext uri="{BB962C8B-B14F-4D97-AF65-F5344CB8AC3E}">
        <p14:creationId xmlns:p14="http://schemas.microsoft.com/office/powerpoint/2010/main" val="2394035346"/>
      </p:ext>
    </p:extLst>
  </p:cSld>
  <p:clrMapOvr>
    <a:masterClrMapping/>
  </p:clrMapOvr>
  <p:transition spd="slow"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fld id="{D65E37B3-77E8-46E9-B037-A2ACD6B92E21}" type="datetimeFigureOut">
              <a:rPr lang="en-US" smtClean="0">
                <a:solidFill>
                  <a:prstClr val="black"/>
                </a:solidFill>
                <a:ea typeface="ＭＳ Ｐゴシック" pitchFamily="34" charset="-128"/>
              </a:rPr>
              <a:pPr eaLnBrk="1" hangingPunct="1"/>
              <a:t>5/29/2017</a:t>
            </a:fld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fld id="{F7F8EE14-E8A9-456D-B518-0619F631428C}" type="slidenum">
              <a:rPr lang="en-US" smtClean="0">
                <a:solidFill>
                  <a:prstClr val="black"/>
                </a:solidFill>
                <a:ea typeface="ＭＳ Ｐゴシック" pitchFamily="34" charset="-128"/>
              </a:rPr>
              <a:pPr eaLnBrk="1" hangingPunct="1"/>
              <a:t>‹Nr.›</a:t>
            </a:fld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29827881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Chart Text + Aufzähl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5"/>
          <p:cNvSpPr>
            <a:spLocks noGrp="1"/>
          </p:cNvSpPr>
          <p:nvPr>
            <p:ph type="title"/>
          </p:nvPr>
        </p:nvSpPr>
        <p:spPr>
          <a:xfrm>
            <a:off x="346075" y="496888"/>
            <a:ext cx="8229600" cy="820737"/>
          </a:xfrm>
          <a:prstGeom prst="rect">
            <a:avLst/>
          </a:prstGeom>
        </p:spPr>
        <p:txBody>
          <a:bodyPr vert="horz"/>
          <a:lstStyle>
            <a:lvl1pPr algn="l">
              <a:defRPr sz="4500">
                <a:solidFill>
                  <a:srgbClr val="895B5D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de-AT" smtClean="0"/>
              <a:t>Mastertitelformat bearbeiten</a:t>
            </a:r>
            <a:endParaRPr lang="de-DE" dirty="0"/>
          </a:p>
        </p:txBody>
      </p:sp>
      <p:sp>
        <p:nvSpPr>
          <p:cNvPr id="4" name="Textplatzhalter 8"/>
          <p:cNvSpPr>
            <a:spLocks noGrp="1"/>
          </p:cNvSpPr>
          <p:nvPr>
            <p:ph type="body" sz="quarter" idx="10"/>
          </p:nvPr>
        </p:nvSpPr>
        <p:spPr>
          <a:xfrm>
            <a:off x="346075" y="1254125"/>
            <a:ext cx="8229600" cy="476250"/>
          </a:xfrm>
          <a:prstGeom prst="rect">
            <a:avLst/>
          </a:prstGeom>
        </p:spPr>
        <p:txBody>
          <a:bodyPr vert="horz"/>
          <a:lstStyle>
            <a:lvl1pPr>
              <a:buNone/>
              <a:defRPr sz="2000">
                <a:solidFill>
                  <a:srgbClr val="7F8185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de-AT" smtClean="0"/>
              <a:t>Mastertextformat bearbeiten</a:t>
            </a:r>
          </a:p>
        </p:txBody>
      </p:sp>
      <p:sp>
        <p:nvSpPr>
          <p:cNvPr id="5" name="Textplatzhalter 11"/>
          <p:cNvSpPr>
            <a:spLocks noGrp="1"/>
          </p:cNvSpPr>
          <p:nvPr>
            <p:ph type="body" sz="quarter" idx="11"/>
          </p:nvPr>
        </p:nvSpPr>
        <p:spPr>
          <a:xfrm>
            <a:off x="346075" y="1968500"/>
            <a:ext cx="8229600" cy="4349750"/>
          </a:xfrm>
          <a:prstGeom prst="rect">
            <a:avLst/>
          </a:prstGeom>
        </p:spPr>
        <p:txBody>
          <a:bodyPr vert="horz"/>
          <a:lstStyle>
            <a:lvl1pPr marL="269875" indent="-269875">
              <a:spcBef>
                <a:spcPts val="600"/>
              </a:spcBef>
              <a:buClr>
                <a:srgbClr val="895B5D"/>
              </a:buClr>
              <a:buSzPct val="120000"/>
              <a:buFont typeface="Wingdings" charset="2"/>
              <a:buChar char="§"/>
              <a:defRPr sz="1800">
                <a:solidFill>
                  <a:srgbClr val="515357"/>
                </a:solidFill>
                <a:latin typeface="Arial"/>
                <a:cs typeface="Arial"/>
              </a:defRPr>
            </a:lvl1pPr>
            <a:lvl2pPr marL="269875" indent="-269875">
              <a:spcBef>
                <a:spcPts val="600"/>
              </a:spcBef>
              <a:buClr>
                <a:srgbClr val="895B5D"/>
              </a:buClr>
              <a:buSzPct val="120000"/>
              <a:buFont typeface="Wingdings" charset="2"/>
              <a:buChar char="§"/>
              <a:defRPr sz="1600">
                <a:solidFill>
                  <a:srgbClr val="515357"/>
                </a:solidFill>
                <a:latin typeface="Arial"/>
                <a:cs typeface="Arial"/>
              </a:defRPr>
            </a:lvl2pPr>
            <a:lvl3pPr>
              <a:defRPr>
                <a:latin typeface="Arial"/>
                <a:cs typeface="Arial"/>
              </a:defRPr>
            </a:lvl3pPr>
            <a:lvl4pPr>
              <a:defRPr>
                <a:latin typeface="Arial"/>
                <a:cs typeface="Arial"/>
              </a:defRPr>
            </a:lvl4pPr>
            <a:lvl5pPr>
              <a:defRPr>
                <a:latin typeface="Arial"/>
                <a:cs typeface="Arial"/>
              </a:defRPr>
            </a:lvl5pPr>
          </a:lstStyle>
          <a:p>
            <a:pPr lvl="0"/>
            <a:r>
              <a:rPr lang="de-AT" dirty="0" smtClean="0"/>
              <a:t>Mastertextformat bearbeiten</a:t>
            </a:r>
          </a:p>
          <a:p>
            <a:pPr lvl="1"/>
            <a:r>
              <a:rPr lang="de-AT" dirty="0" smtClean="0"/>
              <a:t>Zweite Ebene</a:t>
            </a:r>
          </a:p>
        </p:txBody>
      </p:sp>
    </p:spTree>
    <p:extLst>
      <p:ext uri="{BB962C8B-B14F-4D97-AF65-F5344CB8AC3E}">
        <p14:creationId xmlns:p14="http://schemas.microsoft.com/office/powerpoint/2010/main" val="30191226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fld id="{D65E37B3-77E8-46E9-B037-A2ACD6B92E21}" type="datetimeFigureOut">
              <a:rPr lang="en-US" smtClean="0">
                <a:solidFill>
                  <a:prstClr val="black"/>
                </a:solidFill>
                <a:ea typeface="ＭＳ Ｐゴシック" pitchFamily="34" charset="-128"/>
              </a:rPr>
              <a:pPr eaLnBrk="1" hangingPunct="1"/>
              <a:t>5/29/2017</a:t>
            </a:fld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fld id="{F7F8EE14-E8A9-456D-B518-0619F631428C}" type="slidenum">
              <a:rPr lang="en-US" smtClean="0">
                <a:solidFill>
                  <a:prstClr val="black"/>
                </a:solidFill>
                <a:ea typeface="ＭＳ Ｐゴシック" pitchFamily="34" charset="-128"/>
              </a:rPr>
              <a:pPr eaLnBrk="1" hangingPunct="1"/>
              <a:t>‹Nr.›</a:t>
            </a:fld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756368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Chart 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5"/>
          <p:cNvSpPr>
            <a:spLocks noGrp="1"/>
          </p:cNvSpPr>
          <p:nvPr>
            <p:ph type="title"/>
          </p:nvPr>
        </p:nvSpPr>
        <p:spPr>
          <a:xfrm>
            <a:off x="346075" y="496888"/>
            <a:ext cx="8229600" cy="820737"/>
          </a:xfrm>
          <a:prstGeom prst="rect">
            <a:avLst/>
          </a:prstGeom>
        </p:spPr>
        <p:txBody>
          <a:bodyPr vert="horz"/>
          <a:lstStyle>
            <a:lvl1pPr algn="l">
              <a:defRPr sz="4500">
                <a:solidFill>
                  <a:srgbClr val="895B5D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de-AT" smtClean="0"/>
              <a:t>Mastertitelformat bearbeiten</a:t>
            </a:r>
            <a:endParaRPr lang="de-DE" dirty="0"/>
          </a:p>
        </p:txBody>
      </p:sp>
      <p:sp>
        <p:nvSpPr>
          <p:cNvPr id="4" name="Textplatzhalter 8"/>
          <p:cNvSpPr>
            <a:spLocks noGrp="1"/>
          </p:cNvSpPr>
          <p:nvPr>
            <p:ph type="body" sz="quarter" idx="10"/>
          </p:nvPr>
        </p:nvSpPr>
        <p:spPr>
          <a:xfrm>
            <a:off x="346075" y="1254125"/>
            <a:ext cx="8229600" cy="476250"/>
          </a:xfrm>
          <a:prstGeom prst="rect">
            <a:avLst/>
          </a:prstGeom>
        </p:spPr>
        <p:txBody>
          <a:bodyPr vert="horz"/>
          <a:lstStyle>
            <a:lvl1pPr>
              <a:buNone/>
              <a:defRPr sz="2000">
                <a:solidFill>
                  <a:srgbClr val="7F8185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de-AT" smtClean="0"/>
              <a:t>Mastertextformat bearbeiten</a:t>
            </a:r>
          </a:p>
        </p:txBody>
      </p:sp>
      <p:sp>
        <p:nvSpPr>
          <p:cNvPr id="5" name="Textplatzhalter 11"/>
          <p:cNvSpPr>
            <a:spLocks noGrp="1"/>
          </p:cNvSpPr>
          <p:nvPr>
            <p:ph type="body" sz="quarter" idx="11"/>
          </p:nvPr>
        </p:nvSpPr>
        <p:spPr>
          <a:xfrm>
            <a:off x="346075" y="5667375"/>
            <a:ext cx="8229600" cy="444500"/>
          </a:xfrm>
          <a:prstGeom prst="rect">
            <a:avLst/>
          </a:prstGeom>
        </p:spPr>
        <p:txBody>
          <a:bodyPr vert="horz"/>
          <a:lstStyle>
            <a:lvl1pPr marL="0" indent="0">
              <a:spcBef>
                <a:spcPts val="600"/>
              </a:spcBef>
              <a:buNone/>
              <a:defRPr sz="1800">
                <a:solidFill>
                  <a:srgbClr val="515357"/>
                </a:solidFill>
                <a:latin typeface="Arial"/>
                <a:cs typeface="Arial"/>
              </a:defRPr>
            </a:lvl1pPr>
            <a:lvl2pPr marL="0" indent="0">
              <a:spcBef>
                <a:spcPts val="600"/>
              </a:spcBef>
              <a:buNone/>
              <a:defRPr sz="1600">
                <a:solidFill>
                  <a:srgbClr val="515357"/>
                </a:solidFill>
                <a:latin typeface="Arial"/>
                <a:cs typeface="Arial"/>
              </a:defRPr>
            </a:lvl2pPr>
            <a:lvl3pPr>
              <a:defRPr>
                <a:latin typeface="Arial"/>
                <a:cs typeface="Arial"/>
              </a:defRPr>
            </a:lvl3pPr>
            <a:lvl4pPr>
              <a:defRPr>
                <a:latin typeface="Arial"/>
                <a:cs typeface="Arial"/>
              </a:defRPr>
            </a:lvl4pPr>
            <a:lvl5pPr>
              <a:defRPr>
                <a:latin typeface="Arial"/>
                <a:cs typeface="Arial"/>
              </a:defRPr>
            </a:lvl5pPr>
          </a:lstStyle>
          <a:p>
            <a:pPr lvl="0"/>
            <a:r>
              <a:rPr lang="de-AT" dirty="0" smtClean="0"/>
              <a:t>Mastertextformat bearbeiten</a:t>
            </a:r>
          </a:p>
        </p:txBody>
      </p:sp>
      <p:sp>
        <p:nvSpPr>
          <p:cNvPr id="7" name="Bildplatzhalter 6"/>
          <p:cNvSpPr>
            <a:spLocks noGrp="1"/>
          </p:cNvSpPr>
          <p:nvPr>
            <p:ph type="pic" sz="quarter" idx="12"/>
          </p:nvPr>
        </p:nvSpPr>
        <p:spPr>
          <a:xfrm>
            <a:off x="441325" y="1968501"/>
            <a:ext cx="8248650" cy="3698874"/>
          </a:xfrm>
          <a:prstGeom prst="rect">
            <a:avLst/>
          </a:prstGeom>
          <a:noFill/>
        </p:spPr>
        <p:txBody>
          <a:bodyPr vert="horz"/>
          <a:lstStyle>
            <a:lvl1pPr>
              <a:buNone/>
              <a:defRPr sz="1600">
                <a:solidFill>
                  <a:srgbClr val="515357"/>
                </a:solidFill>
                <a:latin typeface="Arial"/>
                <a:cs typeface="Arial"/>
              </a:defRPr>
            </a:lvl1pPr>
          </a:lstStyle>
          <a:p>
            <a:pPr lvl="0"/>
            <a:endParaRPr lang="de-DE" noProof="0" dirty="0"/>
          </a:p>
        </p:txBody>
      </p:sp>
    </p:spTree>
    <p:extLst>
      <p:ext uri="{BB962C8B-B14F-4D97-AF65-F5344CB8AC3E}">
        <p14:creationId xmlns:p14="http://schemas.microsoft.com/office/powerpoint/2010/main" val="14760035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fld id="{D65E37B3-77E8-46E9-B037-A2ACD6B92E21}" type="datetimeFigureOut">
              <a:rPr lang="en-US" smtClean="0">
                <a:solidFill>
                  <a:prstClr val="black"/>
                </a:solidFill>
                <a:ea typeface="ＭＳ Ｐゴシック" pitchFamily="34" charset="-128"/>
              </a:rPr>
              <a:pPr eaLnBrk="1" hangingPunct="1"/>
              <a:t>5/29/2017</a:t>
            </a:fld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fld id="{F7F8EE14-E8A9-456D-B518-0619F631428C}" type="slidenum">
              <a:rPr lang="en-US" smtClean="0">
                <a:solidFill>
                  <a:prstClr val="black"/>
                </a:solidFill>
                <a:ea typeface="ＭＳ Ｐゴシック" pitchFamily="34" charset="-128"/>
              </a:rPr>
              <a:pPr eaLnBrk="1" hangingPunct="1"/>
              <a:t>‹Nr.›</a:t>
            </a:fld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30907523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fld id="{D65E37B3-77E8-46E9-B037-A2ACD6B92E21}" type="datetimeFigureOut">
              <a:rPr lang="en-US" smtClean="0">
                <a:solidFill>
                  <a:prstClr val="black"/>
                </a:solidFill>
                <a:ea typeface="ＭＳ Ｐゴシック" pitchFamily="34" charset="-128"/>
              </a:rPr>
              <a:pPr eaLnBrk="1" hangingPunct="1"/>
              <a:t>5/29/2017</a:t>
            </a:fld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fld id="{F7F8EE14-E8A9-456D-B518-0619F631428C}" type="slidenum">
              <a:rPr lang="en-US" smtClean="0">
                <a:solidFill>
                  <a:prstClr val="black"/>
                </a:solidFill>
                <a:ea typeface="ＭＳ Ｐゴシック" pitchFamily="34" charset="-128"/>
              </a:rPr>
              <a:pPr eaLnBrk="1" hangingPunct="1"/>
              <a:t>‹Nr.›</a:t>
            </a:fld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2046375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fld id="{D65E37B3-77E8-46E9-B037-A2ACD6B92E21}" type="datetimeFigureOut">
              <a:rPr lang="en-US" smtClean="0">
                <a:solidFill>
                  <a:prstClr val="black"/>
                </a:solidFill>
                <a:ea typeface="ＭＳ Ｐゴシック" pitchFamily="34" charset="-128"/>
              </a:rPr>
              <a:pPr eaLnBrk="1" hangingPunct="1"/>
              <a:t>5/29/2017</a:t>
            </a:fld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 eaLnBrk="1" hangingPunct="1"/>
            <a:fld id="{F7F8EE14-E8A9-456D-B518-0619F631428C}" type="slidenum">
              <a:rPr lang="en-US" smtClean="0">
                <a:solidFill>
                  <a:prstClr val="black"/>
                </a:solidFill>
                <a:ea typeface="ＭＳ Ｐゴシック" pitchFamily="34" charset="-128"/>
              </a:rPr>
              <a:pPr eaLnBrk="1" hangingPunct="1"/>
              <a:t>‹Nr.›</a:t>
            </a:fld>
            <a:endParaRPr lang="en-US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37549150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Chart Text + Aufzähl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5"/>
          <p:cNvSpPr>
            <a:spLocks noGrp="1"/>
          </p:cNvSpPr>
          <p:nvPr>
            <p:ph type="title"/>
          </p:nvPr>
        </p:nvSpPr>
        <p:spPr>
          <a:xfrm>
            <a:off x="346075" y="496888"/>
            <a:ext cx="8229600" cy="820737"/>
          </a:xfrm>
          <a:prstGeom prst="rect">
            <a:avLst/>
          </a:prstGeom>
        </p:spPr>
        <p:txBody>
          <a:bodyPr vert="horz"/>
          <a:lstStyle>
            <a:lvl1pPr algn="l">
              <a:defRPr sz="4500">
                <a:solidFill>
                  <a:srgbClr val="895B5D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de-AT" smtClean="0"/>
              <a:t>Mastertitelformat bearbeiten</a:t>
            </a:r>
            <a:endParaRPr lang="de-DE" dirty="0"/>
          </a:p>
        </p:txBody>
      </p:sp>
      <p:sp>
        <p:nvSpPr>
          <p:cNvPr id="4" name="Textplatzhalter 8"/>
          <p:cNvSpPr>
            <a:spLocks noGrp="1"/>
          </p:cNvSpPr>
          <p:nvPr>
            <p:ph type="body" sz="quarter" idx="10"/>
          </p:nvPr>
        </p:nvSpPr>
        <p:spPr>
          <a:xfrm>
            <a:off x="346075" y="1254125"/>
            <a:ext cx="8229600" cy="476250"/>
          </a:xfrm>
          <a:prstGeom prst="rect">
            <a:avLst/>
          </a:prstGeom>
        </p:spPr>
        <p:txBody>
          <a:bodyPr vert="horz"/>
          <a:lstStyle>
            <a:lvl1pPr>
              <a:buNone/>
              <a:defRPr sz="2000">
                <a:solidFill>
                  <a:srgbClr val="7F8185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de-AT" smtClean="0"/>
              <a:t>Mastertextformat bearbeiten</a:t>
            </a:r>
          </a:p>
        </p:txBody>
      </p:sp>
      <p:sp>
        <p:nvSpPr>
          <p:cNvPr id="5" name="Textplatzhalter 11"/>
          <p:cNvSpPr>
            <a:spLocks noGrp="1"/>
          </p:cNvSpPr>
          <p:nvPr>
            <p:ph type="body" sz="quarter" idx="11"/>
          </p:nvPr>
        </p:nvSpPr>
        <p:spPr>
          <a:xfrm>
            <a:off x="346075" y="1968500"/>
            <a:ext cx="8229600" cy="4349750"/>
          </a:xfrm>
          <a:prstGeom prst="rect">
            <a:avLst/>
          </a:prstGeom>
        </p:spPr>
        <p:txBody>
          <a:bodyPr vert="horz"/>
          <a:lstStyle>
            <a:lvl1pPr marL="269875" indent="-269875">
              <a:spcBef>
                <a:spcPts val="600"/>
              </a:spcBef>
              <a:buClr>
                <a:srgbClr val="895B5D"/>
              </a:buClr>
              <a:buSzPct val="120000"/>
              <a:buFont typeface="Wingdings" charset="2"/>
              <a:buChar char="§"/>
              <a:defRPr sz="1800">
                <a:solidFill>
                  <a:srgbClr val="515357"/>
                </a:solidFill>
                <a:latin typeface="Arial"/>
                <a:cs typeface="Arial"/>
              </a:defRPr>
            </a:lvl1pPr>
            <a:lvl2pPr marL="269875" indent="-269875">
              <a:spcBef>
                <a:spcPts val="600"/>
              </a:spcBef>
              <a:buClr>
                <a:srgbClr val="895B5D"/>
              </a:buClr>
              <a:buSzPct val="120000"/>
              <a:buFont typeface="Wingdings" charset="2"/>
              <a:buChar char="§"/>
              <a:defRPr sz="1600">
                <a:solidFill>
                  <a:srgbClr val="515357"/>
                </a:solidFill>
                <a:latin typeface="Arial"/>
                <a:cs typeface="Arial"/>
              </a:defRPr>
            </a:lvl2pPr>
            <a:lvl3pPr>
              <a:defRPr>
                <a:latin typeface="Arial"/>
                <a:cs typeface="Arial"/>
              </a:defRPr>
            </a:lvl3pPr>
            <a:lvl4pPr>
              <a:defRPr>
                <a:latin typeface="Arial"/>
                <a:cs typeface="Arial"/>
              </a:defRPr>
            </a:lvl4pPr>
            <a:lvl5pPr>
              <a:defRPr>
                <a:latin typeface="Arial"/>
                <a:cs typeface="Arial"/>
              </a:defRPr>
            </a:lvl5pPr>
          </a:lstStyle>
          <a:p>
            <a:pPr lvl="0"/>
            <a:r>
              <a:rPr lang="de-AT" dirty="0" smtClean="0"/>
              <a:t>Mastertextformat bearbeiten</a:t>
            </a:r>
          </a:p>
          <a:p>
            <a:pPr lvl="1"/>
            <a:r>
              <a:rPr lang="de-AT" dirty="0" smtClean="0"/>
              <a:t>Zweite Ebene</a:t>
            </a:r>
          </a:p>
        </p:txBody>
      </p:sp>
    </p:spTree>
    <p:extLst>
      <p:ext uri="{BB962C8B-B14F-4D97-AF65-F5344CB8AC3E}">
        <p14:creationId xmlns:p14="http://schemas.microsoft.com/office/powerpoint/2010/main" val="214291968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4_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Bild 6" descr="Unbenannt Kopie 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59875" cy="68770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Foliennummernplatzhalter 5"/>
          <p:cNvSpPr txBox="1">
            <a:spLocks/>
          </p:cNvSpPr>
          <p:nvPr userDrawn="1"/>
        </p:nvSpPr>
        <p:spPr bwMode="auto">
          <a:xfrm>
            <a:off x="6553200" y="6356350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r" eaLnBrk="1" hangingPunct="1">
              <a:defRPr/>
            </a:pPr>
            <a:r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t>Page </a:t>
            </a:r>
            <a:fld id="{9D32E6E6-1060-4517-8A6A-B27ABE8D713C}" type="slidenum"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pPr algn="r" eaLnBrk="1" hangingPunct="1">
                <a:defRPr/>
              </a:pPr>
              <a:t>‹Nr.›</a:t>
            </a:fld>
            <a:endParaRPr lang="de-DE" altLang="de-DE" sz="800" smtClean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pic>
        <p:nvPicPr>
          <p:cNvPr id="4" name="Bild 4" descr="Logocorner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Foliennummernplatzhalter 2"/>
          <p:cNvSpPr txBox="1">
            <a:spLocks/>
          </p:cNvSpPr>
          <p:nvPr userDrawn="1"/>
        </p:nvSpPr>
        <p:spPr bwMode="auto">
          <a:xfrm>
            <a:off x="290513" y="6348413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9pPr>
          </a:lstStyle>
          <a:p>
            <a:pPr eaLnBrk="1" hangingPunct="1">
              <a:defRPr/>
            </a:pPr>
            <a:r>
              <a:rPr lang="de-DE" sz="800" dirty="0">
                <a:solidFill>
                  <a:srgbClr val="515357"/>
                </a:solidFill>
                <a:cs typeface="Arial" charset="0"/>
              </a:rPr>
              <a:t>Copyright FACC, </a:t>
            </a:r>
            <a:r>
              <a:rPr lang="de-DE" sz="800" dirty="0" smtClean="0">
                <a:solidFill>
                  <a:srgbClr val="515357"/>
                </a:solidFill>
                <a:cs typeface="Arial" charset="0"/>
              </a:rPr>
              <a:t>2016</a:t>
            </a:r>
            <a:endParaRPr lang="de-DE" sz="800" dirty="0">
              <a:solidFill>
                <a:srgbClr val="515357"/>
              </a:solidFill>
              <a:cs typeface="Arial" charset="0"/>
            </a:endParaRPr>
          </a:p>
        </p:txBody>
      </p:sp>
      <p:pic>
        <p:nvPicPr>
          <p:cNvPr id="6" name="Bild 10" descr="PPP grau.png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Bild 11" descr="Unbenannt.png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9140825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Foliennummernplatzhalter 5"/>
          <p:cNvSpPr txBox="1">
            <a:spLocks/>
          </p:cNvSpPr>
          <p:nvPr userDrawn="1"/>
        </p:nvSpPr>
        <p:spPr bwMode="auto">
          <a:xfrm>
            <a:off x="6553200" y="6356350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r" eaLnBrk="1" hangingPunct="1">
              <a:defRPr/>
            </a:pPr>
            <a:r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t>Page </a:t>
            </a:r>
            <a:fld id="{D952E650-A248-406E-ADD2-1AFC2CBD1E24}" type="slidenum"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pPr algn="r" eaLnBrk="1" hangingPunct="1">
                <a:defRPr/>
              </a:pPr>
              <a:t>‹Nr.›</a:t>
            </a:fld>
            <a:endParaRPr lang="de-DE" altLang="de-DE" sz="800" smtClean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pic>
        <p:nvPicPr>
          <p:cNvPr id="9" name="Bild 4" descr="Logocorner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Foliennummernplatzhalter 2"/>
          <p:cNvSpPr txBox="1">
            <a:spLocks/>
          </p:cNvSpPr>
          <p:nvPr userDrawn="1"/>
        </p:nvSpPr>
        <p:spPr bwMode="auto">
          <a:xfrm>
            <a:off x="290513" y="6348413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9pPr>
          </a:lstStyle>
          <a:p>
            <a:pPr eaLnBrk="1" hangingPunct="1">
              <a:defRPr/>
            </a:pPr>
            <a:r>
              <a:rPr lang="de-DE" sz="800" dirty="0">
                <a:solidFill>
                  <a:srgbClr val="515357"/>
                </a:solidFill>
                <a:cs typeface="Arial" charset="0"/>
              </a:rPr>
              <a:t>Copyright FACC, 2012</a:t>
            </a:r>
          </a:p>
        </p:txBody>
      </p:sp>
      <p:pic>
        <p:nvPicPr>
          <p:cNvPr id="11" name="Bild 15" descr="PPP grau.png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778573589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1_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Bild 6" descr="Unbenannt Kopie 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59875" cy="68770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Foliennummernplatzhalter 5"/>
          <p:cNvSpPr txBox="1">
            <a:spLocks/>
          </p:cNvSpPr>
          <p:nvPr userDrawn="1"/>
        </p:nvSpPr>
        <p:spPr bwMode="auto">
          <a:xfrm>
            <a:off x="6553200" y="6356350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r" eaLnBrk="1" hangingPunct="1">
              <a:defRPr/>
            </a:pPr>
            <a:r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t>Page </a:t>
            </a:r>
            <a:fld id="{D0020416-5E99-4692-910F-73AB137BC62A}" type="slidenum"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pPr algn="r" eaLnBrk="1" hangingPunct="1">
                <a:defRPr/>
              </a:pPr>
              <a:t>‹Nr.›</a:t>
            </a:fld>
            <a:endParaRPr lang="de-DE" altLang="de-DE" sz="800" smtClean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pic>
        <p:nvPicPr>
          <p:cNvPr id="4" name="Bild 4" descr="Logocorner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Foliennummernplatzhalter 2"/>
          <p:cNvSpPr txBox="1">
            <a:spLocks/>
          </p:cNvSpPr>
          <p:nvPr userDrawn="1"/>
        </p:nvSpPr>
        <p:spPr bwMode="auto">
          <a:xfrm>
            <a:off x="290513" y="6348413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9pPr>
          </a:lstStyle>
          <a:p>
            <a:pPr eaLnBrk="1" hangingPunct="1">
              <a:defRPr/>
            </a:pPr>
            <a:r>
              <a:rPr lang="de-DE" sz="800" dirty="0">
                <a:solidFill>
                  <a:srgbClr val="515357"/>
                </a:solidFill>
                <a:cs typeface="Arial" charset="0"/>
              </a:rPr>
              <a:t>Copyright FACC, </a:t>
            </a:r>
            <a:r>
              <a:rPr lang="de-DE" sz="800" dirty="0" smtClean="0">
                <a:solidFill>
                  <a:srgbClr val="515357"/>
                </a:solidFill>
                <a:cs typeface="Arial" charset="0"/>
              </a:rPr>
              <a:t>2016</a:t>
            </a:r>
            <a:endParaRPr lang="de-DE" sz="800" dirty="0">
              <a:solidFill>
                <a:srgbClr val="515357"/>
              </a:solidFill>
              <a:cs typeface="Arial" charset="0"/>
            </a:endParaRPr>
          </a:p>
        </p:txBody>
      </p:sp>
      <p:pic>
        <p:nvPicPr>
          <p:cNvPr id="6" name="Bild 10" descr="PPP grau.png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Bild 8" descr="Unbenannt.png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28125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Foliennummernplatzhalter 5"/>
          <p:cNvSpPr txBox="1">
            <a:spLocks/>
          </p:cNvSpPr>
          <p:nvPr userDrawn="1"/>
        </p:nvSpPr>
        <p:spPr bwMode="auto">
          <a:xfrm>
            <a:off x="6553200" y="6356350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r" eaLnBrk="1" hangingPunct="1">
              <a:defRPr/>
            </a:pPr>
            <a:r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t>Page </a:t>
            </a:r>
            <a:fld id="{97B0F553-1434-40B0-94F4-D2488244916C}" type="slidenum"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pPr algn="r" eaLnBrk="1" hangingPunct="1">
                <a:defRPr/>
              </a:pPr>
              <a:t>‹Nr.›</a:t>
            </a:fld>
            <a:endParaRPr lang="de-DE" altLang="de-DE" sz="800" smtClean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pic>
        <p:nvPicPr>
          <p:cNvPr id="9" name="Bild 4" descr="Logocorner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Foliennummernplatzhalter 2"/>
          <p:cNvSpPr txBox="1">
            <a:spLocks/>
          </p:cNvSpPr>
          <p:nvPr userDrawn="1"/>
        </p:nvSpPr>
        <p:spPr bwMode="auto">
          <a:xfrm>
            <a:off x="290513" y="6348413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9pPr>
          </a:lstStyle>
          <a:p>
            <a:pPr eaLnBrk="1" hangingPunct="1">
              <a:defRPr/>
            </a:pPr>
            <a:r>
              <a:rPr lang="de-DE" sz="800" dirty="0">
                <a:solidFill>
                  <a:srgbClr val="515357"/>
                </a:solidFill>
                <a:cs typeface="Arial" charset="0"/>
              </a:rPr>
              <a:t>Copyright FACC, 2012</a:t>
            </a:r>
          </a:p>
        </p:txBody>
      </p:sp>
      <p:pic>
        <p:nvPicPr>
          <p:cNvPr id="11" name="Bild 15" descr="PPP grau.png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53007373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Bild 6" descr="Unbenannt Kopie 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59875" cy="68770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Foliennummernplatzhalter 5"/>
          <p:cNvSpPr txBox="1">
            <a:spLocks/>
          </p:cNvSpPr>
          <p:nvPr userDrawn="1"/>
        </p:nvSpPr>
        <p:spPr bwMode="auto">
          <a:xfrm>
            <a:off x="6553200" y="6356350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r" eaLnBrk="1" hangingPunct="1">
              <a:defRPr/>
            </a:pPr>
            <a:r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t>Page </a:t>
            </a:r>
            <a:fld id="{93FEE36A-C727-431A-ABAD-E906AE2271FA}" type="slidenum"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pPr algn="r" eaLnBrk="1" hangingPunct="1">
                <a:defRPr/>
              </a:pPr>
              <a:t>‹Nr.›</a:t>
            </a:fld>
            <a:endParaRPr lang="de-DE" altLang="de-DE" sz="800" smtClean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pic>
        <p:nvPicPr>
          <p:cNvPr id="4" name="Bild 4" descr="Logocorner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Foliennummernplatzhalter 2"/>
          <p:cNvSpPr txBox="1">
            <a:spLocks/>
          </p:cNvSpPr>
          <p:nvPr userDrawn="1"/>
        </p:nvSpPr>
        <p:spPr bwMode="auto">
          <a:xfrm>
            <a:off x="290513" y="6348413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9pPr>
          </a:lstStyle>
          <a:p>
            <a:pPr eaLnBrk="1" hangingPunct="1">
              <a:defRPr/>
            </a:pPr>
            <a:r>
              <a:rPr lang="de-DE" sz="800" dirty="0">
                <a:solidFill>
                  <a:srgbClr val="515357"/>
                </a:solidFill>
                <a:cs typeface="Arial" charset="0"/>
              </a:rPr>
              <a:t>Copyright FACC, </a:t>
            </a:r>
            <a:r>
              <a:rPr lang="de-DE" sz="800" dirty="0" smtClean="0">
                <a:solidFill>
                  <a:srgbClr val="515357"/>
                </a:solidFill>
                <a:cs typeface="Arial" charset="0"/>
              </a:rPr>
              <a:t>2016</a:t>
            </a:r>
            <a:endParaRPr lang="de-DE" sz="800" dirty="0">
              <a:solidFill>
                <a:srgbClr val="515357"/>
              </a:solidFill>
              <a:cs typeface="Arial" charset="0"/>
            </a:endParaRPr>
          </a:p>
        </p:txBody>
      </p:sp>
      <p:pic>
        <p:nvPicPr>
          <p:cNvPr id="6" name="Bild 10" descr="PPP grau.png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Bild 8" descr="Unbenannt.png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28125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Oval 12"/>
          <p:cNvSpPr>
            <a:spLocks noChangeArrowheads="1"/>
          </p:cNvSpPr>
          <p:nvPr userDrawn="1"/>
        </p:nvSpPr>
        <p:spPr bwMode="auto">
          <a:xfrm>
            <a:off x="4616450" y="3481388"/>
            <a:ext cx="71438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9" name="Oval 13"/>
          <p:cNvSpPr>
            <a:spLocks noChangeArrowheads="1"/>
          </p:cNvSpPr>
          <p:nvPr userDrawn="1"/>
        </p:nvSpPr>
        <p:spPr bwMode="auto">
          <a:xfrm>
            <a:off x="4697413" y="3476625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10" name="Oval 14"/>
          <p:cNvSpPr>
            <a:spLocks noChangeArrowheads="1"/>
          </p:cNvSpPr>
          <p:nvPr userDrawn="1"/>
        </p:nvSpPr>
        <p:spPr bwMode="auto">
          <a:xfrm>
            <a:off x="4748213" y="3494088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11" name="Oval 12"/>
          <p:cNvSpPr>
            <a:spLocks noChangeArrowheads="1"/>
          </p:cNvSpPr>
          <p:nvPr userDrawn="1"/>
        </p:nvSpPr>
        <p:spPr bwMode="auto">
          <a:xfrm>
            <a:off x="4541838" y="3352800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12" name="Textfeld 11"/>
          <p:cNvSpPr txBox="1">
            <a:spLocks noChangeArrowheads="1"/>
          </p:cNvSpPr>
          <p:nvPr userDrawn="1"/>
        </p:nvSpPr>
        <p:spPr bwMode="auto">
          <a:xfrm>
            <a:off x="1812925" y="3232150"/>
            <a:ext cx="1050925" cy="274638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Montreal</a:t>
            </a:r>
          </a:p>
        </p:txBody>
      </p:sp>
      <p:sp>
        <p:nvSpPr>
          <p:cNvPr id="13" name="Textfeld 12"/>
          <p:cNvSpPr txBox="1">
            <a:spLocks noChangeArrowheads="1"/>
          </p:cNvSpPr>
          <p:nvPr userDrawn="1"/>
        </p:nvSpPr>
        <p:spPr bwMode="auto">
          <a:xfrm>
            <a:off x="1454150" y="3843338"/>
            <a:ext cx="722313" cy="274637"/>
          </a:xfrm>
          <a:prstGeom prst="rect">
            <a:avLst/>
          </a:prstGeom>
          <a:solidFill>
            <a:srgbClr val="FFFFFF">
              <a:alpha val="49000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Wichita</a:t>
            </a:r>
          </a:p>
        </p:txBody>
      </p:sp>
      <p:sp>
        <p:nvSpPr>
          <p:cNvPr id="14" name="Textfeld 13"/>
          <p:cNvSpPr txBox="1">
            <a:spLocks noChangeArrowheads="1"/>
          </p:cNvSpPr>
          <p:nvPr userDrawn="1"/>
        </p:nvSpPr>
        <p:spPr bwMode="auto">
          <a:xfrm>
            <a:off x="2492375" y="5064125"/>
            <a:ext cx="1177925" cy="274638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São Paulo</a:t>
            </a:r>
          </a:p>
        </p:txBody>
      </p:sp>
      <p:sp>
        <p:nvSpPr>
          <p:cNvPr id="15" name="Textfeld 14"/>
          <p:cNvSpPr txBox="1">
            <a:spLocks noChangeArrowheads="1"/>
          </p:cNvSpPr>
          <p:nvPr userDrawn="1"/>
        </p:nvSpPr>
        <p:spPr bwMode="auto">
          <a:xfrm>
            <a:off x="6561138" y="4487863"/>
            <a:ext cx="1049337" cy="274637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Bangalore</a:t>
            </a:r>
          </a:p>
        </p:txBody>
      </p:sp>
      <p:sp>
        <p:nvSpPr>
          <p:cNvPr id="16" name="Textfeld 15"/>
          <p:cNvSpPr txBox="1">
            <a:spLocks noChangeArrowheads="1"/>
          </p:cNvSpPr>
          <p:nvPr userDrawn="1"/>
        </p:nvSpPr>
        <p:spPr bwMode="auto">
          <a:xfrm>
            <a:off x="6975475" y="3517900"/>
            <a:ext cx="1050925" cy="274638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Shanghai</a:t>
            </a:r>
          </a:p>
        </p:txBody>
      </p:sp>
      <p:sp>
        <p:nvSpPr>
          <p:cNvPr id="17" name="Textfeld 16"/>
          <p:cNvSpPr txBox="1">
            <a:spLocks noChangeArrowheads="1"/>
          </p:cNvSpPr>
          <p:nvPr userDrawn="1"/>
        </p:nvSpPr>
        <p:spPr bwMode="auto">
          <a:xfrm>
            <a:off x="4659313" y="4057650"/>
            <a:ext cx="1050925" cy="274638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Abu Dhabi</a:t>
            </a:r>
          </a:p>
        </p:txBody>
      </p:sp>
      <p:sp>
        <p:nvSpPr>
          <p:cNvPr id="18" name="Textfeld 17"/>
          <p:cNvSpPr txBox="1">
            <a:spLocks noChangeArrowheads="1"/>
          </p:cNvSpPr>
          <p:nvPr userDrawn="1"/>
        </p:nvSpPr>
        <p:spPr bwMode="auto">
          <a:xfrm>
            <a:off x="5373688" y="2955925"/>
            <a:ext cx="709612" cy="274638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Kazan</a:t>
            </a:r>
          </a:p>
        </p:txBody>
      </p:sp>
      <p:sp>
        <p:nvSpPr>
          <p:cNvPr id="19" name="Textfeld 18"/>
          <p:cNvSpPr txBox="1">
            <a:spLocks noChangeArrowheads="1"/>
          </p:cNvSpPr>
          <p:nvPr userDrawn="1"/>
        </p:nvSpPr>
        <p:spPr bwMode="auto">
          <a:xfrm>
            <a:off x="3376613" y="3743325"/>
            <a:ext cx="1050925" cy="274638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Toulouse</a:t>
            </a:r>
          </a:p>
        </p:txBody>
      </p:sp>
      <p:sp>
        <p:nvSpPr>
          <p:cNvPr id="20" name="Textfeld 19"/>
          <p:cNvSpPr txBox="1">
            <a:spLocks noChangeArrowheads="1"/>
          </p:cNvSpPr>
          <p:nvPr userDrawn="1"/>
        </p:nvSpPr>
        <p:spPr bwMode="auto">
          <a:xfrm>
            <a:off x="3503613" y="3317875"/>
            <a:ext cx="684212" cy="274638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Filton</a:t>
            </a:r>
          </a:p>
        </p:txBody>
      </p:sp>
      <p:sp>
        <p:nvSpPr>
          <p:cNvPr id="21" name="Textfeld 20"/>
          <p:cNvSpPr txBox="1">
            <a:spLocks noChangeArrowheads="1"/>
          </p:cNvSpPr>
          <p:nvPr userDrawn="1"/>
        </p:nvSpPr>
        <p:spPr bwMode="auto">
          <a:xfrm>
            <a:off x="4225925" y="2667000"/>
            <a:ext cx="936625" cy="274638"/>
          </a:xfrm>
          <a:prstGeom prst="rect">
            <a:avLst/>
          </a:prstGeom>
          <a:solidFill>
            <a:srgbClr val="FFFFFF">
              <a:alpha val="49000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Hamburg</a:t>
            </a:r>
          </a:p>
        </p:txBody>
      </p:sp>
      <p:sp>
        <p:nvSpPr>
          <p:cNvPr id="22" name="Textfeld 21"/>
          <p:cNvSpPr txBox="1">
            <a:spLocks noChangeArrowheads="1"/>
          </p:cNvSpPr>
          <p:nvPr userDrawn="1"/>
        </p:nvSpPr>
        <p:spPr bwMode="auto">
          <a:xfrm>
            <a:off x="4873625" y="3325813"/>
            <a:ext cx="1047750" cy="274637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Ried / Wien</a:t>
            </a:r>
          </a:p>
        </p:txBody>
      </p:sp>
      <p:sp>
        <p:nvSpPr>
          <p:cNvPr id="23" name="Textfeld 22"/>
          <p:cNvSpPr txBox="1">
            <a:spLocks noChangeArrowheads="1"/>
          </p:cNvSpPr>
          <p:nvPr userDrawn="1"/>
        </p:nvSpPr>
        <p:spPr bwMode="auto">
          <a:xfrm>
            <a:off x="4648200" y="3649663"/>
            <a:ext cx="895350" cy="274637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Bratislava</a:t>
            </a:r>
          </a:p>
        </p:txBody>
      </p:sp>
      <p:sp>
        <p:nvSpPr>
          <p:cNvPr id="24" name="Bogen 36"/>
          <p:cNvSpPr>
            <a:spLocks/>
          </p:cNvSpPr>
          <p:nvPr userDrawn="1"/>
        </p:nvSpPr>
        <p:spPr bwMode="auto">
          <a:xfrm rot="18561756">
            <a:off x="4435475" y="3165475"/>
            <a:ext cx="311150" cy="819150"/>
          </a:xfrm>
          <a:custGeom>
            <a:avLst/>
            <a:gdLst>
              <a:gd name="T0" fmla="*/ 0 w 3913188"/>
              <a:gd name="T1" fmla="*/ 48365 h 768350"/>
              <a:gd name="T2" fmla="*/ 0 w 3913188"/>
              <a:gd name="T3" fmla="*/ 641156 h 768350"/>
              <a:gd name="T4" fmla="*/ 0 w 3913188"/>
              <a:gd name="T5" fmla="*/ 710329 h 768350"/>
              <a:gd name="T6" fmla="*/ 5898240 60000 65536"/>
              <a:gd name="T7" fmla="*/ 5898240 60000 65536"/>
              <a:gd name="T8" fmla="*/ 5898240 60000 65536"/>
              <a:gd name="T9" fmla="*/ 1211095 w 3913188"/>
              <a:gd name="T10" fmla="*/ 0 h 768350"/>
              <a:gd name="T11" fmla="*/ 3913188 w 3913188"/>
              <a:gd name="T12" fmla="*/ 425623 h 7683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913188" h="768350" stroke="0">
                <a:moveTo>
                  <a:pt x="1211092" y="28980"/>
                </a:moveTo>
                <a:lnTo>
                  <a:pt x="1211091" y="28979"/>
                </a:lnTo>
                <a:cubicBezTo>
                  <a:pt x="1447557" y="9845"/>
                  <a:pt x="1700835" y="-1"/>
                  <a:pt x="1956594" y="-1"/>
                </a:cubicBezTo>
                <a:cubicBezTo>
                  <a:pt x="3037191" y="0"/>
                  <a:pt x="3913188" y="172001"/>
                  <a:pt x="3913188" y="384175"/>
                </a:cubicBezTo>
                <a:cubicBezTo>
                  <a:pt x="3913188" y="398022"/>
                  <a:pt x="3909374" y="411860"/>
                  <a:pt x="3901765" y="425627"/>
                </a:cubicBezTo>
                <a:lnTo>
                  <a:pt x="1956594" y="384175"/>
                </a:lnTo>
                <a:lnTo>
                  <a:pt x="1211092" y="28980"/>
                </a:lnTo>
                <a:close/>
              </a:path>
              <a:path w="3913188" h="768350" fill="none">
                <a:moveTo>
                  <a:pt x="1211092" y="28980"/>
                </a:moveTo>
                <a:lnTo>
                  <a:pt x="1211091" y="28979"/>
                </a:lnTo>
                <a:cubicBezTo>
                  <a:pt x="1447557" y="9845"/>
                  <a:pt x="1700835" y="-1"/>
                  <a:pt x="1956594" y="-1"/>
                </a:cubicBezTo>
                <a:cubicBezTo>
                  <a:pt x="3037191" y="0"/>
                  <a:pt x="3913188" y="172001"/>
                  <a:pt x="3913188" y="384175"/>
                </a:cubicBezTo>
                <a:cubicBezTo>
                  <a:pt x="3913188" y="398022"/>
                  <a:pt x="3909374" y="411860"/>
                  <a:pt x="3901765" y="425627"/>
                </a:cubicBezTo>
              </a:path>
            </a:pathLst>
          </a:custGeom>
          <a:noFill/>
          <a:ln w="25400" cap="flat" cmpd="sng">
            <a:solidFill>
              <a:srgbClr val="895B5D"/>
            </a:solidFill>
            <a:prstDash val="solid"/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anchor="ctr"/>
          <a:lstStyle/>
          <a:p>
            <a:pPr>
              <a:defRPr/>
            </a:pPr>
            <a:endParaRPr lang="de-DE"/>
          </a:p>
        </p:txBody>
      </p:sp>
      <p:sp>
        <p:nvSpPr>
          <p:cNvPr id="25" name="Bogen 38"/>
          <p:cNvSpPr>
            <a:spLocks/>
          </p:cNvSpPr>
          <p:nvPr userDrawn="1"/>
        </p:nvSpPr>
        <p:spPr bwMode="auto">
          <a:xfrm rot="191367">
            <a:off x="3752850" y="3544888"/>
            <a:ext cx="2740025" cy="1109662"/>
          </a:xfrm>
          <a:custGeom>
            <a:avLst/>
            <a:gdLst>
              <a:gd name="T0" fmla="*/ 5273534 w 1804987"/>
              <a:gd name="T1" fmla="*/ 42938 h 920750"/>
              <a:gd name="T2" fmla="*/ 6925471 w 1804987"/>
              <a:gd name="T3" fmla="*/ 1487494 h 920750"/>
              <a:gd name="T4" fmla="*/ 13269674 w 1804987"/>
              <a:gd name="T5" fmla="*/ 2084005 h 920750"/>
              <a:gd name="T6" fmla="*/ 11796480 60000 65536"/>
              <a:gd name="T7" fmla="*/ 5898240 60000 65536"/>
              <a:gd name="T8" fmla="*/ 5898240 60000 65536"/>
              <a:gd name="T9" fmla="*/ 687222 w 1804987"/>
              <a:gd name="T10" fmla="*/ 0 h 920750"/>
              <a:gd name="T11" fmla="*/ 1804987 w 1804987"/>
              <a:gd name="T12" fmla="*/ 644993 h 9207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804987" h="920750" stroke="0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  <a:lnTo>
                  <a:pt x="902494" y="460375"/>
                </a:lnTo>
                <a:lnTo>
                  <a:pt x="687222" y="13289"/>
                </a:lnTo>
                <a:close/>
              </a:path>
              <a:path w="1804987" h="920750" fill="none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</a:path>
            </a:pathLst>
          </a:custGeom>
          <a:noFill/>
          <a:ln w="25400">
            <a:solidFill>
              <a:srgbClr val="895B5D"/>
            </a:solidFill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/>
          </a:extLst>
        </p:spPr>
        <p:txBody>
          <a:bodyPr anchor="ctr"/>
          <a:lstStyle/>
          <a:p>
            <a:pPr eaLnBrk="1" hangingPunct="1">
              <a:defRPr/>
            </a:pPr>
            <a:r>
              <a:rPr lang="de-DE" dirty="0">
                <a:latin typeface="Arial" pitchFamily="-84" charset="0"/>
                <a:ea typeface="ＭＳ Ｐゴシック" pitchFamily="-84" charset="-128"/>
                <a:cs typeface="ＭＳ Ｐゴシック" pitchFamily="-84" charset="-128"/>
              </a:rPr>
              <a:t> </a:t>
            </a:r>
          </a:p>
        </p:txBody>
      </p:sp>
      <p:sp>
        <p:nvSpPr>
          <p:cNvPr id="26" name="Bogen 36"/>
          <p:cNvSpPr>
            <a:spLocks/>
          </p:cNvSpPr>
          <p:nvPr userDrawn="1"/>
        </p:nvSpPr>
        <p:spPr bwMode="auto">
          <a:xfrm rot="16258885">
            <a:off x="4599782" y="3193256"/>
            <a:ext cx="176212" cy="758825"/>
          </a:xfrm>
          <a:custGeom>
            <a:avLst/>
            <a:gdLst>
              <a:gd name="T0" fmla="*/ 0 w 3913188"/>
              <a:gd name="T1" fmla="*/ 26228 h 768350"/>
              <a:gd name="T2" fmla="*/ 0 w 3913188"/>
              <a:gd name="T3" fmla="*/ 347688 h 768350"/>
              <a:gd name="T4" fmla="*/ 0 w 3913188"/>
              <a:gd name="T5" fmla="*/ 385199 h 768350"/>
              <a:gd name="T6" fmla="*/ 5898240 60000 65536"/>
              <a:gd name="T7" fmla="*/ 5898240 60000 65536"/>
              <a:gd name="T8" fmla="*/ 5898240 60000 65536"/>
              <a:gd name="T9" fmla="*/ 1211096 w 3913188"/>
              <a:gd name="T10" fmla="*/ 0 h 768350"/>
              <a:gd name="T11" fmla="*/ 3913188 w 3913188"/>
              <a:gd name="T12" fmla="*/ 425623 h 7683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913188" h="768350" stroke="0">
                <a:moveTo>
                  <a:pt x="1211092" y="28980"/>
                </a:moveTo>
                <a:lnTo>
                  <a:pt x="1211091" y="28979"/>
                </a:lnTo>
                <a:cubicBezTo>
                  <a:pt x="1447557" y="9845"/>
                  <a:pt x="1700835" y="-1"/>
                  <a:pt x="1956594" y="-1"/>
                </a:cubicBezTo>
                <a:cubicBezTo>
                  <a:pt x="3037191" y="0"/>
                  <a:pt x="3913188" y="172001"/>
                  <a:pt x="3913188" y="384175"/>
                </a:cubicBezTo>
                <a:cubicBezTo>
                  <a:pt x="3913188" y="398022"/>
                  <a:pt x="3909374" y="411860"/>
                  <a:pt x="3901765" y="425627"/>
                </a:cubicBezTo>
                <a:lnTo>
                  <a:pt x="1956594" y="384175"/>
                </a:lnTo>
                <a:lnTo>
                  <a:pt x="1211092" y="28980"/>
                </a:lnTo>
                <a:close/>
              </a:path>
              <a:path w="3913188" h="768350" fill="none">
                <a:moveTo>
                  <a:pt x="1211092" y="28980"/>
                </a:moveTo>
                <a:lnTo>
                  <a:pt x="1211091" y="28979"/>
                </a:lnTo>
                <a:cubicBezTo>
                  <a:pt x="1447557" y="9845"/>
                  <a:pt x="1700835" y="-1"/>
                  <a:pt x="1956594" y="-1"/>
                </a:cubicBezTo>
                <a:cubicBezTo>
                  <a:pt x="3037191" y="0"/>
                  <a:pt x="3913188" y="172001"/>
                  <a:pt x="3913188" y="384175"/>
                </a:cubicBezTo>
                <a:cubicBezTo>
                  <a:pt x="3913188" y="398022"/>
                  <a:pt x="3909374" y="411860"/>
                  <a:pt x="3901765" y="425627"/>
                </a:cubicBezTo>
              </a:path>
            </a:pathLst>
          </a:custGeom>
          <a:noFill/>
          <a:ln w="25400" cap="flat" cmpd="sng">
            <a:solidFill>
              <a:srgbClr val="895B5D"/>
            </a:solidFill>
            <a:prstDash val="solid"/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anchor="ctr"/>
          <a:lstStyle/>
          <a:p>
            <a:pPr>
              <a:defRPr/>
            </a:pPr>
            <a:endParaRPr lang="de-DE"/>
          </a:p>
        </p:txBody>
      </p:sp>
      <p:sp>
        <p:nvSpPr>
          <p:cNvPr id="27" name="Bogen 36"/>
          <p:cNvSpPr>
            <a:spLocks/>
          </p:cNvSpPr>
          <p:nvPr userDrawn="1"/>
        </p:nvSpPr>
        <p:spPr bwMode="auto">
          <a:xfrm rot="20346242">
            <a:off x="4633913" y="3327400"/>
            <a:ext cx="127000" cy="411163"/>
          </a:xfrm>
          <a:custGeom>
            <a:avLst/>
            <a:gdLst>
              <a:gd name="T0" fmla="*/ 0 w 3913188"/>
              <a:gd name="T1" fmla="*/ 195 h 768350"/>
              <a:gd name="T2" fmla="*/ 0 w 3913188"/>
              <a:gd name="T3" fmla="*/ 2583 h 768350"/>
              <a:gd name="T4" fmla="*/ 0 w 3913188"/>
              <a:gd name="T5" fmla="*/ 2862 h 768350"/>
              <a:gd name="T6" fmla="*/ 5898240 60000 65536"/>
              <a:gd name="T7" fmla="*/ 5898240 60000 65536"/>
              <a:gd name="T8" fmla="*/ 5898240 60000 65536"/>
              <a:gd name="T9" fmla="*/ 1211085 w 3913188"/>
              <a:gd name="T10" fmla="*/ 0 h 768350"/>
              <a:gd name="T11" fmla="*/ 3913188 w 3913188"/>
              <a:gd name="T12" fmla="*/ 425622 h 7683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913188" h="768350" stroke="0">
                <a:moveTo>
                  <a:pt x="1211092" y="28980"/>
                </a:moveTo>
                <a:lnTo>
                  <a:pt x="1211091" y="28979"/>
                </a:lnTo>
                <a:cubicBezTo>
                  <a:pt x="1447557" y="9845"/>
                  <a:pt x="1700835" y="-1"/>
                  <a:pt x="1956594" y="-1"/>
                </a:cubicBezTo>
                <a:cubicBezTo>
                  <a:pt x="3037191" y="0"/>
                  <a:pt x="3913188" y="172001"/>
                  <a:pt x="3913188" y="384175"/>
                </a:cubicBezTo>
                <a:cubicBezTo>
                  <a:pt x="3913188" y="398022"/>
                  <a:pt x="3909374" y="411860"/>
                  <a:pt x="3901765" y="425627"/>
                </a:cubicBezTo>
                <a:lnTo>
                  <a:pt x="1956594" y="384175"/>
                </a:lnTo>
                <a:lnTo>
                  <a:pt x="1211092" y="28980"/>
                </a:lnTo>
                <a:close/>
              </a:path>
              <a:path w="3913188" h="768350" fill="none">
                <a:moveTo>
                  <a:pt x="1211092" y="28980"/>
                </a:moveTo>
                <a:lnTo>
                  <a:pt x="1211091" y="28979"/>
                </a:lnTo>
                <a:cubicBezTo>
                  <a:pt x="1447557" y="9845"/>
                  <a:pt x="1700835" y="-1"/>
                  <a:pt x="1956594" y="-1"/>
                </a:cubicBezTo>
                <a:cubicBezTo>
                  <a:pt x="3037191" y="0"/>
                  <a:pt x="3913188" y="172001"/>
                  <a:pt x="3913188" y="384175"/>
                </a:cubicBezTo>
                <a:cubicBezTo>
                  <a:pt x="3913188" y="398022"/>
                  <a:pt x="3909374" y="411860"/>
                  <a:pt x="3901765" y="425627"/>
                </a:cubicBezTo>
              </a:path>
            </a:pathLst>
          </a:custGeom>
          <a:noFill/>
          <a:ln w="25400" cap="flat" cmpd="sng">
            <a:solidFill>
              <a:srgbClr val="895B5D"/>
            </a:solidFill>
            <a:prstDash val="solid"/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anchor="ctr"/>
          <a:lstStyle/>
          <a:p>
            <a:pPr>
              <a:defRPr/>
            </a:pPr>
            <a:endParaRPr lang="de-DE"/>
          </a:p>
        </p:txBody>
      </p:sp>
      <p:sp>
        <p:nvSpPr>
          <p:cNvPr id="28" name="Bogen 38"/>
          <p:cNvSpPr>
            <a:spLocks/>
          </p:cNvSpPr>
          <p:nvPr userDrawn="1"/>
        </p:nvSpPr>
        <p:spPr bwMode="auto">
          <a:xfrm>
            <a:off x="4148138" y="3548063"/>
            <a:ext cx="1681162" cy="922337"/>
          </a:xfrm>
          <a:custGeom>
            <a:avLst/>
            <a:gdLst>
              <a:gd name="T0" fmla="*/ 389944 w 1804987"/>
              <a:gd name="T1" fmla="*/ 14371 h 920750"/>
              <a:gd name="T2" fmla="*/ 512092 w 1804987"/>
              <a:gd name="T3" fmla="*/ 497790 h 920750"/>
              <a:gd name="T4" fmla="*/ 981205 w 1804987"/>
              <a:gd name="T5" fmla="*/ 697412 h 920750"/>
              <a:gd name="T6" fmla="*/ 11796480 60000 65536"/>
              <a:gd name="T7" fmla="*/ 5898240 60000 65536"/>
              <a:gd name="T8" fmla="*/ 5898240 60000 65536"/>
              <a:gd name="T9" fmla="*/ 687221 w 1804987"/>
              <a:gd name="T10" fmla="*/ 0 h 920750"/>
              <a:gd name="T11" fmla="*/ 1804987 w 1804987"/>
              <a:gd name="T12" fmla="*/ 644993 h 9207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804987" h="920750" stroke="0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  <a:lnTo>
                  <a:pt x="902494" y="460375"/>
                </a:lnTo>
                <a:lnTo>
                  <a:pt x="687222" y="13289"/>
                </a:lnTo>
                <a:close/>
              </a:path>
              <a:path w="1804987" h="920750" fill="none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</a:path>
            </a:pathLst>
          </a:custGeom>
          <a:noFill/>
          <a:ln w="25400" cap="flat" cmpd="sng">
            <a:solidFill>
              <a:srgbClr val="895B5D"/>
            </a:solidFill>
            <a:prstDash val="solid"/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anchor="ctr"/>
          <a:lstStyle/>
          <a:p>
            <a:pPr>
              <a:defRPr/>
            </a:pPr>
            <a:endParaRPr lang="de-DE"/>
          </a:p>
        </p:txBody>
      </p:sp>
      <p:sp>
        <p:nvSpPr>
          <p:cNvPr id="29" name="Bogen 38"/>
          <p:cNvSpPr>
            <a:spLocks/>
          </p:cNvSpPr>
          <p:nvPr userDrawn="1"/>
        </p:nvSpPr>
        <p:spPr bwMode="auto">
          <a:xfrm rot="15128339">
            <a:off x="3403600" y="3071813"/>
            <a:ext cx="2159000" cy="3213100"/>
          </a:xfrm>
          <a:custGeom>
            <a:avLst/>
            <a:gdLst>
              <a:gd name="T0" fmla="*/ 2879556 w 1804987"/>
              <a:gd name="T1" fmla="*/ 292247625 h 920750"/>
              <a:gd name="T2" fmla="*/ 3781576 w 1804987"/>
              <a:gd name="T3" fmla="*/ 2147483647 h 920750"/>
              <a:gd name="T4" fmla="*/ 7245761 w 1804987"/>
              <a:gd name="T5" fmla="*/ 2147483647 h 920750"/>
              <a:gd name="T6" fmla="*/ 11796480 60000 65536"/>
              <a:gd name="T7" fmla="*/ 5898240 60000 65536"/>
              <a:gd name="T8" fmla="*/ 5898240 60000 65536"/>
              <a:gd name="T9" fmla="*/ 687222 w 1804987"/>
              <a:gd name="T10" fmla="*/ 0 h 920750"/>
              <a:gd name="T11" fmla="*/ 1804987 w 1804987"/>
              <a:gd name="T12" fmla="*/ 644993 h 9207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804987" h="920750" stroke="0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  <a:lnTo>
                  <a:pt x="902494" y="460375"/>
                </a:lnTo>
                <a:lnTo>
                  <a:pt x="687222" y="13289"/>
                </a:lnTo>
                <a:close/>
              </a:path>
              <a:path w="1804987" h="920750" fill="none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</a:path>
            </a:pathLst>
          </a:custGeom>
          <a:noFill/>
          <a:ln w="25400" cap="flat" cmpd="sng">
            <a:solidFill>
              <a:srgbClr val="895B5D"/>
            </a:solidFill>
            <a:prstDash val="solid"/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anchor="ctr"/>
          <a:lstStyle/>
          <a:p>
            <a:pPr>
              <a:defRPr/>
            </a:pPr>
            <a:endParaRPr lang="de-DE"/>
          </a:p>
        </p:txBody>
      </p:sp>
      <p:sp>
        <p:nvSpPr>
          <p:cNvPr id="30" name="Bogen 38"/>
          <p:cNvSpPr>
            <a:spLocks/>
          </p:cNvSpPr>
          <p:nvPr userDrawn="1"/>
        </p:nvSpPr>
        <p:spPr bwMode="auto">
          <a:xfrm rot="4801277" flipH="1">
            <a:off x="4866481" y="2099469"/>
            <a:ext cx="1527175" cy="3919538"/>
          </a:xfrm>
          <a:custGeom>
            <a:avLst/>
            <a:gdLst>
              <a:gd name="T0" fmla="*/ 180474 w 1804987"/>
              <a:gd name="T1" fmla="*/ 1432975418 h 920750"/>
              <a:gd name="T2" fmla="*/ 237007 w 1804987"/>
              <a:gd name="T3" fmla="*/ 2147483647 h 920750"/>
              <a:gd name="T4" fmla="*/ 454123 w 1804987"/>
              <a:gd name="T5" fmla="*/ 2147483647 h 920750"/>
              <a:gd name="T6" fmla="*/ 11796480 60000 65536"/>
              <a:gd name="T7" fmla="*/ 5898240 60000 65536"/>
              <a:gd name="T8" fmla="*/ 5898240 60000 65536"/>
              <a:gd name="T9" fmla="*/ 687222 w 1804987"/>
              <a:gd name="T10" fmla="*/ 0 h 920750"/>
              <a:gd name="T11" fmla="*/ 1804987 w 1804987"/>
              <a:gd name="T12" fmla="*/ 644993 h 9207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804987" h="920750" stroke="0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  <a:lnTo>
                  <a:pt x="902494" y="460375"/>
                </a:lnTo>
                <a:lnTo>
                  <a:pt x="687222" y="13289"/>
                </a:lnTo>
                <a:close/>
              </a:path>
              <a:path w="1804987" h="920750" fill="none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</a:path>
            </a:pathLst>
          </a:custGeom>
          <a:noFill/>
          <a:ln w="25400" cap="flat" cmpd="sng">
            <a:solidFill>
              <a:srgbClr val="895B5D"/>
            </a:solidFill>
            <a:prstDash val="solid"/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anchor="ctr"/>
          <a:lstStyle/>
          <a:p>
            <a:pPr>
              <a:defRPr/>
            </a:pPr>
            <a:endParaRPr lang="de-DE"/>
          </a:p>
        </p:txBody>
      </p:sp>
      <p:sp>
        <p:nvSpPr>
          <p:cNvPr id="31" name="Bogen 38"/>
          <p:cNvSpPr>
            <a:spLocks/>
          </p:cNvSpPr>
          <p:nvPr userDrawn="1"/>
        </p:nvSpPr>
        <p:spPr bwMode="auto">
          <a:xfrm rot="3183704" flipH="1">
            <a:off x="4829175" y="2998788"/>
            <a:ext cx="604838" cy="1230312"/>
          </a:xfrm>
          <a:custGeom>
            <a:avLst/>
            <a:gdLst>
              <a:gd name="T0" fmla="*/ 109 w 1804987"/>
              <a:gd name="T1" fmla="*/ 135046 h 920750"/>
              <a:gd name="T2" fmla="*/ 143 w 1804987"/>
              <a:gd name="T3" fmla="*/ 4678426 h 920750"/>
              <a:gd name="T4" fmla="*/ 275 w 1804987"/>
              <a:gd name="T5" fmla="*/ 6554557 h 920750"/>
              <a:gd name="T6" fmla="*/ 11796480 60000 65536"/>
              <a:gd name="T7" fmla="*/ 5898240 60000 65536"/>
              <a:gd name="T8" fmla="*/ 5898240 60000 65536"/>
              <a:gd name="T9" fmla="*/ 687222 w 1804987"/>
              <a:gd name="T10" fmla="*/ 0 h 920750"/>
              <a:gd name="T11" fmla="*/ 1804987 w 1804987"/>
              <a:gd name="T12" fmla="*/ 644993 h 9207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804987" h="920750" stroke="0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  <a:lnTo>
                  <a:pt x="902494" y="460375"/>
                </a:lnTo>
                <a:lnTo>
                  <a:pt x="687222" y="13289"/>
                </a:lnTo>
                <a:close/>
              </a:path>
              <a:path w="1804987" h="920750" fill="none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</a:path>
            </a:pathLst>
          </a:custGeom>
          <a:noFill/>
          <a:ln w="25400" cap="flat" cmpd="sng">
            <a:solidFill>
              <a:srgbClr val="895B5D"/>
            </a:solidFill>
            <a:prstDash val="solid"/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anchor="ctr"/>
          <a:lstStyle/>
          <a:p>
            <a:pPr>
              <a:defRPr/>
            </a:pPr>
            <a:endParaRPr lang="de-DE"/>
          </a:p>
        </p:txBody>
      </p:sp>
      <p:sp>
        <p:nvSpPr>
          <p:cNvPr id="32" name="Textfeld 19"/>
          <p:cNvSpPr txBox="1">
            <a:spLocks noChangeArrowheads="1"/>
          </p:cNvSpPr>
          <p:nvPr userDrawn="1"/>
        </p:nvSpPr>
        <p:spPr bwMode="auto">
          <a:xfrm>
            <a:off x="292100" y="3079750"/>
            <a:ext cx="1206500" cy="274638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smtClean="0">
                <a:solidFill>
                  <a:srgbClr val="515357"/>
                </a:solidFill>
                <a:cs typeface="Arial" charset="0"/>
              </a:rPr>
              <a:t>Seattle</a:t>
            </a:r>
          </a:p>
        </p:txBody>
      </p:sp>
      <p:sp>
        <p:nvSpPr>
          <p:cNvPr id="33" name="Foliennummernplatzhalter 5"/>
          <p:cNvSpPr txBox="1">
            <a:spLocks/>
          </p:cNvSpPr>
          <p:nvPr userDrawn="1"/>
        </p:nvSpPr>
        <p:spPr bwMode="auto">
          <a:xfrm>
            <a:off x="6553200" y="6356350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r" eaLnBrk="1" hangingPunct="1">
              <a:defRPr/>
            </a:pPr>
            <a:r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t>Page </a:t>
            </a:r>
            <a:fld id="{37012BBF-B3FD-4DC2-B031-3479563F8C6E}" type="slidenum"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pPr algn="r" eaLnBrk="1" hangingPunct="1">
                <a:defRPr/>
              </a:pPr>
              <a:t>‹Nr.›</a:t>
            </a:fld>
            <a:endParaRPr lang="de-DE" altLang="de-DE" sz="800" smtClean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pic>
        <p:nvPicPr>
          <p:cNvPr id="34" name="Bild 10" descr="Logocorner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5" name="Foliennummernplatzhalter 2"/>
          <p:cNvSpPr txBox="1">
            <a:spLocks/>
          </p:cNvSpPr>
          <p:nvPr userDrawn="1"/>
        </p:nvSpPr>
        <p:spPr bwMode="auto">
          <a:xfrm>
            <a:off x="290513" y="6348413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9pPr>
          </a:lstStyle>
          <a:p>
            <a:pPr eaLnBrk="1" hangingPunct="1">
              <a:defRPr/>
            </a:pPr>
            <a:r>
              <a:rPr lang="de-DE" sz="800" dirty="0">
                <a:solidFill>
                  <a:srgbClr val="515357"/>
                </a:solidFill>
                <a:cs typeface="Arial" charset="0"/>
              </a:rPr>
              <a:t>Copyright FACC, 2012</a:t>
            </a:r>
          </a:p>
        </p:txBody>
      </p:sp>
      <p:pic>
        <p:nvPicPr>
          <p:cNvPr id="36" name="Bild 54" descr="PPP grau.png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7" name="Oval 45"/>
          <p:cNvSpPr>
            <a:spLocks noChangeArrowheads="1"/>
          </p:cNvSpPr>
          <p:nvPr userDrawn="1"/>
        </p:nvSpPr>
        <p:spPr bwMode="auto">
          <a:xfrm>
            <a:off x="4513263" y="3405188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38" name="Textfeld 37"/>
          <p:cNvSpPr txBox="1">
            <a:spLocks noChangeArrowheads="1"/>
          </p:cNvSpPr>
          <p:nvPr userDrawn="1"/>
        </p:nvSpPr>
        <p:spPr bwMode="auto">
          <a:xfrm>
            <a:off x="4167188" y="2997200"/>
            <a:ext cx="971550" cy="273050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err="1" smtClean="0">
                <a:solidFill>
                  <a:srgbClr val="515357"/>
                </a:solidFill>
                <a:cs typeface="Arial" charset="0"/>
              </a:rPr>
              <a:t>Steinebach</a:t>
            </a:r>
            <a:endParaRPr lang="de-DE" sz="1200" dirty="0" smtClean="0">
              <a:solidFill>
                <a:srgbClr val="515357"/>
              </a:solidFill>
              <a:cs typeface="Arial" charset="0"/>
            </a:endParaRPr>
          </a:p>
        </p:txBody>
      </p:sp>
      <p:sp>
        <p:nvSpPr>
          <p:cNvPr id="39" name="Bogen 38"/>
          <p:cNvSpPr>
            <a:spLocks/>
          </p:cNvSpPr>
          <p:nvPr userDrawn="1"/>
        </p:nvSpPr>
        <p:spPr bwMode="auto">
          <a:xfrm rot="17458415">
            <a:off x="2252663" y="1414463"/>
            <a:ext cx="2327275" cy="5375275"/>
          </a:xfrm>
          <a:custGeom>
            <a:avLst/>
            <a:gdLst>
              <a:gd name="T0" fmla="*/ 5249114 w 1804987"/>
              <a:gd name="T1" fmla="*/ 2147483647 h 920750"/>
              <a:gd name="T2" fmla="*/ 6893397 w 1804987"/>
              <a:gd name="T3" fmla="*/ 2147483647 h 920750"/>
              <a:gd name="T4" fmla="*/ 13208223 w 1804987"/>
              <a:gd name="T5" fmla="*/ 2147483647 h 920750"/>
              <a:gd name="T6" fmla="*/ 11796480 60000 65536"/>
              <a:gd name="T7" fmla="*/ 5898240 60000 65536"/>
              <a:gd name="T8" fmla="*/ 5898240 60000 65536"/>
              <a:gd name="T9" fmla="*/ 687222 w 1804987"/>
              <a:gd name="T10" fmla="*/ 0 h 920750"/>
              <a:gd name="T11" fmla="*/ 1804987 w 1804987"/>
              <a:gd name="T12" fmla="*/ 644993 h 9207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804987" h="920750" stroke="0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  <a:lnTo>
                  <a:pt x="902494" y="460375"/>
                </a:lnTo>
                <a:lnTo>
                  <a:pt x="687222" y="13289"/>
                </a:lnTo>
                <a:close/>
              </a:path>
              <a:path w="1804987" h="920750" fill="none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</a:path>
            </a:pathLst>
          </a:custGeom>
          <a:noFill/>
          <a:ln w="25400" cap="flat" cmpd="sng">
            <a:solidFill>
              <a:srgbClr val="895B5D"/>
            </a:solidFill>
            <a:prstDash val="solid"/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anchor="ctr"/>
          <a:lstStyle/>
          <a:p>
            <a:pPr>
              <a:defRPr/>
            </a:pPr>
            <a:endParaRPr lang="de-DE"/>
          </a:p>
        </p:txBody>
      </p:sp>
      <p:sp>
        <p:nvSpPr>
          <p:cNvPr id="40" name="Bogen 38"/>
          <p:cNvSpPr>
            <a:spLocks/>
          </p:cNvSpPr>
          <p:nvPr userDrawn="1"/>
        </p:nvSpPr>
        <p:spPr bwMode="auto">
          <a:xfrm rot="17458415">
            <a:off x="3140869" y="2299494"/>
            <a:ext cx="1527175" cy="3313113"/>
          </a:xfrm>
          <a:custGeom>
            <a:avLst/>
            <a:gdLst>
              <a:gd name="T0" fmla="*/ 180474 w 1804987"/>
              <a:gd name="T1" fmla="*/ 373460376 h 920750"/>
              <a:gd name="T2" fmla="*/ 237007 w 1804987"/>
              <a:gd name="T3" fmla="*/ 2147483647 h 920750"/>
              <a:gd name="T4" fmla="*/ 454123 w 1804987"/>
              <a:gd name="T5" fmla="*/ 2147483647 h 920750"/>
              <a:gd name="T6" fmla="*/ 11796480 60000 65536"/>
              <a:gd name="T7" fmla="*/ 5898240 60000 65536"/>
              <a:gd name="T8" fmla="*/ 5898240 60000 65536"/>
              <a:gd name="T9" fmla="*/ 687222 w 1804987"/>
              <a:gd name="T10" fmla="*/ 0 h 920750"/>
              <a:gd name="T11" fmla="*/ 1804987 w 1804987"/>
              <a:gd name="T12" fmla="*/ 644993 h 9207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804987" h="920750" stroke="0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  <a:lnTo>
                  <a:pt x="902494" y="460375"/>
                </a:lnTo>
                <a:lnTo>
                  <a:pt x="687222" y="13289"/>
                </a:lnTo>
                <a:close/>
              </a:path>
              <a:path w="1804987" h="920750" fill="none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</a:path>
            </a:pathLst>
          </a:custGeom>
          <a:noFill/>
          <a:ln w="25400" cap="flat" cmpd="sng">
            <a:solidFill>
              <a:srgbClr val="895B5D"/>
            </a:solidFill>
            <a:prstDash val="solid"/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anchor="ctr"/>
          <a:lstStyle/>
          <a:p>
            <a:pPr>
              <a:defRPr/>
            </a:pPr>
            <a:endParaRPr lang="de-DE"/>
          </a:p>
        </p:txBody>
      </p:sp>
      <p:sp>
        <p:nvSpPr>
          <p:cNvPr id="41" name="Textfeld 40"/>
          <p:cNvSpPr txBox="1">
            <a:spLocks noChangeArrowheads="1"/>
          </p:cNvSpPr>
          <p:nvPr userDrawn="1"/>
        </p:nvSpPr>
        <p:spPr bwMode="auto">
          <a:xfrm>
            <a:off x="5667375" y="4367213"/>
            <a:ext cx="647700" cy="274637"/>
          </a:xfrm>
          <a:prstGeom prst="rect">
            <a:avLst/>
          </a:prstGeom>
          <a:solidFill>
            <a:srgbClr val="FFFFFF">
              <a:alpha val="49019"/>
            </a:srgbClr>
          </a:solidFill>
          <a:ln w="9525">
            <a:solidFill>
              <a:srgbClr val="895B5D"/>
            </a:solidFill>
            <a:miter lim="800000"/>
            <a:headEnd/>
            <a:tailEnd/>
          </a:ln>
        </p:spPr>
        <p:txBody>
          <a:bodyPr anchor="ctr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ＭＳ Ｐゴシック" pitchFamily="-1" charset="-128"/>
              </a:defRPr>
            </a:lvl9pPr>
          </a:lstStyle>
          <a:p>
            <a:pPr algn="ctr" eaLnBrk="1" hangingPunct="1">
              <a:defRPr/>
            </a:pPr>
            <a:r>
              <a:rPr lang="de-DE" sz="1200" dirty="0" err="1" smtClean="0">
                <a:solidFill>
                  <a:srgbClr val="515357"/>
                </a:solidFill>
                <a:cs typeface="Arial" charset="0"/>
              </a:rPr>
              <a:t>Pune</a:t>
            </a:r>
            <a:endParaRPr lang="de-DE" sz="1200" dirty="0" smtClean="0">
              <a:solidFill>
                <a:srgbClr val="515357"/>
              </a:solidFill>
              <a:cs typeface="Arial" charset="0"/>
            </a:endParaRPr>
          </a:p>
        </p:txBody>
      </p:sp>
      <p:sp>
        <p:nvSpPr>
          <p:cNvPr id="42" name="Bogen 38"/>
          <p:cNvSpPr>
            <a:spLocks/>
          </p:cNvSpPr>
          <p:nvPr userDrawn="1"/>
        </p:nvSpPr>
        <p:spPr bwMode="auto">
          <a:xfrm rot="17458415">
            <a:off x="2515394" y="2110581"/>
            <a:ext cx="2270125" cy="4157663"/>
          </a:xfrm>
          <a:custGeom>
            <a:avLst/>
            <a:gdLst>
              <a:gd name="T0" fmla="*/ 4302320 w 1804987"/>
              <a:gd name="T1" fmla="*/ 2147483647 h 920750"/>
              <a:gd name="T2" fmla="*/ 5650018 w 1804987"/>
              <a:gd name="T3" fmla="*/ 2147483647 h 920750"/>
              <a:gd name="T4" fmla="*/ 10825830 w 1804987"/>
              <a:gd name="T5" fmla="*/ 2147483647 h 920750"/>
              <a:gd name="T6" fmla="*/ 11796480 60000 65536"/>
              <a:gd name="T7" fmla="*/ 5898240 60000 65536"/>
              <a:gd name="T8" fmla="*/ 5898240 60000 65536"/>
              <a:gd name="T9" fmla="*/ 687222 w 1804987"/>
              <a:gd name="T10" fmla="*/ 0 h 920750"/>
              <a:gd name="T11" fmla="*/ 1804987 w 1804987"/>
              <a:gd name="T12" fmla="*/ 644993 h 9207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804987" h="920750" stroke="0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  <a:lnTo>
                  <a:pt x="902494" y="460375"/>
                </a:lnTo>
                <a:lnTo>
                  <a:pt x="687222" y="13289"/>
                </a:lnTo>
                <a:close/>
              </a:path>
              <a:path w="1804987" h="920750" fill="none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</a:path>
            </a:pathLst>
          </a:custGeom>
          <a:noFill/>
          <a:ln w="25400" cap="flat" cmpd="sng">
            <a:solidFill>
              <a:srgbClr val="895B5D"/>
            </a:solidFill>
            <a:prstDash val="solid"/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anchor="ctr"/>
          <a:lstStyle/>
          <a:p>
            <a:pPr>
              <a:defRPr/>
            </a:pPr>
            <a:endParaRPr lang="de-DE"/>
          </a:p>
        </p:txBody>
      </p:sp>
      <p:sp>
        <p:nvSpPr>
          <p:cNvPr id="43" name="Oval 5"/>
          <p:cNvSpPr>
            <a:spLocks noChangeArrowheads="1"/>
          </p:cNvSpPr>
          <p:nvPr userDrawn="1"/>
        </p:nvSpPr>
        <p:spPr bwMode="auto">
          <a:xfrm>
            <a:off x="1630363" y="3717925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44" name="Oval 6"/>
          <p:cNvSpPr>
            <a:spLocks noChangeArrowheads="1"/>
          </p:cNvSpPr>
          <p:nvPr userDrawn="1"/>
        </p:nvSpPr>
        <p:spPr bwMode="auto">
          <a:xfrm>
            <a:off x="2290763" y="3549650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45" name="Oval 46"/>
          <p:cNvSpPr>
            <a:spLocks noChangeArrowheads="1"/>
          </p:cNvSpPr>
          <p:nvPr userDrawn="1"/>
        </p:nvSpPr>
        <p:spPr bwMode="auto">
          <a:xfrm>
            <a:off x="838200" y="3429000"/>
            <a:ext cx="71438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46" name="Oval 8"/>
          <p:cNvSpPr>
            <a:spLocks noChangeArrowheads="1"/>
          </p:cNvSpPr>
          <p:nvPr userDrawn="1"/>
        </p:nvSpPr>
        <p:spPr bwMode="auto">
          <a:xfrm>
            <a:off x="5734050" y="4122738"/>
            <a:ext cx="71438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47" name="Oval 9"/>
          <p:cNvSpPr>
            <a:spLocks noChangeArrowheads="1"/>
          </p:cNvSpPr>
          <p:nvPr userDrawn="1"/>
        </p:nvSpPr>
        <p:spPr bwMode="auto">
          <a:xfrm>
            <a:off x="6418263" y="4491038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48" name="Oval 10"/>
          <p:cNvSpPr>
            <a:spLocks noChangeArrowheads="1"/>
          </p:cNvSpPr>
          <p:nvPr userDrawn="1"/>
        </p:nvSpPr>
        <p:spPr bwMode="auto">
          <a:xfrm>
            <a:off x="3049588" y="5394325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49" name="Oval 11"/>
          <p:cNvSpPr>
            <a:spLocks noChangeArrowheads="1"/>
          </p:cNvSpPr>
          <p:nvPr userDrawn="1"/>
        </p:nvSpPr>
        <p:spPr bwMode="auto">
          <a:xfrm>
            <a:off x="4292600" y="3597275"/>
            <a:ext cx="71438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50" name="Oval 46"/>
          <p:cNvSpPr>
            <a:spLocks noChangeArrowheads="1"/>
          </p:cNvSpPr>
          <p:nvPr userDrawn="1"/>
        </p:nvSpPr>
        <p:spPr bwMode="auto">
          <a:xfrm>
            <a:off x="6342063" y="4332288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51" name="Oval 13"/>
          <p:cNvSpPr>
            <a:spLocks noChangeArrowheads="1"/>
          </p:cNvSpPr>
          <p:nvPr userDrawn="1"/>
        </p:nvSpPr>
        <p:spPr bwMode="auto">
          <a:xfrm>
            <a:off x="4233863" y="3371850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52" name="Bogen 38"/>
          <p:cNvSpPr>
            <a:spLocks/>
          </p:cNvSpPr>
          <p:nvPr userDrawn="1"/>
        </p:nvSpPr>
        <p:spPr bwMode="auto">
          <a:xfrm rot="191367">
            <a:off x="3694113" y="3557588"/>
            <a:ext cx="2927350" cy="1260475"/>
          </a:xfrm>
          <a:custGeom>
            <a:avLst/>
            <a:gdLst>
              <a:gd name="T0" fmla="*/ 6430760 w 1804987"/>
              <a:gd name="T1" fmla="*/ 62933 h 920750"/>
              <a:gd name="T2" fmla="*/ 8445195 w 1804987"/>
              <a:gd name="T3" fmla="*/ 2180146 h 920750"/>
              <a:gd name="T4" fmla="*/ 16181570 w 1804987"/>
              <a:gd name="T5" fmla="*/ 3054424 h 920750"/>
              <a:gd name="T6" fmla="*/ 11796480 60000 65536"/>
              <a:gd name="T7" fmla="*/ 5898240 60000 65536"/>
              <a:gd name="T8" fmla="*/ 5898240 60000 65536"/>
              <a:gd name="T9" fmla="*/ 687222 w 1804987"/>
              <a:gd name="T10" fmla="*/ 0 h 920750"/>
              <a:gd name="T11" fmla="*/ 1804987 w 1804987"/>
              <a:gd name="T12" fmla="*/ 644993 h 92075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804987" h="920750" stroke="0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  <a:lnTo>
                  <a:pt x="902494" y="460375"/>
                </a:lnTo>
                <a:lnTo>
                  <a:pt x="687222" y="13289"/>
                </a:lnTo>
                <a:close/>
              </a:path>
              <a:path w="1804987" h="920750" fill="none">
                <a:moveTo>
                  <a:pt x="687222" y="13289"/>
                </a:moveTo>
                <a:lnTo>
                  <a:pt x="687221" y="13288"/>
                </a:lnTo>
                <a:cubicBezTo>
                  <a:pt x="757671" y="4461"/>
                  <a:pt x="829949" y="-1"/>
                  <a:pt x="902493" y="-1"/>
                </a:cubicBezTo>
                <a:cubicBezTo>
                  <a:pt x="1400926" y="0"/>
                  <a:pt x="1804987" y="206116"/>
                  <a:pt x="1804987" y="460375"/>
                </a:cubicBezTo>
                <a:cubicBezTo>
                  <a:pt x="1804987" y="523922"/>
                  <a:pt x="1779196" y="586781"/>
                  <a:pt x="1729239" y="644994"/>
                </a:cubicBezTo>
              </a:path>
            </a:pathLst>
          </a:custGeom>
          <a:noFill/>
          <a:ln w="25400">
            <a:solidFill>
              <a:srgbClr val="895B5D"/>
            </a:solidFill>
            <a:round/>
            <a:headEnd/>
            <a:tailEnd/>
          </a:ln>
          <a:effectLst>
            <a:outerShdw blurRad="63500" dist="20000" dir="5400000" rotWithShape="0">
              <a:srgbClr val="000000">
                <a:alpha val="37999"/>
              </a:srgbClr>
            </a:outerShdw>
          </a:effectLst>
          <a:extLst>
            <a:ext uri="{909E8E84-426E-40dd-AFC4-6F175D3DCCD1}"/>
          </a:extLst>
        </p:spPr>
        <p:txBody>
          <a:bodyPr anchor="ctr"/>
          <a:lstStyle/>
          <a:p>
            <a:pPr eaLnBrk="1" hangingPunct="1">
              <a:defRPr/>
            </a:pPr>
            <a:r>
              <a:rPr lang="de-DE" dirty="0">
                <a:latin typeface="Arial" pitchFamily="-84" charset="0"/>
                <a:ea typeface="ＭＳ Ｐゴシック" pitchFamily="-84" charset="-128"/>
                <a:cs typeface="ＭＳ Ｐゴシック" pitchFamily="-84" charset="-128"/>
              </a:rPr>
              <a:t> </a:t>
            </a:r>
          </a:p>
        </p:txBody>
      </p:sp>
      <p:sp>
        <p:nvSpPr>
          <p:cNvPr id="53" name="Oval 7"/>
          <p:cNvSpPr>
            <a:spLocks noChangeArrowheads="1"/>
          </p:cNvSpPr>
          <p:nvPr userDrawn="1"/>
        </p:nvSpPr>
        <p:spPr bwMode="auto">
          <a:xfrm>
            <a:off x="7500938" y="3856038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 dirty="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54" name="Oval 34"/>
          <p:cNvSpPr>
            <a:spLocks noChangeArrowheads="1"/>
          </p:cNvSpPr>
          <p:nvPr userDrawn="1"/>
        </p:nvSpPr>
        <p:spPr bwMode="auto">
          <a:xfrm>
            <a:off x="5605463" y="3273425"/>
            <a:ext cx="71437" cy="73025"/>
          </a:xfrm>
          <a:prstGeom prst="ellipse">
            <a:avLst/>
          </a:prstGeom>
          <a:solidFill>
            <a:srgbClr val="333333"/>
          </a:solidFill>
          <a:ln w="9525">
            <a:solidFill>
              <a:srgbClr val="895B5D"/>
            </a:solidFill>
            <a:round/>
            <a:headEnd/>
            <a:tailEnd/>
          </a:ln>
          <a:effectLst>
            <a:outerShdw blurRad="63500" dist="23000" dir="5400000" rotWithShape="0">
              <a:srgbClr val="000000">
                <a:alpha val="34998"/>
              </a:srgbClr>
            </a:outerShdw>
          </a:effectLst>
        </p:spPr>
        <p:txBody>
          <a:bodyPr anchor="ctr"/>
          <a:lstStyle/>
          <a:p>
            <a:pPr algn="ctr" eaLnBrk="1" hangingPunct="1">
              <a:defRPr/>
            </a:pPr>
            <a:endParaRPr lang="de-DE" sz="1200">
              <a:solidFill>
                <a:srgbClr val="515357"/>
              </a:solidFill>
              <a:latin typeface="Calibri" pitchFamily="-1" charset="0"/>
              <a:ea typeface="ＭＳ Ｐゴシック" pitchFamily="-1" charset="-128"/>
              <a:cs typeface="ＭＳ Ｐゴシック" pitchFamily="-1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579466051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2_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Bild 6" descr="Unbenannt Kopie 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59875" cy="68770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Foliennummernplatzhalter 5"/>
          <p:cNvSpPr txBox="1">
            <a:spLocks/>
          </p:cNvSpPr>
          <p:nvPr userDrawn="1"/>
        </p:nvSpPr>
        <p:spPr bwMode="auto">
          <a:xfrm>
            <a:off x="6553200" y="6356350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r" eaLnBrk="1" hangingPunct="1">
              <a:defRPr/>
            </a:pPr>
            <a:r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t>Page </a:t>
            </a:r>
            <a:fld id="{CF15E496-B5DD-4F96-85D8-A4EE2E2AF66E}" type="slidenum"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pPr algn="r" eaLnBrk="1" hangingPunct="1">
                <a:defRPr/>
              </a:pPr>
              <a:t>‹Nr.›</a:t>
            </a:fld>
            <a:endParaRPr lang="de-DE" altLang="de-DE" sz="800" smtClean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pic>
        <p:nvPicPr>
          <p:cNvPr id="4" name="Bild 4" descr="Logocorner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Foliennummernplatzhalter 2"/>
          <p:cNvSpPr txBox="1">
            <a:spLocks/>
          </p:cNvSpPr>
          <p:nvPr userDrawn="1"/>
        </p:nvSpPr>
        <p:spPr bwMode="auto">
          <a:xfrm>
            <a:off x="290513" y="6348413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9pPr>
          </a:lstStyle>
          <a:p>
            <a:pPr eaLnBrk="1" hangingPunct="1">
              <a:defRPr/>
            </a:pPr>
            <a:r>
              <a:rPr lang="de-DE" sz="800" dirty="0">
                <a:solidFill>
                  <a:srgbClr val="515357"/>
                </a:solidFill>
                <a:cs typeface="Arial" charset="0"/>
              </a:rPr>
              <a:t>Copyright FACC, </a:t>
            </a:r>
            <a:r>
              <a:rPr lang="de-DE" sz="800" dirty="0" smtClean="0">
                <a:solidFill>
                  <a:srgbClr val="515357"/>
                </a:solidFill>
                <a:cs typeface="Arial" charset="0"/>
              </a:rPr>
              <a:t>2016</a:t>
            </a:r>
            <a:endParaRPr lang="de-DE" sz="800" dirty="0">
              <a:solidFill>
                <a:srgbClr val="515357"/>
              </a:solidFill>
              <a:cs typeface="Arial" charset="0"/>
            </a:endParaRPr>
          </a:p>
        </p:txBody>
      </p:sp>
      <p:pic>
        <p:nvPicPr>
          <p:cNvPr id="6" name="Bild 10" descr="PPP grau.png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Bild 8" descr="Unbenannt Kopie .png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567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Foliennummernplatzhalter 5"/>
          <p:cNvSpPr txBox="1">
            <a:spLocks/>
          </p:cNvSpPr>
          <p:nvPr userDrawn="1"/>
        </p:nvSpPr>
        <p:spPr bwMode="auto">
          <a:xfrm>
            <a:off x="6553200" y="6356350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r" eaLnBrk="1" hangingPunct="1">
              <a:defRPr/>
            </a:pPr>
            <a:r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t>Page </a:t>
            </a:r>
            <a:fld id="{41667DA7-BB21-401A-99D2-22666835FC9D}" type="slidenum"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pPr algn="r" eaLnBrk="1" hangingPunct="1">
                <a:defRPr/>
              </a:pPr>
              <a:t>‹Nr.›</a:t>
            </a:fld>
            <a:endParaRPr lang="de-DE" altLang="de-DE" sz="800" smtClean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pic>
        <p:nvPicPr>
          <p:cNvPr id="9" name="Bild 10" descr="Logocorner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Foliennummernplatzhalter 2"/>
          <p:cNvSpPr txBox="1">
            <a:spLocks/>
          </p:cNvSpPr>
          <p:nvPr userDrawn="1"/>
        </p:nvSpPr>
        <p:spPr bwMode="auto">
          <a:xfrm>
            <a:off x="290513" y="6348413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9pPr>
          </a:lstStyle>
          <a:p>
            <a:pPr eaLnBrk="1" hangingPunct="1">
              <a:defRPr/>
            </a:pPr>
            <a:r>
              <a:rPr lang="de-DE" sz="800" dirty="0">
                <a:solidFill>
                  <a:srgbClr val="515357"/>
                </a:solidFill>
                <a:cs typeface="Arial" charset="0"/>
              </a:rPr>
              <a:t>Copyright FACC, 2012</a:t>
            </a:r>
          </a:p>
        </p:txBody>
      </p:sp>
      <p:pic>
        <p:nvPicPr>
          <p:cNvPr id="11" name="Bild 54" descr="PPP grau.png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85028924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Einstiegschart allgem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Bild 6" descr="Unbenannt Kopie 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59875" cy="68770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Foliennummernplatzhalter 5"/>
          <p:cNvSpPr txBox="1">
            <a:spLocks/>
          </p:cNvSpPr>
          <p:nvPr userDrawn="1"/>
        </p:nvSpPr>
        <p:spPr bwMode="auto">
          <a:xfrm>
            <a:off x="6553200" y="6356350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r" eaLnBrk="1" hangingPunct="1">
              <a:defRPr/>
            </a:pPr>
            <a:r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t>Page </a:t>
            </a:r>
            <a:fld id="{B1449890-204C-4EE1-92B6-D67A6479D655}" type="slidenum"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pPr algn="r" eaLnBrk="1" hangingPunct="1">
                <a:defRPr/>
              </a:pPr>
              <a:t>‹Nr.›</a:t>
            </a:fld>
            <a:endParaRPr lang="de-DE" altLang="de-DE" sz="800" smtClean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pic>
        <p:nvPicPr>
          <p:cNvPr id="5" name="Bild 8" descr="Logocorner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8" name="Bild 10" descr="PPP grau.png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pSp>
        <p:nvGrpSpPr>
          <p:cNvPr id="9" name="Gruppierung 7"/>
          <p:cNvGrpSpPr>
            <a:grpSpLocks/>
          </p:cNvGrpSpPr>
          <p:nvPr userDrawn="1"/>
        </p:nvGrpSpPr>
        <p:grpSpPr bwMode="auto">
          <a:xfrm>
            <a:off x="0" y="-111125"/>
            <a:ext cx="9144000" cy="6237288"/>
            <a:chOff x="0" y="-111125"/>
            <a:chExt cx="9144000" cy="6237288"/>
          </a:xfrm>
        </p:grpSpPr>
        <p:pic>
          <p:nvPicPr>
            <p:cNvPr id="10" name="Bild 8" descr="Balken Headline.jpg"/>
            <p:cNvPicPr>
              <a:picLocks noChangeAspect="1"/>
            </p:cNvPicPr>
            <p:nvPr userDrawn="1"/>
          </p:nvPicPr>
          <p:blipFill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82700" y="4248150"/>
              <a:ext cx="7861300" cy="187801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11" name="Bild 12" descr="Fischschwarm ppt.png"/>
            <p:cNvPicPr>
              <a:picLocks noChangeAspect="1"/>
            </p:cNvPicPr>
            <p:nvPr userDrawn="1"/>
          </p:nvPicPr>
          <p:blipFill>
            <a:blip r:embed="rId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0" y="-111125"/>
              <a:ext cx="9144000" cy="5073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2" name="Textfeld 7"/>
          <p:cNvSpPr txBox="1">
            <a:spLocks noChangeArrowheads="1"/>
          </p:cNvSpPr>
          <p:nvPr userDrawn="1"/>
        </p:nvSpPr>
        <p:spPr bwMode="auto">
          <a:xfrm>
            <a:off x="1465263" y="4349750"/>
            <a:ext cx="5678487" cy="708025"/>
          </a:xfrm>
          <a:prstGeom prst="rect">
            <a:avLst/>
          </a:prstGeom>
          <a:noFill/>
          <a:ln>
            <a:noFill/>
          </a:ln>
          <a:extLst/>
        </p:spPr>
        <p:txBody>
          <a:bodyPr>
            <a:sp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9pPr>
          </a:lstStyle>
          <a:p>
            <a:pPr eaLnBrk="1" hangingPunct="1">
              <a:defRPr/>
            </a:pPr>
            <a:r>
              <a:rPr lang="en-US" altLang="de-DE" sz="4000" baseline="20000" smtClean="0">
                <a:solidFill>
                  <a:srgbClr val="B49795"/>
                </a:solidFill>
                <a:cs typeface="Arial" panose="020B0604020202020204" pitchFamily="34" charset="0"/>
              </a:rPr>
              <a:t>Extend Your </a:t>
            </a:r>
            <a:r>
              <a:rPr lang="en-US" altLang="de-DE" sz="4000" smtClean="0">
                <a:solidFill>
                  <a:srgbClr val="A1A2A6"/>
                </a:solidFill>
                <a:cs typeface="Arial" panose="020B0604020202020204" pitchFamily="34" charset="0"/>
              </a:rPr>
              <a:t>Expectations</a:t>
            </a:r>
          </a:p>
        </p:txBody>
      </p:sp>
      <p:pic>
        <p:nvPicPr>
          <p:cNvPr id="13" name="Bild 9" descr="Unbenannt.png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51500" y="6356350"/>
            <a:ext cx="3492500" cy="517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Textplatzhalter 5"/>
          <p:cNvSpPr>
            <a:spLocks noGrp="1"/>
          </p:cNvSpPr>
          <p:nvPr>
            <p:ph type="body" sz="quarter" idx="10"/>
          </p:nvPr>
        </p:nvSpPr>
        <p:spPr>
          <a:xfrm>
            <a:off x="1465263" y="5057775"/>
            <a:ext cx="5678487" cy="1036638"/>
          </a:xfrm>
          <a:prstGeom prst="rect">
            <a:avLst/>
          </a:prstGeom>
        </p:spPr>
        <p:txBody>
          <a:bodyPr/>
          <a:lstStyle>
            <a:lvl1pPr marL="342900" marR="0" indent="-342900" algn="l" defTabSz="457200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buFont typeface="Arial" pitchFamily="-65" charset="0"/>
              <a:buNone/>
              <a:tabLst/>
              <a:defRPr sz="1800">
                <a:solidFill>
                  <a:schemeClr val="bg1"/>
                </a:solidFill>
                <a:latin typeface="Arial"/>
                <a:cs typeface="Arial"/>
              </a:defRPr>
            </a:lvl1pPr>
            <a:lvl2pPr>
              <a:buNone/>
              <a:defRPr sz="2000">
                <a:latin typeface="Arial"/>
                <a:cs typeface="Arial"/>
              </a:defRPr>
            </a:lvl2pPr>
            <a:lvl3pPr>
              <a:buNone/>
              <a:defRPr sz="2000">
                <a:latin typeface="Arial"/>
                <a:cs typeface="Arial"/>
              </a:defRPr>
            </a:lvl3pPr>
            <a:lvl4pPr>
              <a:buNone/>
              <a:defRPr sz="2000">
                <a:latin typeface="Arial"/>
                <a:cs typeface="Arial"/>
              </a:defRPr>
            </a:lvl4pPr>
            <a:lvl5pPr>
              <a:buNone/>
              <a:defRPr sz="2000">
                <a:latin typeface="Arial"/>
                <a:cs typeface="Arial"/>
              </a:defRPr>
            </a:lvl5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</p:txBody>
      </p:sp>
    </p:spTree>
    <p:extLst>
      <p:ext uri="{BB962C8B-B14F-4D97-AF65-F5344CB8AC3E}">
        <p14:creationId xmlns:p14="http://schemas.microsoft.com/office/powerpoint/2010/main" val="3328667836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Abschluss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Bild 6" descr="Unbenannt Kopie 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59875" cy="68770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Foliennummernplatzhalter 5"/>
          <p:cNvSpPr txBox="1">
            <a:spLocks/>
          </p:cNvSpPr>
          <p:nvPr userDrawn="1"/>
        </p:nvSpPr>
        <p:spPr bwMode="auto">
          <a:xfrm>
            <a:off x="6553200" y="6356350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r" eaLnBrk="1" hangingPunct="1">
              <a:defRPr/>
            </a:pPr>
            <a:r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t>Page </a:t>
            </a:r>
            <a:fld id="{0E7E6651-75A8-4639-B613-38C6AF7EA7A8}" type="slidenum"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pPr algn="r" eaLnBrk="1" hangingPunct="1">
                <a:defRPr/>
              </a:pPr>
              <a:t>‹Nr.›</a:t>
            </a:fld>
            <a:endParaRPr lang="de-DE" altLang="de-DE" sz="800" smtClean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pic>
        <p:nvPicPr>
          <p:cNvPr id="4" name="Bild 4" descr="Logocorner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Foliennummernplatzhalter 2"/>
          <p:cNvSpPr txBox="1">
            <a:spLocks/>
          </p:cNvSpPr>
          <p:nvPr userDrawn="1"/>
        </p:nvSpPr>
        <p:spPr bwMode="auto">
          <a:xfrm>
            <a:off x="290513" y="6348413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9pPr>
          </a:lstStyle>
          <a:p>
            <a:pPr eaLnBrk="1" hangingPunct="1">
              <a:defRPr/>
            </a:pPr>
            <a:r>
              <a:rPr lang="de-DE" sz="800" dirty="0">
                <a:solidFill>
                  <a:srgbClr val="515357"/>
                </a:solidFill>
                <a:cs typeface="Arial" charset="0"/>
              </a:rPr>
              <a:t>Copyright FACC, </a:t>
            </a:r>
            <a:r>
              <a:rPr lang="de-DE" sz="800" dirty="0" smtClean="0">
                <a:solidFill>
                  <a:srgbClr val="515357"/>
                </a:solidFill>
                <a:cs typeface="Arial" charset="0"/>
              </a:rPr>
              <a:t>2016</a:t>
            </a:r>
            <a:endParaRPr lang="de-DE" sz="800" dirty="0">
              <a:solidFill>
                <a:srgbClr val="515357"/>
              </a:solidFill>
              <a:cs typeface="Arial" charset="0"/>
            </a:endParaRPr>
          </a:p>
        </p:txBody>
      </p:sp>
      <p:pic>
        <p:nvPicPr>
          <p:cNvPr id="6" name="Bild 10" descr="PPP grau.png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Bild 9" descr="Unbenannt.png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6870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8" name="Bild 4" descr="Logocorner.png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 userDrawn="1"/>
        </p:nvSpPr>
        <p:spPr bwMode="auto">
          <a:xfrm>
            <a:off x="361950" y="6356350"/>
            <a:ext cx="7218363" cy="509588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>
              <a:defRPr/>
            </a:pPr>
            <a:r>
              <a:rPr lang="en-US" altLang="de-DE" sz="800" smtClean="0">
                <a:solidFill>
                  <a:srgbClr val="333333"/>
                </a:solidFill>
                <a:cs typeface="Arial" panose="020B0604020202020204" pitchFamily="34" charset="0"/>
              </a:rPr>
              <a:t>This document contains information which is proprietary to FACC or other companies.</a:t>
            </a:r>
          </a:p>
          <a:p>
            <a:pPr eaLnBrk="1" hangingPunct="1">
              <a:defRPr/>
            </a:pPr>
            <a:r>
              <a:rPr lang="en-US" altLang="de-DE" sz="800" smtClean="0">
                <a:solidFill>
                  <a:srgbClr val="333333"/>
                </a:solidFill>
                <a:cs typeface="Arial" panose="020B0604020202020204" pitchFamily="34" charset="0"/>
              </a:rPr>
              <a:t>Any reproduction, disclosure or use of this information without FACC‘s prior written consent is expressly prohibited.</a:t>
            </a:r>
          </a:p>
        </p:txBody>
      </p:sp>
      <p:pic>
        <p:nvPicPr>
          <p:cNvPr id="10" name="Bild 10" descr="PPP grau.png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23748137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>
                <a:solidFill>
                  <a:srgbClr val="000000"/>
                </a:solidFill>
                <a:latin typeface="Arial" charset="0"/>
                <a:ea typeface="ＭＳ Ｐゴシック" charset="0"/>
                <a:cs typeface="ＭＳ Ｐゴシック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/>
          <a:lstStyle>
            <a:lvl1pPr eaLnBrk="1" hangingPunct="1">
              <a:defRPr>
                <a:solidFill>
                  <a:prstClr val="black"/>
                </a:solidFill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fld id="{51B60EAB-5E77-4022-8039-2C07D593A8F4}" type="slidenum">
              <a:rPr lang="en-US" altLang="de-DE"/>
              <a:pPr>
                <a:defRPr/>
              </a:pPr>
              <a:t>‹Nr.›</a:t>
            </a:fld>
            <a:endParaRPr lang="en-US" altLang="de-DE"/>
          </a:p>
        </p:txBody>
      </p:sp>
    </p:spTree>
    <p:extLst>
      <p:ext uri="{BB962C8B-B14F-4D97-AF65-F5344CB8AC3E}">
        <p14:creationId xmlns:p14="http://schemas.microsoft.com/office/powerpoint/2010/main" val="1741162055"/>
      </p:ext>
    </p:extLst>
  </p:cSld>
  <p:clrMapOvr>
    <a:masterClrMapping/>
  </p:clrMapOvr>
  <p:transition spd="slow"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Einstiegschart allgem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3" name="Gruppierung 7"/>
          <p:cNvGrpSpPr>
            <a:grpSpLocks/>
          </p:cNvGrpSpPr>
          <p:nvPr userDrawn="1"/>
        </p:nvGrpSpPr>
        <p:grpSpPr bwMode="auto">
          <a:xfrm>
            <a:off x="0" y="-111125"/>
            <a:ext cx="9144000" cy="6237288"/>
            <a:chOff x="0" y="-111125"/>
            <a:chExt cx="9144000" cy="6237288"/>
          </a:xfrm>
        </p:grpSpPr>
        <p:pic>
          <p:nvPicPr>
            <p:cNvPr id="4" name="Bild 8" descr="Balken Headline.jpg"/>
            <p:cNvPicPr>
              <a:picLocks noChangeAspect="1"/>
            </p:cNvPicPr>
            <p:nvPr userDrawn="1"/>
          </p:nvPicPr>
          <p:blipFill>
            <a:blip r:embed="rId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82700" y="4248150"/>
              <a:ext cx="7861300" cy="187801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5" name="Bild 12" descr="Fischschwarm ppt.png"/>
            <p:cNvPicPr>
              <a:picLocks noChangeAspect="1"/>
            </p:cNvPicPr>
            <p:nvPr userDrawn="1"/>
          </p:nvPicPr>
          <p:blipFill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0" y="-111125"/>
              <a:ext cx="9144000" cy="5073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7" name="Textfeld 7"/>
          <p:cNvSpPr txBox="1">
            <a:spLocks noChangeArrowheads="1"/>
          </p:cNvSpPr>
          <p:nvPr userDrawn="1"/>
        </p:nvSpPr>
        <p:spPr bwMode="auto">
          <a:xfrm>
            <a:off x="1465263" y="4349750"/>
            <a:ext cx="5678487" cy="708025"/>
          </a:xfrm>
          <a:prstGeom prst="rect">
            <a:avLst/>
          </a:prstGeom>
          <a:noFill/>
          <a:ln>
            <a:noFill/>
          </a:ln>
          <a:extLst/>
        </p:spPr>
        <p:txBody>
          <a:bodyPr>
            <a:sp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9pPr>
          </a:lstStyle>
          <a:p>
            <a:pPr eaLnBrk="1" hangingPunct="1">
              <a:defRPr/>
            </a:pPr>
            <a:r>
              <a:rPr lang="en-US" altLang="de-DE" sz="4000" baseline="20000" smtClean="0">
                <a:solidFill>
                  <a:srgbClr val="B49795"/>
                </a:solidFill>
                <a:cs typeface="Arial" panose="020B0604020202020204" pitchFamily="34" charset="0"/>
              </a:rPr>
              <a:t>Extend Your </a:t>
            </a:r>
            <a:r>
              <a:rPr lang="en-US" altLang="de-DE" sz="4000" smtClean="0">
                <a:solidFill>
                  <a:srgbClr val="A1A2A6"/>
                </a:solidFill>
                <a:cs typeface="Arial" panose="020B0604020202020204" pitchFamily="34" charset="0"/>
              </a:rPr>
              <a:t>Expectations</a:t>
            </a:r>
          </a:p>
        </p:txBody>
      </p:sp>
      <p:pic>
        <p:nvPicPr>
          <p:cNvPr id="8" name="Bild 9" descr="Unbenannt.png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51500" y="6356350"/>
            <a:ext cx="3492500" cy="517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Textplatzhalter 5"/>
          <p:cNvSpPr>
            <a:spLocks noGrp="1"/>
          </p:cNvSpPr>
          <p:nvPr>
            <p:ph type="body" sz="quarter" idx="10"/>
          </p:nvPr>
        </p:nvSpPr>
        <p:spPr>
          <a:xfrm>
            <a:off x="1465263" y="5057775"/>
            <a:ext cx="5678487" cy="1036638"/>
          </a:xfrm>
          <a:prstGeom prst="rect">
            <a:avLst/>
          </a:prstGeom>
        </p:spPr>
        <p:txBody>
          <a:bodyPr/>
          <a:lstStyle>
            <a:lvl1pPr marL="342900" marR="0" indent="-342900" algn="l" defTabSz="457200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buFont typeface="Arial" pitchFamily="-65" charset="0"/>
              <a:buNone/>
              <a:tabLst/>
              <a:defRPr sz="1800">
                <a:solidFill>
                  <a:schemeClr val="bg1"/>
                </a:solidFill>
                <a:latin typeface="Arial"/>
                <a:cs typeface="Arial"/>
              </a:defRPr>
            </a:lvl1pPr>
            <a:lvl2pPr>
              <a:buNone/>
              <a:defRPr sz="2000">
                <a:latin typeface="Arial"/>
                <a:cs typeface="Arial"/>
              </a:defRPr>
            </a:lvl2pPr>
            <a:lvl3pPr>
              <a:buNone/>
              <a:defRPr sz="2000">
                <a:latin typeface="Arial"/>
                <a:cs typeface="Arial"/>
              </a:defRPr>
            </a:lvl3pPr>
            <a:lvl4pPr>
              <a:buNone/>
              <a:defRPr sz="2000">
                <a:latin typeface="Arial"/>
                <a:cs typeface="Arial"/>
              </a:defRPr>
            </a:lvl4pPr>
            <a:lvl5pPr>
              <a:buNone/>
              <a:defRPr sz="2000">
                <a:latin typeface="Arial"/>
                <a:cs typeface="Arial"/>
              </a:defRPr>
            </a:lvl5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</p:txBody>
      </p:sp>
    </p:spTree>
    <p:extLst>
      <p:ext uri="{BB962C8B-B14F-4D97-AF65-F5344CB8AC3E}">
        <p14:creationId xmlns:p14="http://schemas.microsoft.com/office/powerpoint/2010/main" val="250802396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image" Target="../media/image3.png"/><Relationship Id="rId5" Type="http://schemas.openxmlformats.org/officeDocument/2006/relationships/slideLayout" Target="../slideLayouts/slideLayout5.xml"/><Relationship Id="rId10" Type="http://schemas.openxmlformats.org/officeDocument/2006/relationships/image" Target="../media/image2.png"/><Relationship Id="rId4" Type="http://schemas.openxmlformats.org/officeDocument/2006/relationships/slideLayout" Target="../slideLayouts/slideLayout4.xml"/><Relationship Id="rId9" Type="http://schemas.openxmlformats.org/officeDocument/2006/relationships/image" Target="../media/image1.png"/></Relationships>
</file>

<file path=ppt/slideMasters/_rels/slideMaster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3.png"/><Relationship Id="rId1" Type="http://schemas.openxmlformats.org/officeDocument/2006/relationships/theme" Target="../theme/theme10.xml"/></Relationships>
</file>

<file path=ppt/slideMasters/_rels/slideMaster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3.png"/><Relationship Id="rId1" Type="http://schemas.openxmlformats.org/officeDocument/2006/relationships/theme" Target="../theme/theme11.xml"/></Relationships>
</file>

<file path=ppt/slideMasters/_rels/slideMaster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3.png"/><Relationship Id="rId1" Type="http://schemas.openxmlformats.org/officeDocument/2006/relationships/theme" Target="../theme/theme12.xml"/></Relationships>
</file>

<file path=ppt/slideMasters/_rels/slideMaster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theme" Target="../theme/theme13.xml"/><Relationship Id="rId1" Type="http://schemas.openxmlformats.org/officeDocument/2006/relationships/slideLayout" Target="../slideLayouts/slideLayout16.xml"/><Relationship Id="rId4" Type="http://schemas.openxmlformats.org/officeDocument/2006/relationships/image" Target="../media/image14.png"/></Relationships>
</file>

<file path=ppt/slideMasters/_rels/slideMaster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theme" Target="../theme/theme14.xml"/><Relationship Id="rId1" Type="http://schemas.openxmlformats.org/officeDocument/2006/relationships/slideLayout" Target="../slideLayouts/slideLayout17.xml"/><Relationship Id="rId4" Type="http://schemas.openxmlformats.org/officeDocument/2006/relationships/image" Target="../media/image14.png"/></Relationships>
</file>

<file path=ppt/slideMasters/_rels/slideMaster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theme" Target="../theme/theme15.xml"/><Relationship Id="rId1" Type="http://schemas.openxmlformats.org/officeDocument/2006/relationships/slideLayout" Target="../slideLayouts/slideLayout18.xml"/><Relationship Id="rId4" Type="http://schemas.openxmlformats.org/officeDocument/2006/relationships/image" Target="../media/image17.png"/></Relationships>
</file>

<file path=ppt/slideMasters/_rels/slideMaster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0.xml"/><Relationship Id="rId2" Type="http://schemas.openxmlformats.org/officeDocument/2006/relationships/slideLayout" Target="../slideLayouts/slideLayout9.xml"/><Relationship Id="rId1" Type="http://schemas.openxmlformats.org/officeDocument/2006/relationships/slideLayout" Target="../slideLayouts/slideLayout8.xml"/><Relationship Id="rId6" Type="http://schemas.openxmlformats.org/officeDocument/2006/relationships/image" Target="../media/image14.png"/><Relationship Id="rId5" Type="http://schemas.openxmlformats.org/officeDocument/2006/relationships/image" Target="../media/image13.png"/><Relationship Id="rId4" Type="http://schemas.openxmlformats.org/officeDocument/2006/relationships/theme" Target="../theme/theme2.xml"/></Relationships>
</file>

<file path=ppt/slideMasters/_rels/slideMaster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3.png"/><Relationship Id="rId1" Type="http://schemas.openxmlformats.org/officeDocument/2006/relationships/theme" Target="../theme/theme3.xml"/></Relationships>
</file>

<file path=ppt/slideMasters/_rels/slideMaster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3.png"/><Relationship Id="rId1" Type="http://schemas.openxmlformats.org/officeDocument/2006/relationships/theme" Target="../theme/theme4.xml"/></Relationships>
</file>

<file path=ppt/slideMasters/_rels/slideMaster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theme" Target="../theme/theme5.xml"/><Relationship Id="rId1" Type="http://schemas.openxmlformats.org/officeDocument/2006/relationships/slideLayout" Target="../slideLayouts/slideLayout11.xml"/><Relationship Id="rId5" Type="http://schemas.openxmlformats.org/officeDocument/2006/relationships/image" Target="../media/image14.png"/><Relationship Id="rId4" Type="http://schemas.openxmlformats.org/officeDocument/2006/relationships/image" Target="../media/image13.png"/></Relationships>
</file>

<file path=ppt/slideMasters/_rels/slideMaster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4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14.png"/><Relationship Id="rId5" Type="http://schemas.openxmlformats.org/officeDocument/2006/relationships/image" Target="../media/image13.png"/><Relationship Id="rId4" Type="http://schemas.openxmlformats.org/officeDocument/2006/relationships/theme" Target="../theme/theme6.xml"/></Relationships>
</file>

<file path=ppt/slideMasters/_rels/slideMaster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theme" Target="../theme/theme7.xml"/><Relationship Id="rId1" Type="http://schemas.openxmlformats.org/officeDocument/2006/relationships/slideLayout" Target="../slideLayouts/slideLayout15.xml"/><Relationship Id="rId4" Type="http://schemas.openxmlformats.org/officeDocument/2006/relationships/image" Target="../media/image14.png"/></Relationships>
</file>

<file path=ppt/slideMasters/_rels/slideMaster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3.png"/><Relationship Id="rId1" Type="http://schemas.openxmlformats.org/officeDocument/2006/relationships/theme" Target="../theme/theme8.xml"/></Relationships>
</file>

<file path=ppt/slideMasters/_rels/slideMaster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3.png"/><Relationship Id="rId1" Type="http://schemas.openxmlformats.org/officeDocument/2006/relationships/theme" Target="../theme/theme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Bild 6" descr="Unbenannt Kopie .png"/>
          <p:cNvPicPr>
            <a:picLocks noChangeAspect="1"/>
          </p:cNvPicPr>
          <p:nvPr userDrawn="1"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59875" cy="68770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27" name="Foliennummernplatzhalter 5"/>
          <p:cNvSpPr txBox="1">
            <a:spLocks/>
          </p:cNvSpPr>
          <p:nvPr userDrawn="1"/>
        </p:nvSpPr>
        <p:spPr bwMode="auto">
          <a:xfrm>
            <a:off x="6553200" y="6356350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r" eaLnBrk="1" hangingPunct="1">
              <a:defRPr/>
            </a:pPr>
            <a:r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t>Page </a:t>
            </a:r>
            <a:fld id="{32D68170-BA57-47E7-A6C2-1E6F4C65ECC8}" type="slidenum">
              <a:rPr lang="de-DE" altLang="de-DE" sz="800" smtClean="0">
                <a:solidFill>
                  <a:srgbClr val="515357"/>
                </a:solidFill>
                <a:cs typeface="Arial" panose="020B0604020202020204" pitchFamily="34" charset="0"/>
              </a:rPr>
              <a:pPr algn="r" eaLnBrk="1" hangingPunct="1">
                <a:defRPr/>
              </a:pPr>
              <a:t>‹Nr.›</a:t>
            </a:fld>
            <a:endParaRPr lang="de-DE" altLang="de-DE" sz="800" smtClean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pic>
        <p:nvPicPr>
          <p:cNvPr id="1028" name="Bild 4" descr="Logocorner.png"/>
          <p:cNvPicPr>
            <a:picLocks noChangeAspect="1"/>
          </p:cNvPicPr>
          <p:nvPr userDrawn="1"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082" name="Foliennummernplatzhalter 2"/>
          <p:cNvSpPr txBox="1">
            <a:spLocks/>
          </p:cNvSpPr>
          <p:nvPr userDrawn="1"/>
        </p:nvSpPr>
        <p:spPr bwMode="auto">
          <a:xfrm>
            <a:off x="290513" y="6348413"/>
            <a:ext cx="2133600" cy="365125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1" charset="-128"/>
              </a:defRPr>
            </a:lvl9pPr>
          </a:lstStyle>
          <a:p>
            <a:pPr eaLnBrk="1" hangingPunct="1">
              <a:defRPr/>
            </a:pPr>
            <a:r>
              <a:rPr lang="de-DE" sz="800" dirty="0">
                <a:solidFill>
                  <a:srgbClr val="515357"/>
                </a:solidFill>
                <a:cs typeface="Arial" charset="0"/>
              </a:rPr>
              <a:t>Copyright FACC, </a:t>
            </a:r>
            <a:r>
              <a:rPr lang="de-DE" sz="800" dirty="0" smtClean="0">
                <a:solidFill>
                  <a:srgbClr val="515357"/>
                </a:solidFill>
                <a:cs typeface="Arial" charset="0"/>
              </a:rPr>
              <a:t>2016</a:t>
            </a:r>
            <a:endParaRPr lang="de-DE" sz="800" dirty="0">
              <a:solidFill>
                <a:srgbClr val="515357"/>
              </a:solidFill>
              <a:cs typeface="Arial" charset="0"/>
            </a:endParaRPr>
          </a:p>
        </p:txBody>
      </p:sp>
      <p:pic>
        <p:nvPicPr>
          <p:cNvPr id="1030" name="Bild 10" descr="PPP grau.png"/>
          <p:cNvPicPr>
            <a:picLocks noChangeAspect="1"/>
          </p:cNvPicPr>
          <p:nvPr userDrawn="1"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5070" r:id="rId1"/>
    <p:sldLayoutId id="2147485074" r:id="rId2"/>
    <p:sldLayoutId id="2147485075" r:id="rId3"/>
    <p:sldLayoutId id="2147485076" r:id="rId4"/>
    <p:sldLayoutId id="2147485077" r:id="rId5"/>
    <p:sldLayoutId id="2147485078" r:id="rId6"/>
    <p:sldLayoutId id="2147485079" r:id="rId7"/>
  </p:sldLayoutIdLst>
  <p:hf sldNum="0" hdr="0" ftr="0" dt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MS PGothic" panose="020B0600070205080204" pitchFamily="34" charset="-128"/>
          <a:cs typeface="MS PGothic" charset="0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MS PGothic" panose="020B0600070205080204" pitchFamily="34" charset="-128"/>
          <a:cs typeface="MS PGothic" charset="0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MS PGothic" panose="020B0600070205080204" pitchFamily="34" charset="-128"/>
          <a:cs typeface="MS PGothic" charset="0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MS PGothic" panose="020B0600070205080204" pitchFamily="34" charset="-128"/>
          <a:cs typeface="MS PGothic" charset="0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MS PGothic" panose="020B0600070205080204" pitchFamily="34" charset="-128"/>
          <a:cs typeface="MS PGothic" charset="0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ＭＳ Ｐゴシック" pitchFamily="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ＭＳ Ｐゴシック" pitchFamily="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ＭＳ Ｐゴシック" pitchFamily="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ＭＳ Ｐゴシック" pitchFamily="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MS PGothic" panose="020B0600070205080204" pitchFamily="34" charset="-128"/>
          <a:cs typeface="MS PGothic" charset="0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MS PGothic" panose="020B0600070205080204" pitchFamily="34" charset="-128"/>
          <a:cs typeface="MS PGothic" charset="0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MS PGothic" panose="020B0600070205080204" pitchFamily="34" charset="-128"/>
          <a:cs typeface="MS PGothic" charset="0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MS PGothic" panose="020B0600070205080204" pitchFamily="34" charset="-128"/>
          <a:cs typeface="MS PGothic" charset="0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MS PGothic" panose="020B0600070205080204" pitchFamily="34" charset="-128"/>
          <a:cs typeface="MS PGothic" charset="0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Bild 4" descr="Logocorner.png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99" name="Bild 10" descr="PPP grau.png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CE7595B2-ACB7-4626-ADF1-B64DA2D8D6EA}" type="slidenum">
              <a:rPr lang="en-US" sz="800">
                <a:solidFill>
                  <a:srgbClr val="333333"/>
                </a:solidFill>
                <a:cs typeface="Arial" pitchFamily="34" charset="0"/>
              </a:rPr>
              <a:pPr eaLnBrk="1" hangingPunct="1"/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8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13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7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3</a:t>
              </a:r>
            </a:p>
          </p:txBody>
        </p:sp>
        <p:sp>
          <p:nvSpPr>
            <p:cNvPr id="14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8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5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9</a:t>
              </a:r>
            </a:p>
          </p:txBody>
        </p:sp>
        <p:sp>
          <p:nvSpPr>
            <p:cNvPr id="15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7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7</a:t>
              </a:r>
            </a:p>
          </p:txBody>
        </p:sp>
        <p:sp>
          <p:nvSpPr>
            <p:cNvPr id="16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6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18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8</a:t>
              </a:r>
            </a:p>
          </p:txBody>
        </p:sp>
        <p:sp>
          <p:nvSpPr>
            <p:cNvPr id="17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</a:p>
          </p:txBody>
        </p:sp>
        <p:sp>
          <p:nvSpPr>
            <p:cNvPr id="18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</a:p>
          </p:txBody>
        </p:sp>
        <p:sp>
          <p:nvSpPr>
            <p:cNvPr id="19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56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29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9</a:t>
              </a:r>
            </a:p>
          </p:txBody>
        </p:sp>
        <p:sp>
          <p:nvSpPr>
            <p:cNvPr id="20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5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9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7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3907498804"/>
      </p:ext>
    </p:extLst>
  </p:cSld>
  <p:clrMap bg1="lt1" tx1="dk1" bg2="lt2" tx2="dk2" accent1="accent1" accent2="accent2" accent3="accent3" accent4="accent4" accent5="accent5" accent6="accent6" hlink="hlink" folHlink="folHlink"/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ＭＳ Ｐゴシック" pitchFamily="-1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ＭＳ Ｐゴシック" pitchFamily="-1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Bild 4" descr="Logocorner.png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99" name="Bild 10" descr="PPP grau.png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CE7595B2-ACB7-4626-ADF1-B64DA2D8D6EA}" type="slidenum">
              <a:rPr lang="en-US" sz="800">
                <a:solidFill>
                  <a:srgbClr val="333333"/>
                </a:solidFill>
                <a:cs typeface="Arial" pitchFamily="34" charset="0"/>
              </a:rPr>
              <a:pPr eaLnBrk="1" hangingPunct="1"/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8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13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7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3</a:t>
              </a:r>
            </a:p>
          </p:txBody>
        </p:sp>
        <p:sp>
          <p:nvSpPr>
            <p:cNvPr id="14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8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5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9</a:t>
              </a:r>
            </a:p>
          </p:txBody>
        </p:sp>
        <p:sp>
          <p:nvSpPr>
            <p:cNvPr id="15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7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7</a:t>
              </a:r>
            </a:p>
          </p:txBody>
        </p:sp>
        <p:sp>
          <p:nvSpPr>
            <p:cNvPr id="16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6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18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8</a:t>
              </a:r>
            </a:p>
          </p:txBody>
        </p:sp>
        <p:sp>
          <p:nvSpPr>
            <p:cNvPr id="17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</a:p>
          </p:txBody>
        </p:sp>
        <p:sp>
          <p:nvSpPr>
            <p:cNvPr id="18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</a:p>
          </p:txBody>
        </p:sp>
        <p:sp>
          <p:nvSpPr>
            <p:cNvPr id="19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56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29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9</a:t>
              </a:r>
            </a:p>
          </p:txBody>
        </p:sp>
        <p:sp>
          <p:nvSpPr>
            <p:cNvPr id="20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5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9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7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672087402"/>
      </p:ext>
    </p:extLst>
  </p:cSld>
  <p:clrMap bg1="lt1" tx1="dk1" bg2="lt2" tx2="dk2" accent1="accent1" accent2="accent2" accent3="accent3" accent4="accent4" accent5="accent5" accent6="accent6" hlink="hlink" folHlink="folHlink"/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ＭＳ Ｐゴシック" pitchFamily="-1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ＭＳ Ｐゴシック" pitchFamily="-1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Bild 4" descr="Logocorner.png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99" name="Bild 10" descr="PPP grau.png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CE7595B2-ACB7-4626-ADF1-B64DA2D8D6EA}" type="slidenum">
              <a:rPr lang="en-US" sz="800">
                <a:solidFill>
                  <a:srgbClr val="333333"/>
                </a:solidFill>
                <a:cs typeface="Arial" pitchFamily="34" charset="0"/>
              </a:rPr>
              <a:pPr eaLnBrk="1" hangingPunct="1"/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8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13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7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3</a:t>
              </a:r>
            </a:p>
          </p:txBody>
        </p:sp>
        <p:sp>
          <p:nvSpPr>
            <p:cNvPr id="14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8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5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9</a:t>
              </a:r>
            </a:p>
          </p:txBody>
        </p:sp>
        <p:sp>
          <p:nvSpPr>
            <p:cNvPr id="15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7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7</a:t>
              </a:r>
            </a:p>
          </p:txBody>
        </p:sp>
        <p:sp>
          <p:nvSpPr>
            <p:cNvPr id="16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6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18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8</a:t>
              </a:r>
            </a:p>
          </p:txBody>
        </p:sp>
        <p:sp>
          <p:nvSpPr>
            <p:cNvPr id="17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</a:p>
          </p:txBody>
        </p:sp>
        <p:sp>
          <p:nvSpPr>
            <p:cNvPr id="18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</a:p>
          </p:txBody>
        </p:sp>
        <p:sp>
          <p:nvSpPr>
            <p:cNvPr id="19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56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29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9</a:t>
              </a:r>
            </a:p>
          </p:txBody>
        </p:sp>
        <p:sp>
          <p:nvSpPr>
            <p:cNvPr id="20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5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9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7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295739299"/>
      </p:ext>
    </p:extLst>
  </p:cSld>
  <p:clrMap bg1="lt1" tx1="dk1" bg2="lt2" tx2="dk2" accent1="accent1" accent2="accent2" accent3="accent3" accent4="accent4" accent5="accent5" accent6="accent6" hlink="hlink" folHlink="folHlink"/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ＭＳ Ｐゴシック" pitchFamily="-1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ＭＳ Ｐゴシック" pitchFamily="-1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Bild 4" descr="Logocorner.png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99" name="Bild 10" descr="PPP grau.png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CE7595B2-ACB7-4626-ADF1-B64DA2D8D6EA}" type="slidenum">
              <a:rPr lang="en-US" sz="800">
                <a:solidFill>
                  <a:srgbClr val="333333"/>
                </a:solidFill>
                <a:cs typeface="Arial" pitchFamily="34" charset="0"/>
              </a:rPr>
              <a:pPr eaLnBrk="1" hangingPunct="1"/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8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13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7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3</a:t>
              </a:r>
            </a:p>
          </p:txBody>
        </p:sp>
        <p:sp>
          <p:nvSpPr>
            <p:cNvPr id="14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8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5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9</a:t>
              </a:r>
            </a:p>
          </p:txBody>
        </p:sp>
        <p:sp>
          <p:nvSpPr>
            <p:cNvPr id="15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7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7</a:t>
              </a:r>
            </a:p>
          </p:txBody>
        </p:sp>
        <p:sp>
          <p:nvSpPr>
            <p:cNvPr id="16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6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18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8</a:t>
              </a:r>
            </a:p>
          </p:txBody>
        </p:sp>
        <p:sp>
          <p:nvSpPr>
            <p:cNvPr id="17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</a:p>
          </p:txBody>
        </p:sp>
        <p:sp>
          <p:nvSpPr>
            <p:cNvPr id="18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</a:p>
          </p:txBody>
        </p:sp>
        <p:sp>
          <p:nvSpPr>
            <p:cNvPr id="19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56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29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9</a:t>
              </a:r>
            </a:p>
          </p:txBody>
        </p:sp>
        <p:sp>
          <p:nvSpPr>
            <p:cNvPr id="20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5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9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7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25326037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099" r:id="rId1"/>
  </p:sldLayoutIdLst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ＭＳ Ｐゴシック" pitchFamily="-1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ＭＳ Ｐゴシック" pitchFamily="-1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Bild 4" descr="Logocorner.png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99" name="Bild 10" descr="PPP grau.png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CE7595B2-ACB7-4626-ADF1-B64DA2D8D6EA}" type="slidenum">
              <a:rPr lang="en-US" sz="800">
                <a:solidFill>
                  <a:srgbClr val="333333"/>
                </a:solidFill>
                <a:cs typeface="Arial" pitchFamily="34" charset="0"/>
              </a:rPr>
              <a:pPr eaLnBrk="1" hangingPunct="1"/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8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13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7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3</a:t>
              </a:r>
            </a:p>
          </p:txBody>
        </p:sp>
        <p:sp>
          <p:nvSpPr>
            <p:cNvPr id="14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8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5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9</a:t>
              </a:r>
            </a:p>
          </p:txBody>
        </p:sp>
        <p:sp>
          <p:nvSpPr>
            <p:cNvPr id="15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7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7</a:t>
              </a:r>
            </a:p>
          </p:txBody>
        </p:sp>
        <p:sp>
          <p:nvSpPr>
            <p:cNvPr id="16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6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18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8</a:t>
              </a:r>
            </a:p>
          </p:txBody>
        </p:sp>
        <p:sp>
          <p:nvSpPr>
            <p:cNvPr id="17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</a:p>
          </p:txBody>
        </p:sp>
        <p:sp>
          <p:nvSpPr>
            <p:cNvPr id="18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</a:p>
          </p:txBody>
        </p:sp>
        <p:sp>
          <p:nvSpPr>
            <p:cNvPr id="19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56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29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9</a:t>
              </a:r>
            </a:p>
          </p:txBody>
        </p:sp>
        <p:sp>
          <p:nvSpPr>
            <p:cNvPr id="20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5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9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7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40753328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01" r:id="rId1"/>
  </p:sldLayoutIdLst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ＭＳ Ｐゴシック" pitchFamily="-1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ＭＳ Ｐゴシック" pitchFamily="-1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Bild 4" descr="Logocorner.png"/>
          <p:cNvPicPr>
            <a:picLocks noChangeAspect="1"/>
          </p:cNvPicPr>
          <p:nvPr userDrawn="1"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99" name="Bild 10" descr="PPP grau.png"/>
          <p:cNvPicPr>
            <a:picLocks noChangeAspect="1"/>
          </p:cNvPicPr>
          <p:nvPr userDrawn="1"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 userDrawn="1"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9pPr>
          </a:lstStyle>
          <a:p>
            <a:pPr eaLnBrk="1" hangingPunct="1"/>
            <a:r>
              <a:rPr lang="en-US" altLang="de-DE" sz="800">
                <a:solidFill>
                  <a:srgbClr val="333333"/>
                </a:solidFill>
                <a:cs typeface="Arial" panose="020B0604020202020204" pitchFamily="34" charset="0"/>
              </a:rPr>
              <a:t>Page </a:t>
            </a:r>
            <a:fld id="{218B0A81-15FE-4760-AB2E-1ED038FD9BE6}" type="slidenum">
              <a:rPr lang="en-US" altLang="de-DE" sz="800">
                <a:solidFill>
                  <a:srgbClr val="333333"/>
                </a:solidFill>
                <a:cs typeface="Arial" panose="020B0604020202020204" pitchFamily="34" charset="0"/>
              </a:rPr>
              <a:pPr eaLnBrk="1" hangingPunct="1"/>
              <a:t>‹Nr.›</a:t>
            </a:fld>
            <a:endParaRPr lang="en-US" altLang="de-DE" sz="800">
              <a:solidFill>
                <a:srgbClr val="333333"/>
              </a:solidFill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6024356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05" r:id="rId1"/>
  </p:sldLayoutIdLst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ＭＳ Ｐゴシック" pitchFamily="-1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ＭＳ Ｐゴシック" pitchFamily="-1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0" name="Bild 4" descr="Logocorner.pn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051" name="Bild 10" descr="PPP grau.pn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>
              <a:defRPr/>
            </a:pPr>
            <a:r>
              <a:rPr lang="en-US" altLang="de-DE" sz="800" smtClean="0">
                <a:solidFill>
                  <a:srgbClr val="333333"/>
                </a:solidFill>
                <a:cs typeface="Arial" panose="020B0604020202020204" pitchFamily="34" charset="0"/>
              </a:rPr>
              <a:t>Page </a:t>
            </a:r>
            <a:fld id="{736F6E15-9A02-4C88-A2EC-DFF22B0CE75C}" type="slidenum">
              <a:rPr lang="en-US" altLang="de-DE" sz="800" smtClean="0">
                <a:solidFill>
                  <a:srgbClr val="333333"/>
                </a:solidFill>
                <a:cs typeface="Arial" panose="020B0604020202020204" pitchFamily="34" charset="0"/>
              </a:rPr>
              <a:pPr eaLnBrk="1" hangingPunct="1">
                <a:defRPr/>
              </a:pPr>
              <a:t>‹Nr.›</a:t>
            </a:fld>
            <a:endParaRPr lang="en-US" altLang="de-DE" sz="800" smtClean="0">
              <a:solidFill>
                <a:srgbClr val="333333"/>
              </a:solidFill>
              <a:cs typeface="Arial" panose="020B0604020202020204" pitchFamily="34" charset="0"/>
            </a:endParaRPr>
          </a:p>
        </p:txBody>
      </p:sp>
      <p:grpSp>
        <p:nvGrpSpPr>
          <p:cNvPr id="2053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2054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>
              <a:noFill/>
            </a:ln>
            <a:extLst/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en-US" sz="1400" smtClean="0">
                  <a:solidFill>
                    <a:srgbClr val="FFFFFF"/>
                  </a:solidFill>
                </a:rPr>
                <a:t>137</a:t>
              </a:r>
              <a:br>
                <a:rPr lang="en-US" altLang="en-US" sz="1400" smtClean="0">
                  <a:solidFill>
                    <a:srgbClr val="FFFFFF"/>
                  </a:solidFill>
                </a:rPr>
              </a:br>
              <a:r>
                <a:rPr lang="en-US" altLang="en-US" sz="1400" smtClean="0">
                  <a:solidFill>
                    <a:srgbClr val="FFFFFF"/>
                  </a:solidFill>
                </a:rPr>
                <a:t>91</a:t>
              </a:r>
              <a:br>
                <a:rPr lang="en-US" altLang="en-US" sz="1400" smtClean="0">
                  <a:solidFill>
                    <a:srgbClr val="FFFFFF"/>
                  </a:solidFill>
                </a:rPr>
              </a:br>
              <a:r>
                <a:rPr lang="en-US" altLang="en-US" sz="1400" smtClean="0">
                  <a:solidFill>
                    <a:srgbClr val="FFFFFF"/>
                  </a:solidFill>
                </a:rPr>
                <a:t>93</a:t>
              </a:r>
            </a:p>
          </p:txBody>
        </p:sp>
        <p:sp>
          <p:nvSpPr>
            <p:cNvPr id="2055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/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en-US" sz="1400" smtClean="0">
                  <a:solidFill>
                    <a:srgbClr val="FFFFFF"/>
                  </a:solidFill>
                </a:rPr>
                <a:t>180</a:t>
              </a:r>
              <a:br>
                <a:rPr lang="en-US" altLang="en-US" sz="1400" smtClean="0">
                  <a:solidFill>
                    <a:srgbClr val="FFFFFF"/>
                  </a:solidFill>
                </a:rPr>
              </a:br>
              <a:r>
                <a:rPr lang="en-US" altLang="en-US" sz="1400" smtClean="0">
                  <a:solidFill>
                    <a:srgbClr val="FFFFFF"/>
                  </a:solidFill>
                </a:rPr>
                <a:t>151</a:t>
              </a:r>
              <a:br>
                <a:rPr lang="en-US" altLang="en-US" sz="1400" smtClean="0">
                  <a:solidFill>
                    <a:srgbClr val="FFFFFF"/>
                  </a:solidFill>
                </a:rPr>
              </a:br>
              <a:r>
                <a:rPr lang="en-US" altLang="en-US" sz="1400" smtClean="0">
                  <a:solidFill>
                    <a:srgbClr val="FFFFFF"/>
                  </a:solidFill>
                </a:rPr>
                <a:t>149</a:t>
              </a:r>
            </a:p>
          </p:txBody>
        </p:sp>
        <p:sp>
          <p:nvSpPr>
            <p:cNvPr id="2056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>
              <a:noFill/>
            </a:ln>
            <a:extLst/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en-US" sz="1400" smtClean="0">
                  <a:solidFill>
                    <a:srgbClr val="FFFFFF"/>
                  </a:solidFill>
                </a:rPr>
                <a:t>103</a:t>
              </a:r>
              <a:br>
                <a:rPr lang="en-US" altLang="en-US" sz="1400" smtClean="0">
                  <a:solidFill>
                    <a:srgbClr val="FFFFFF"/>
                  </a:solidFill>
                </a:rPr>
              </a:br>
              <a:r>
                <a:rPr lang="en-US" altLang="en-US" sz="1400" smtClean="0">
                  <a:solidFill>
                    <a:srgbClr val="FFFFFF"/>
                  </a:solidFill>
                </a:rPr>
                <a:t>173</a:t>
              </a:r>
              <a:br>
                <a:rPr lang="en-US" altLang="en-US" sz="1400" smtClean="0">
                  <a:solidFill>
                    <a:srgbClr val="FFFFFF"/>
                  </a:solidFill>
                </a:rPr>
              </a:br>
              <a:r>
                <a:rPr lang="en-US" altLang="en-US" sz="1400" smtClean="0">
                  <a:solidFill>
                    <a:srgbClr val="FFFFFF"/>
                  </a:solidFill>
                </a:rPr>
                <a:t>147</a:t>
              </a:r>
            </a:p>
          </p:txBody>
        </p:sp>
        <p:sp>
          <p:nvSpPr>
            <p:cNvPr id="2057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>
              <a:noFill/>
            </a:ln>
            <a:extLst/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en-US" sz="1400" smtClean="0">
                  <a:solidFill>
                    <a:srgbClr val="000000"/>
                  </a:solidFill>
                </a:rPr>
                <a:t>165</a:t>
              </a:r>
              <a:br>
                <a:rPr lang="en-US" altLang="en-US" sz="1400" smtClean="0">
                  <a:solidFill>
                    <a:srgbClr val="000000"/>
                  </a:solidFill>
                </a:rPr>
              </a:br>
              <a:r>
                <a:rPr lang="en-US" altLang="en-US" sz="1400" smtClean="0">
                  <a:solidFill>
                    <a:srgbClr val="000000"/>
                  </a:solidFill>
                </a:rPr>
                <a:t>218</a:t>
              </a:r>
              <a:br>
                <a:rPr lang="en-US" altLang="en-US" sz="1400" smtClean="0">
                  <a:solidFill>
                    <a:srgbClr val="000000"/>
                  </a:solidFill>
                </a:rPr>
              </a:br>
              <a:r>
                <a:rPr lang="en-US" altLang="en-US" sz="1400" smtClean="0">
                  <a:solidFill>
                    <a:srgbClr val="000000"/>
                  </a:solidFill>
                </a:rPr>
                <a:t>208</a:t>
              </a:r>
            </a:p>
          </p:txBody>
        </p:sp>
        <p:sp>
          <p:nvSpPr>
            <p:cNvPr id="2058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>
              <a:noFill/>
            </a:ln>
            <a:extLst/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en-US" sz="1400" smtClean="0">
                  <a:solidFill>
                    <a:srgbClr val="FFFFFF"/>
                  </a:solidFill>
                </a:rPr>
                <a:t>100</a:t>
              </a:r>
              <a:br>
                <a:rPr lang="en-US" altLang="en-US" sz="1400" smtClean="0">
                  <a:solidFill>
                    <a:srgbClr val="FFFFFF"/>
                  </a:solidFill>
                </a:rPr>
              </a:br>
              <a:r>
                <a:rPr lang="en-US" altLang="en-US" sz="1400" smtClean="0">
                  <a:solidFill>
                    <a:srgbClr val="FFFFFF"/>
                  </a:solidFill>
                </a:rPr>
                <a:t>100</a:t>
              </a:r>
              <a:br>
                <a:rPr lang="en-US" altLang="en-US" sz="1400" smtClean="0">
                  <a:solidFill>
                    <a:srgbClr val="FFFFFF"/>
                  </a:solidFill>
                </a:rPr>
              </a:br>
              <a:r>
                <a:rPr lang="en-US" altLang="en-US" sz="1400" smtClean="0">
                  <a:solidFill>
                    <a:srgbClr val="FFFFFF"/>
                  </a:solidFill>
                </a:rPr>
                <a:t>100</a:t>
              </a:r>
            </a:p>
          </p:txBody>
        </p:sp>
        <p:sp>
          <p:nvSpPr>
            <p:cNvPr id="2059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>
              <a:noFill/>
            </a:ln>
            <a:extLst/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en-US" sz="1400" smtClean="0">
                  <a:solidFill>
                    <a:srgbClr val="000000"/>
                  </a:solidFill>
                </a:rPr>
                <a:t>200</a:t>
              </a:r>
              <a:br>
                <a:rPr lang="en-US" altLang="en-US" sz="1400" smtClean="0">
                  <a:solidFill>
                    <a:srgbClr val="000000"/>
                  </a:solidFill>
                </a:rPr>
              </a:br>
              <a:r>
                <a:rPr lang="en-US" altLang="en-US" sz="1400" smtClean="0">
                  <a:solidFill>
                    <a:srgbClr val="000000"/>
                  </a:solidFill>
                </a:rPr>
                <a:t>200</a:t>
              </a:r>
              <a:br>
                <a:rPr lang="en-US" altLang="en-US" sz="1400" smtClean="0">
                  <a:solidFill>
                    <a:srgbClr val="000000"/>
                  </a:solidFill>
                </a:rPr>
              </a:br>
              <a:r>
                <a:rPr lang="en-US" altLang="en-US" sz="1400" smtClean="0">
                  <a:solidFill>
                    <a:srgbClr val="000000"/>
                  </a:solidFill>
                </a:rPr>
                <a:t>200</a:t>
              </a:r>
            </a:p>
          </p:txBody>
        </p:sp>
        <p:sp>
          <p:nvSpPr>
            <p:cNvPr id="2060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>
              <a:noFill/>
            </a:ln>
            <a:extLst/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en-US" sz="1400" smtClean="0">
                  <a:solidFill>
                    <a:srgbClr val="FFFFFF"/>
                  </a:solidFill>
                </a:rPr>
                <a:t>56</a:t>
              </a:r>
              <a:br>
                <a:rPr lang="en-US" altLang="en-US" sz="1400" smtClean="0">
                  <a:solidFill>
                    <a:srgbClr val="FFFFFF"/>
                  </a:solidFill>
                </a:rPr>
              </a:br>
              <a:r>
                <a:rPr lang="en-US" altLang="en-US" sz="1400" smtClean="0">
                  <a:solidFill>
                    <a:srgbClr val="FFFFFF"/>
                  </a:solidFill>
                </a:rPr>
                <a:t>129</a:t>
              </a:r>
              <a:br>
                <a:rPr lang="en-US" altLang="en-US" sz="1400" smtClean="0">
                  <a:solidFill>
                    <a:srgbClr val="FFFFFF"/>
                  </a:solidFill>
                </a:rPr>
              </a:br>
              <a:r>
                <a:rPr lang="en-US" altLang="en-US" sz="1400" smtClean="0">
                  <a:solidFill>
                    <a:srgbClr val="FFFFFF"/>
                  </a:solidFill>
                </a:rPr>
                <a:t>139</a:t>
              </a:r>
            </a:p>
          </p:txBody>
        </p:sp>
        <p:sp>
          <p:nvSpPr>
            <p:cNvPr id="2061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>
              <a:noFill/>
            </a:ln>
            <a:extLst/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en-US" sz="1400" smtClean="0">
                  <a:solidFill>
                    <a:srgbClr val="000000"/>
                  </a:solidFill>
                </a:rPr>
                <a:t>155</a:t>
              </a:r>
              <a:br>
                <a:rPr lang="en-US" altLang="en-US" sz="1400" smtClean="0">
                  <a:solidFill>
                    <a:srgbClr val="000000"/>
                  </a:solidFill>
                </a:rPr>
              </a:br>
              <a:r>
                <a:rPr lang="en-US" altLang="en-US" sz="1400" smtClean="0">
                  <a:solidFill>
                    <a:srgbClr val="000000"/>
                  </a:solidFill>
                </a:rPr>
                <a:t>229</a:t>
              </a:r>
              <a:br>
                <a:rPr lang="en-US" altLang="en-US" sz="1400" smtClean="0">
                  <a:solidFill>
                    <a:srgbClr val="000000"/>
                  </a:solidFill>
                </a:rPr>
              </a:br>
              <a:r>
                <a:rPr lang="en-US" altLang="en-US" sz="1400" smtClean="0">
                  <a:solidFill>
                    <a:srgbClr val="000000"/>
                  </a:solidFill>
                </a:rPr>
                <a:t>227</a:t>
              </a:r>
            </a:p>
          </p:txBody>
        </p:sp>
      </p:grpSp>
    </p:spTree>
  </p:cSld>
  <p:clrMap bg1="lt1" tx1="dk1" bg2="lt2" tx2="dk2" accent1="accent1" accent2="accent2" accent3="accent3" accent4="accent4" accent5="accent5" accent6="accent6" hlink="hlink" folHlink="folHlink"/>
  <p:sldLayoutIdLst>
    <p:sldLayoutId id="2147485080" r:id="rId1"/>
    <p:sldLayoutId id="2147485081" r:id="rId2"/>
    <p:sldLayoutId id="2147485071" r:id="rId3"/>
  </p:sldLayoutIdLst>
  <p:transition spd="slow"/>
  <p:hf sldNum="0" hdr="0" ftr="0" dt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MS PGothic" panose="020B0600070205080204" pitchFamily="34" charset="-128"/>
          <a:cs typeface="MS PGothic" charset="0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MS PGothic" charset="0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MS PGothic" charset="0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MS PGothic" charset="0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MS PGothic" charset="0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MS PGothic" panose="020B0600070205080204" pitchFamily="34" charset="-128"/>
          <a:cs typeface="MS PGothic" charset="0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MS PGothic" panose="020B0600070205080204" pitchFamily="34" charset="-128"/>
          <a:cs typeface="MS PGothic" charset="0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MS PGothic" panose="020B0600070205080204" pitchFamily="34" charset="-128"/>
          <a:cs typeface="MS PGothic" charset="0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MS PGothic" panose="020B0600070205080204" pitchFamily="34" charset="-128"/>
          <a:cs typeface="MS PGothic" charset="0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MS PGothic" panose="020B0600070205080204" pitchFamily="34" charset="-128"/>
          <a:cs typeface="MS PGothic" charset="0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Bild 4" descr="Logocorner.pn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075" name="Bild 10" descr="PPP grau.pn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>
              <a:defRPr/>
            </a:pPr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F3F72F49-FA38-42F0-9D7C-CD6FAA015B13}" type="slidenum">
              <a:rPr lang="en-US" sz="800">
                <a:solidFill>
                  <a:srgbClr val="333333"/>
                </a:solidFill>
                <a:cs typeface="Arial" pitchFamily="34" charset="0"/>
              </a:rPr>
              <a:pPr eaLnBrk="1" hangingPunct="1">
                <a:defRPr/>
              </a:pPr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3077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3078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FFFFFF"/>
                  </a:solidFill>
                </a:rPr>
                <a:t>137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91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93</a:t>
              </a:r>
            </a:p>
          </p:txBody>
        </p:sp>
        <p:sp>
          <p:nvSpPr>
            <p:cNvPr id="3079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FFFFFF"/>
                  </a:solidFill>
                </a:rPr>
                <a:t>180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51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49</a:t>
              </a:r>
            </a:p>
          </p:txBody>
        </p:sp>
        <p:sp>
          <p:nvSpPr>
            <p:cNvPr id="3080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FFFFFF"/>
                  </a:solidFill>
                </a:rPr>
                <a:t>103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73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47</a:t>
              </a:r>
            </a:p>
          </p:txBody>
        </p:sp>
        <p:sp>
          <p:nvSpPr>
            <p:cNvPr id="3081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000000"/>
                  </a:solidFill>
                </a:rPr>
                <a:t>165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18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08</a:t>
              </a:r>
            </a:p>
          </p:txBody>
        </p:sp>
        <p:sp>
          <p:nvSpPr>
            <p:cNvPr id="3082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FFFFFF"/>
                  </a:solidFill>
                </a:rPr>
                <a:t>100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00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00</a:t>
              </a:r>
            </a:p>
          </p:txBody>
        </p:sp>
        <p:sp>
          <p:nvSpPr>
            <p:cNvPr id="3083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000000"/>
                  </a:solidFill>
                </a:rPr>
                <a:t>200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00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00</a:t>
              </a:r>
            </a:p>
          </p:txBody>
        </p:sp>
        <p:sp>
          <p:nvSpPr>
            <p:cNvPr id="3084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FFFFFF"/>
                  </a:solidFill>
                </a:rPr>
                <a:t>56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29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39</a:t>
              </a:r>
            </a:p>
          </p:txBody>
        </p:sp>
        <p:sp>
          <p:nvSpPr>
            <p:cNvPr id="3085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000000"/>
                  </a:solidFill>
                </a:rPr>
                <a:t>155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29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27</a:t>
              </a:r>
            </a:p>
          </p:txBody>
        </p:sp>
      </p:grpSp>
    </p:spTree>
  </p:cSld>
  <p:clrMap bg1="lt1" tx1="dk1" bg2="lt2" tx2="dk2" accent1="accent1" accent2="accent2" accent3="accent3" accent4="accent4" accent5="accent5" accent6="accent6" hlink="hlink" folHlink="folHlink"/>
  <p:transition spd="slow"/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MS PGothic" panose="020B0600070205080204" pitchFamily="34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MS PGothic" panose="020B0600070205080204" pitchFamily="34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MS PGothic" panose="020B0600070205080204" pitchFamily="34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MS PGothic" panose="020B0600070205080204" pitchFamily="34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MS PGothic" panose="020B0600070205080204" pitchFamily="34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MS PGothic" panose="020B0600070205080204" pitchFamily="34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Bild 4" descr="Logocorner.pn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99" name="Bild 10" descr="PPP grau.pn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>
              <a:defRPr/>
            </a:pPr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ADA56E78-EF98-4D97-8711-EAD8527C4684}" type="slidenum">
              <a:rPr lang="en-US" sz="800">
                <a:solidFill>
                  <a:srgbClr val="333333"/>
                </a:solidFill>
                <a:cs typeface="Arial" pitchFamily="34" charset="0"/>
              </a:rPr>
              <a:pPr eaLnBrk="1" hangingPunct="1">
                <a:defRPr/>
              </a:pPr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4101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4102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FFFFFF"/>
                  </a:solidFill>
                </a:rPr>
                <a:t>137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91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93</a:t>
              </a:r>
            </a:p>
          </p:txBody>
        </p:sp>
        <p:sp>
          <p:nvSpPr>
            <p:cNvPr id="4103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FFFFFF"/>
                  </a:solidFill>
                </a:rPr>
                <a:t>180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51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49</a:t>
              </a:r>
            </a:p>
          </p:txBody>
        </p:sp>
        <p:sp>
          <p:nvSpPr>
            <p:cNvPr id="4104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FFFFFF"/>
                  </a:solidFill>
                </a:rPr>
                <a:t>103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73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47</a:t>
              </a:r>
            </a:p>
          </p:txBody>
        </p:sp>
        <p:sp>
          <p:nvSpPr>
            <p:cNvPr id="4105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000000"/>
                  </a:solidFill>
                </a:rPr>
                <a:t>165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18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08</a:t>
              </a:r>
            </a:p>
          </p:txBody>
        </p:sp>
        <p:sp>
          <p:nvSpPr>
            <p:cNvPr id="4106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FFFFFF"/>
                  </a:solidFill>
                </a:rPr>
                <a:t>100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00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00</a:t>
              </a:r>
            </a:p>
          </p:txBody>
        </p:sp>
        <p:sp>
          <p:nvSpPr>
            <p:cNvPr id="4107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000000"/>
                  </a:solidFill>
                </a:rPr>
                <a:t>200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00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00</a:t>
              </a:r>
            </a:p>
          </p:txBody>
        </p:sp>
        <p:sp>
          <p:nvSpPr>
            <p:cNvPr id="4108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FFFFFF"/>
                  </a:solidFill>
                </a:rPr>
                <a:t>56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29</a:t>
              </a:r>
              <a:br>
                <a:rPr lang="en-US" altLang="de-DE" sz="1400" smtClean="0">
                  <a:solidFill>
                    <a:srgbClr val="FFFFFF"/>
                  </a:solidFill>
                </a:rPr>
              </a:br>
              <a:r>
                <a:rPr lang="en-US" altLang="de-DE" sz="1400" smtClean="0">
                  <a:solidFill>
                    <a:srgbClr val="FFFFFF"/>
                  </a:solidFill>
                </a:rPr>
                <a:t>139</a:t>
              </a:r>
            </a:p>
          </p:txBody>
        </p:sp>
        <p:sp>
          <p:nvSpPr>
            <p:cNvPr id="4109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MS PGothic" panose="020B0600070205080204" pitchFamily="34" charset="-128"/>
                </a:defRPr>
              </a:lvl9pPr>
            </a:lstStyle>
            <a:p>
              <a:pPr algn="ctr" eaLnBrk="1" hangingPunct="1">
                <a:defRPr/>
              </a:pPr>
              <a:r>
                <a:rPr lang="en-US" altLang="de-DE" sz="1400" smtClean="0">
                  <a:solidFill>
                    <a:srgbClr val="000000"/>
                  </a:solidFill>
                </a:rPr>
                <a:t>155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29</a:t>
              </a:r>
              <a:br>
                <a:rPr lang="en-US" altLang="de-DE" sz="1400" smtClean="0">
                  <a:solidFill>
                    <a:srgbClr val="000000"/>
                  </a:solidFill>
                </a:rPr>
              </a:br>
              <a:r>
                <a:rPr lang="en-US" altLang="de-DE" sz="1400" smtClean="0">
                  <a:solidFill>
                    <a:srgbClr val="000000"/>
                  </a:solidFill>
                </a:rPr>
                <a:t>227</a:t>
              </a:r>
            </a:p>
          </p:txBody>
        </p:sp>
      </p:grpSp>
    </p:spTree>
  </p:cSld>
  <p:clrMap bg1="lt1" tx1="dk1" bg2="lt2" tx2="dk2" accent1="accent1" accent2="accent2" accent3="accent3" accent4="accent4" accent5="accent5" accent6="accent6" hlink="hlink" folHlink="folHlink"/>
  <p:transition spd="slow"/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MS PGothic" panose="020B0600070205080204" pitchFamily="34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MS PGothic" panose="020B0600070205080204" pitchFamily="34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MS PGothic" panose="020B0600070205080204" pitchFamily="34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MS PGothic" panose="020B0600070205080204" pitchFamily="34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MS PGothic" panose="020B0600070205080204" pitchFamily="34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MS PGothic" panose="020B0600070205080204" pitchFamily="34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MS PGothic" panose="020B0600070205080204" pitchFamily="34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Bild 9" descr="Unbenannt.pn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gray">
          <a:xfrm>
            <a:off x="0" y="0"/>
            <a:ext cx="9147175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27" name="Bild 4" descr="Logocorner.png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gray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082" name="Foliennummernplatzhalter 2"/>
          <p:cNvSpPr txBox="1">
            <a:spLocks/>
          </p:cNvSpPr>
          <p:nvPr/>
        </p:nvSpPr>
        <p:spPr bwMode="gray">
          <a:xfrm>
            <a:off x="361950" y="6356350"/>
            <a:ext cx="7218363" cy="509588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This document contains information which is proprietary to FACC or other companies.</a:t>
            </a:r>
          </a:p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Any reproduction, disclosure or use of this information without FACC‘s prior written consent is expressly prohibited.</a:t>
            </a:r>
          </a:p>
        </p:txBody>
      </p:sp>
      <p:pic>
        <p:nvPicPr>
          <p:cNvPr id="1029" name="Bild 10" descr="PPP grau.png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gray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3" name="Foliennummernplatzhalter 2"/>
          <p:cNvSpPr txBox="1">
            <a:spLocks/>
          </p:cNvSpPr>
          <p:nvPr/>
        </p:nvSpPr>
        <p:spPr bwMode="gray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1CBBE982-C43B-42F7-B3A4-D5E0AEC676F5}" type="slidenum">
              <a:rPr lang="en-US" sz="800" smtClean="0">
                <a:solidFill>
                  <a:srgbClr val="333333"/>
                </a:solidFill>
                <a:cs typeface="Arial" pitchFamily="34" charset="0"/>
              </a:rPr>
              <a:pPr eaLnBrk="1" hangingPunct="1"/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10" name="Group 46"/>
          <p:cNvGrpSpPr>
            <a:grpSpLocks/>
          </p:cNvGrpSpPr>
          <p:nvPr userDrawn="1"/>
        </p:nvGrpSpPr>
        <p:grpSpPr bwMode="gray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11" name="Rectangle 13"/>
            <p:cNvSpPr>
              <a:spLocks noChangeArrowheads="1"/>
            </p:cNvSpPr>
            <p:nvPr userDrawn="1"/>
          </p:nvSpPr>
          <p:spPr bwMode="gray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7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3</a:t>
              </a:r>
            </a:p>
          </p:txBody>
        </p:sp>
        <p:sp>
          <p:nvSpPr>
            <p:cNvPr id="12" name="Rectangle 14"/>
            <p:cNvSpPr>
              <a:spLocks noChangeArrowheads="1"/>
            </p:cNvSpPr>
            <p:nvPr userDrawn="1"/>
          </p:nvSpPr>
          <p:spPr bwMode="gray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8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5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9</a:t>
              </a:r>
            </a:p>
          </p:txBody>
        </p:sp>
        <p:sp>
          <p:nvSpPr>
            <p:cNvPr id="14" name="Rectangle 15"/>
            <p:cNvSpPr>
              <a:spLocks noChangeArrowheads="1"/>
            </p:cNvSpPr>
            <p:nvPr userDrawn="1"/>
          </p:nvSpPr>
          <p:spPr bwMode="gray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7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7</a:t>
              </a:r>
            </a:p>
          </p:txBody>
        </p:sp>
        <p:sp>
          <p:nvSpPr>
            <p:cNvPr id="17" name="Rectangle 16"/>
            <p:cNvSpPr>
              <a:spLocks noChangeArrowheads="1"/>
            </p:cNvSpPr>
            <p:nvPr userDrawn="1"/>
          </p:nvSpPr>
          <p:spPr bwMode="gray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6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18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8</a:t>
              </a:r>
            </a:p>
          </p:txBody>
        </p:sp>
        <p:sp>
          <p:nvSpPr>
            <p:cNvPr id="18" name="Rectangle 17"/>
            <p:cNvSpPr>
              <a:spLocks noChangeArrowheads="1"/>
            </p:cNvSpPr>
            <p:nvPr userDrawn="1"/>
          </p:nvSpPr>
          <p:spPr bwMode="gray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</a:p>
          </p:txBody>
        </p:sp>
        <p:sp>
          <p:nvSpPr>
            <p:cNvPr id="19" name="Rectangle 18"/>
            <p:cNvSpPr>
              <a:spLocks noChangeArrowheads="1"/>
            </p:cNvSpPr>
            <p:nvPr userDrawn="1"/>
          </p:nvSpPr>
          <p:spPr bwMode="gray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</a:p>
          </p:txBody>
        </p:sp>
        <p:sp>
          <p:nvSpPr>
            <p:cNvPr id="20" name="Rectangle 19"/>
            <p:cNvSpPr>
              <a:spLocks noChangeArrowheads="1"/>
            </p:cNvSpPr>
            <p:nvPr userDrawn="1"/>
          </p:nvSpPr>
          <p:spPr bwMode="gray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56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29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9</a:t>
              </a:r>
            </a:p>
          </p:txBody>
        </p:sp>
        <p:sp>
          <p:nvSpPr>
            <p:cNvPr id="21" name="Rectangle 20"/>
            <p:cNvSpPr>
              <a:spLocks noChangeArrowheads="1"/>
            </p:cNvSpPr>
            <p:nvPr userDrawn="1"/>
          </p:nvSpPr>
          <p:spPr bwMode="gray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5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9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7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25432466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083" r:id="rId1"/>
  </p:sldLayoutIdLst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  <p:hf hdr="0"/>
  <p:txStyles>
    <p:titleStyle>
      <a:lvl1pPr algn="ctr" defTabSz="457200" rtl="0" eaLnBrk="1" fontAlgn="base" hangingPunct="1">
        <a:spcBef>
          <a:spcPct val="0"/>
        </a:spcBef>
        <a:spcAft>
          <a:spcPct val="0"/>
        </a:spcAft>
        <a:defRPr sz="4400" kern="1200">
          <a:solidFill>
            <a:srgbClr val="515357"/>
          </a:solidFill>
          <a:latin typeface="+mj-lt"/>
          <a:ea typeface="ＭＳ Ｐゴシック" pitchFamily="1" charset="-128"/>
          <a:cs typeface="ＭＳ Ｐゴシック" pitchFamily="-1" charset="-128"/>
        </a:defRPr>
      </a:lvl1pPr>
      <a:lvl2pPr algn="ctr" defTabSz="457200" rtl="0" eaLnBrk="1" fontAlgn="base" hangingPunct="1">
        <a:spcBef>
          <a:spcPct val="0"/>
        </a:spcBef>
        <a:spcAft>
          <a:spcPct val="0"/>
        </a:spcAft>
        <a:defRPr sz="4400">
          <a:solidFill>
            <a:srgbClr val="515357"/>
          </a:solidFill>
          <a:latin typeface="Calibri" pitchFamily="1" charset="0"/>
          <a:ea typeface="ＭＳ Ｐゴシック" pitchFamily="1" charset="-128"/>
          <a:cs typeface="ＭＳ Ｐゴシック" pitchFamily="-1" charset="-128"/>
        </a:defRPr>
      </a:lvl2pPr>
      <a:lvl3pPr algn="ctr" defTabSz="457200" rtl="0" eaLnBrk="1" fontAlgn="base" hangingPunct="1">
        <a:spcBef>
          <a:spcPct val="0"/>
        </a:spcBef>
        <a:spcAft>
          <a:spcPct val="0"/>
        </a:spcAft>
        <a:defRPr sz="4400">
          <a:solidFill>
            <a:srgbClr val="515357"/>
          </a:solidFill>
          <a:latin typeface="Calibri" pitchFamily="1" charset="0"/>
          <a:ea typeface="ＭＳ Ｐゴシック" pitchFamily="1" charset="-128"/>
          <a:cs typeface="ＭＳ Ｐゴシック" pitchFamily="-1" charset="-128"/>
        </a:defRPr>
      </a:lvl3pPr>
      <a:lvl4pPr algn="ctr" defTabSz="457200" rtl="0" eaLnBrk="1" fontAlgn="base" hangingPunct="1">
        <a:spcBef>
          <a:spcPct val="0"/>
        </a:spcBef>
        <a:spcAft>
          <a:spcPct val="0"/>
        </a:spcAft>
        <a:defRPr sz="4400">
          <a:solidFill>
            <a:srgbClr val="515357"/>
          </a:solidFill>
          <a:latin typeface="Calibri" pitchFamily="1" charset="0"/>
          <a:ea typeface="ＭＳ Ｐゴシック" pitchFamily="1" charset="-128"/>
          <a:cs typeface="ＭＳ Ｐゴシック" pitchFamily="-1" charset="-128"/>
        </a:defRPr>
      </a:lvl4pPr>
      <a:lvl5pPr algn="ctr" defTabSz="457200" rtl="0" eaLnBrk="1" fontAlgn="base" hangingPunct="1">
        <a:spcBef>
          <a:spcPct val="0"/>
        </a:spcBef>
        <a:spcAft>
          <a:spcPct val="0"/>
        </a:spcAft>
        <a:defRPr sz="4400">
          <a:solidFill>
            <a:srgbClr val="515357"/>
          </a:solidFill>
          <a:latin typeface="Calibri" pitchFamily="1" charset="0"/>
          <a:ea typeface="ＭＳ Ｐゴシック" pitchFamily="1" charset="-128"/>
          <a:cs typeface="ＭＳ Ｐゴシック" pitchFamily="-1" charset="-128"/>
        </a:defRPr>
      </a:lvl5pPr>
      <a:lvl6pPr marL="457200" algn="ctr" defTabSz="457200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ＭＳ Ｐゴシック" pitchFamily="1" charset="-128"/>
        </a:defRPr>
      </a:lvl6pPr>
      <a:lvl7pPr marL="914400" algn="ctr" defTabSz="457200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ＭＳ Ｐゴシック" pitchFamily="1" charset="-128"/>
        </a:defRPr>
      </a:lvl7pPr>
      <a:lvl8pPr marL="1371600" algn="ctr" defTabSz="457200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ＭＳ Ｐゴシック" pitchFamily="1" charset="-128"/>
        </a:defRPr>
      </a:lvl8pPr>
      <a:lvl9pPr marL="1828800" algn="ctr" defTabSz="457200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1" charset="0"/>
          <a:ea typeface="ＭＳ Ｐゴシック" pitchFamily="1" charset="-128"/>
        </a:defRPr>
      </a:lvl9pPr>
    </p:titleStyle>
    <p:bodyStyle>
      <a:lvl1pPr marL="342900" indent="-342900" algn="l" defTabSz="457200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rgbClr val="515357"/>
          </a:solidFill>
          <a:latin typeface="+mn-lt"/>
          <a:ea typeface="ＭＳ Ｐゴシック" pitchFamily="1" charset="-128"/>
          <a:cs typeface="ＭＳ Ｐゴシック" pitchFamily="-1" charset="-128"/>
        </a:defRPr>
      </a:lvl1pPr>
      <a:lvl2pPr marL="742950" indent="-285750" algn="l" defTabSz="457200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rgbClr val="515357"/>
          </a:solidFill>
          <a:latin typeface="+mn-lt"/>
          <a:ea typeface="ＭＳ Ｐゴシック" pitchFamily="1" charset="-128"/>
          <a:cs typeface="+mn-cs"/>
        </a:defRPr>
      </a:lvl2pPr>
      <a:lvl3pPr marL="1143000" indent="-228600" algn="l" defTabSz="457200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rgbClr val="515357"/>
          </a:solidFill>
          <a:latin typeface="+mn-lt"/>
          <a:ea typeface="ＭＳ Ｐゴシック" pitchFamily="1" charset="-128"/>
          <a:cs typeface="+mn-cs"/>
        </a:defRPr>
      </a:lvl3pPr>
      <a:lvl4pPr marL="1600200" indent="-228600" algn="l" defTabSz="457200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rgbClr val="515357"/>
          </a:solidFill>
          <a:latin typeface="+mn-lt"/>
          <a:ea typeface="ＭＳ Ｐゴシック" pitchFamily="1" charset="-128"/>
          <a:cs typeface="+mn-cs"/>
        </a:defRPr>
      </a:lvl4pPr>
      <a:lvl5pPr marL="2057400" indent="-228600" algn="l" defTabSz="457200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rgbClr val="515357"/>
          </a:solidFill>
          <a:latin typeface="+mn-lt"/>
          <a:ea typeface="ＭＳ Ｐゴシック" pitchFamily="1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Bild 4" descr="Logocorner.png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99" name="Bild 10" descr="PPP grau.png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CE7595B2-ACB7-4626-ADF1-B64DA2D8D6EA}" type="slidenum">
              <a:rPr lang="en-US" sz="800">
                <a:solidFill>
                  <a:srgbClr val="333333"/>
                </a:solidFill>
                <a:cs typeface="Arial" pitchFamily="34" charset="0"/>
              </a:rPr>
              <a:pPr eaLnBrk="1" hangingPunct="1"/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8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13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7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3</a:t>
              </a:r>
            </a:p>
          </p:txBody>
        </p:sp>
        <p:sp>
          <p:nvSpPr>
            <p:cNvPr id="14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8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5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9</a:t>
              </a:r>
            </a:p>
          </p:txBody>
        </p:sp>
        <p:sp>
          <p:nvSpPr>
            <p:cNvPr id="15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7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7</a:t>
              </a:r>
            </a:p>
          </p:txBody>
        </p:sp>
        <p:sp>
          <p:nvSpPr>
            <p:cNvPr id="16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6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18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8</a:t>
              </a:r>
            </a:p>
          </p:txBody>
        </p:sp>
        <p:sp>
          <p:nvSpPr>
            <p:cNvPr id="17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</a:p>
          </p:txBody>
        </p:sp>
        <p:sp>
          <p:nvSpPr>
            <p:cNvPr id="18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</a:p>
          </p:txBody>
        </p:sp>
        <p:sp>
          <p:nvSpPr>
            <p:cNvPr id="19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56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29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9</a:t>
              </a:r>
            </a:p>
          </p:txBody>
        </p:sp>
        <p:sp>
          <p:nvSpPr>
            <p:cNvPr id="20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5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9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7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67240518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085" r:id="rId1"/>
    <p:sldLayoutId id="2147485102" r:id="rId2"/>
    <p:sldLayoutId id="2147485103" r:id="rId3"/>
  </p:sldLayoutIdLst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ＭＳ Ｐゴシック" pitchFamily="-1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ＭＳ Ｐゴシック" pitchFamily="-1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Bild 4" descr="Logocorner.png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99" name="Bild 10" descr="PPP grau.png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CE7595B2-ACB7-4626-ADF1-B64DA2D8D6EA}" type="slidenum">
              <a:rPr lang="en-US" sz="800">
                <a:solidFill>
                  <a:srgbClr val="333333"/>
                </a:solidFill>
                <a:cs typeface="Arial" pitchFamily="34" charset="0"/>
              </a:rPr>
              <a:pPr eaLnBrk="1" hangingPunct="1"/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8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13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7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3</a:t>
              </a:r>
            </a:p>
          </p:txBody>
        </p:sp>
        <p:sp>
          <p:nvSpPr>
            <p:cNvPr id="14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8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5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9</a:t>
              </a:r>
            </a:p>
          </p:txBody>
        </p:sp>
        <p:sp>
          <p:nvSpPr>
            <p:cNvPr id="15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7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7</a:t>
              </a:r>
            </a:p>
          </p:txBody>
        </p:sp>
        <p:sp>
          <p:nvSpPr>
            <p:cNvPr id="16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6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18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8</a:t>
              </a:r>
            </a:p>
          </p:txBody>
        </p:sp>
        <p:sp>
          <p:nvSpPr>
            <p:cNvPr id="17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</a:p>
          </p:txBody>
        </p:sp>
        <p:sp>
          <p:nvSpPr>
            <p:cNvPr id="18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</a:p>
          </p:txBody>
        </p:sp>
        <p:sp>
          <p:nvSpPr>
            <p:cNvPr id="19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56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29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9</a:t>
              </a:r>
            </a:p>
          </p:txBody>
        </p:sp>
        <p:sp>
          <p:nvSpPr>
            <p:cNvPr id="20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5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9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7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204512052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087" r:id="rId1"/>
  </p:sldLayoutIdLst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ＭＳ Ｐゴシック" pitchFamily="-1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ＭＳ Ｐゴシック" pitchFamily="-1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Bild 4" descr="Logocorner.png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99" name="Bild 10" descr="PPP grau.png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CE7595B2-ACB7-4626-ADF1-B64DA2D8D6EA}" type="slidenum">
              <a:rPr lang="en-US" sz="800">
                <a:solidFill>
                  <a:srgbClr val="333333"/>
                </a:solidFill>
                <a:cs typeface="Arial" pitchFamily="34" charset="0"/>
              </a:rPr>
              <a:pPr eaLnBrk="1" hangingPunct="1"/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8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13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7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3</a:t>
              </a:r>
            </a:p>
          </p:txBody>
        </p:sp>
        <p:sp>
          <p:nvSpPr>
            <p:cNvPr id="14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8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5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9</a:t>
              </a:r>
            </a:p>
          </p:txBody>
        </p:sp>
        <p:sp>
          <p:nvSpPr>
            <p:cNvPr id="15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7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7</a:t>
              </a:r>
            </a:p>
          </p:txBody>
        </p:sp>
        <p:sp>
          <p:nvSpPr>
            <p:cNvPr id="16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6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18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8</a:t>
              </a:r>
            </a:p>
          </p:txBody>
        </p:sp>
        <p:sp>
          <p:nvSpPr>
            <p:cNvPr id="17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</a:p>
          </p:txBody>
        </p:sp>
        <p:sp>
          <p:nvSpPr>
            <p:cNvPr id="18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</a:p>
          </p:txBody>
        </p:sp>
        <p:sp>
          <p:nvSpPr>
            <p:cNvPr id="19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56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29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9</a:t>
              </a:r>
            </a:p>
          </p:txBody>
        </p:sp>
        <p:sp>
          <p:nvSpPr>
            <p:cNvPr id="20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5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9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7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086417532"/>
      </p:ext>
    </p:extLst>
  </p:cSld>
  <p:clrMap bg1="lt1" tx1="dk1" bg2="lt2" tx2="dk2" accent1="accent1" accent2="accent2" accent3="accent3" accent4="accent4" accent5="accent5" accent6="accent6" hlink="hlink" folHlink="folHlink"/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ＭＳ Ｐゴシック" pitchFamily="-1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ＭＳ Ｐゴシック" pitchFamily="-1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Bild 4" descr="Logocorner.png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4763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99" name="Bild 10" descr="PPP grau.png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Foliennummernplatzhalter 2"/>
          <p:cNvSpPr txBox="1">
            <a:spLocks/>
          </p:cNvSpPr>
          <p:nvPr/>
        </p:nvSpPr>
        <p:spPr bwMode="auto">
          <a:xfrm>
            <a:off x="8237538" y="6294438"/>
            <a:ext cx="801687" cy="509587"/>
          </a:xfrm>
          <a:prstGeom prst="rect">
            <a:avLst/>
          </a:prstGeom>
          <a:noFill/>
          <a:ln>
            <a:noFill/>
          </a:ln>
          <a:extLst/>
        </p:spPr>
        <p:txBody>
          <a:bodyPr anchor="ctr"/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37931725" indent="-37474525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sz="800" dirty="0">
                <a:solidFill>
                  <a:srgbClr val="333333"/>
                </a:solidFill>
                <a:cs typeface="Arial" pitchFamily="34" charset="0"/>
              </a:rPr>
              <a:t>Page </a:t>
            </a:r>
            <a:fld id="{CE7595B2-ACB7-4626-ADF1-B64DA2D8D6EA}" type="slidenum">
              <a:rPr lang="en-US" sz="800">
                <a:solidFill>
                  <a:srgbClr val="333333"/>
                </a:solidFill>
                <a:cs typeface="Arial" pitchFamily="34" charset="0"/>
              </a:rPr>
              <a:pPr eaLnBrk="1" hangingPunct="1"/>
              <a:t>‹Nr.›</a:t>
            </a:fld>
            <a:endParaRPr lang="en-US" sz="800" dirty="0">
              <a:solidFill>
                <a:srgbClr val="333333"/>
              </a:solidFill>
              <a:cs typeface="Arial" pitchFamily="34" charset="0"/>
            </a:endParaRPr>
          </a:p>
        </p:txBody>
      </p:sp>
      <p:grpSp>
        <p:nvGrpSpPr>
          <p:cNvPr id="8" name="Group 46"/>
          <p:cNvGrpSpPr>
            <a:grpSpLocks/>
          </p:cNvGrpSpPr>
          <p:nvPr userDrawn="1"/>
        </p:nvGrpSpPr>
        <p:grpSpPr bwMode="auto">
          <a:xfrm>
            <a:off x="-1219200" y="0"/>
            <a:ext cx="914400" cy="7770813"/>
            <a:chOff x="-768" y="0"/>
            <a:chExt cx="576" cy="4895"/>
          </a:xfrm>
        </p:grpSpPr>
        <p:sp>
          <p:nvSpPr>
            <p:cNvPr id="13" name="Rectangle 13"/>
            <p:cNvSpPr>
              <a:spLocks noChangeArrowheads="1"/>
            </p:cNvSpPr>
            <p:nvPr userDrawn="1"/>
          </p:nvSpPr>
          <p:spPr bwMode="auto">
            <a:xfrm>
              <a:off x="-768" y="0"/>
              <a:ext cx="576" cy="576"/>
            </a:xfrm>
            <a:prstGeom prst="rect">
              <a:avLst/>
            </a:prstGeom>
            <a:solidFill>
              <a:srgbClr val="895B5D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7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93</a:t>
              </a:r>
            </a:p>
          </p:txBody>
        </p:sp>
        <p:sp>
          <p:nvSpPr>
            <p:cNvPr id="14" name="Rectangle 14"/>
            <p:cNvSpPr>
              <a:spLocks noChangeArrowheads="1"/>
            </p:cNvSpPr>
            <p:nvPr userDrawn="1"/>
          </p:nvSpPr>
          <p:spPr bwMode="auto">
            <a:xfrm>
              <a:off x="-768" y="617"/>
              <a:ext cx="576" cy="576"/>
            </a:xfrm>
            <a:prstGeom prst="rect">
              <a:avLst/>
            </a:prstGeom>
            <a:solidFill>
              <a:srgbClr val="B49795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8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51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9</a:t>
              </a:r>
            </a:p>
          </p:txBody>
        </p:sp>
        <p:sp>
          <p:nvSpPr>
            <p:cNvPr id="15" name="Rectangle 15"/>
            <p:cNvSpPr>
              <a:spLocks noChangeArrowheads="1"/>
            </p:cNvSpPr>
            <p:nvPr userDrawn="1"/>
          </p:nvSpPr>
          <p:spPr bwMode="auto">
            <a:xfrm>
              <a:off x="-768" y="1234"/>
              <a:ext cx="576" cy="576"/>
            </a:xfrm>
            <a:prstGeom prst="rect">
              <a:avLst/>
            </a:prstGeom>
            <a:solidFill>
              <a:srgbClr val="67AD9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73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47</a:t>
              </a:r>
            </a:p>
          </p:txBody>
        </p:sp>
        <p:sp>
          <p:nvSpPr>
            <p:cNvPr id="16" name="Rectangle 15"/>
            <p:cNvSpPr>
              <a:spLocks noChangeArrowheads="1"/>
            </p:cNvSpPr>
            <p:nvPr userDrawn="1"/>
          </p:nvSpPr>
          <p:spPr bwMode="auto">
            <a:xfrm>
              <a:off x="-768" y="1851"/>
              <a:ext cx="576" cy="576"/>
            </a:xfrm>
            <a:prstGeom prst="rect">
              <a:avLst/>
            </a:prstGeom>
            <a:solidFill>
              <a:srgbClr val="A5DAD0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6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18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8</a:t>
              </a:r>
            </a:p>
          </p:txBody>
        </p:sp>
        <p:sp>
          <p:nvSpPr>
            <p:cNvPr id="17" name="Rectangle 16"/>
            <p:cNvSpPr>
              <a:spLocks noChangeArrowheads="1"/>
            </p:cNvSpPr>
            <p:nvPr userDrawn="1"/>
          </p:nvSpPr>
          <p:spPr bwMode="auto">
            <a:xfrm>
              <a:off x="-768" y="2468"/>
              <a:ext cx="576" cy="576"/>
            </a:xfrm>
            <a:prstGeom prst="rect">
              <a:avLst/>
            </a:prstGeom>
            <a:solidFill>
              <a:srgbClr val="646464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00</a:t>
              </a:r>
            </a:p>
          </p:txBody>
        </p:sp>
        <p:sp>
          <p:nvSpPr>
            <p:cNvPr id="18" name="Rectangle 17"/>
            <p:cNvSpPr>
              <a:spLocks noChangeArrowheads="1"/>
            </p:cNvSpPr>
            <p:nvPr userDrawn="1"/>
          </p:nvSpPr>
          <p:spPr bwMode="auto">
            <a:xfrm>
              <a:off x="-768" y="3085"/>
              <a:ext cx="576" cy="576"/>
            </a:xfrm>
            <a:prstGeom prst="rect">
              <a:avLst/>
            </a:prstGeom>
            <a:solidFill>
              <a:srgbClr val="C8C8C8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00</a:t>
              </a:r>
            </a:p>
          </p:txBody>
        </p:sp>
        <p:sp>
          <p:nvSpPr>
            <p:cNvPr id="19" name="Rectangle 18"/>
            <p:cNvSpPr>
              <a:spLocks noChangeArrowheads="1"/>
            </p:cNvSpPr>
            <p:nvPr userDrawn="1"/>
          </p:nvSpPr>
          <p:spPr bwMode="auto">
            <a:xfrm>
              <a:off x="-768" y="3702"/>
              <a:ext cx="576" cy="576"/>
            </a:xfrm>
            <a:prstGeom prst="rect">
              <a:avLst/>
            </a:prstGeom>
            <a:solidFill>
              <a:srgbClr val="387C8B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56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29</a:t>
              </a:r>
              <a:b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white"/>
                  </a:solidFill>
                  <a:ea typeface="ＭＳ Ｐゴシック" pitchFamily="34" charset="-128"/>
                </a:rPr>
                <a:t>139</a:t>
              </a:r>
            </a:p>
          </p:txBody>
        </p:sp>
        <p:sp>
          <p:nvSpPr>
            <p:cNvPr id="20" name="Rectangle 19"/>
            <p:cNvSpPr>
              <a:spLocks noChangeArrowheads="1"/>
            </p:cNvSpPr>
            <p:nvPr userDrawn="1"/>
          </p:nvSpPr>
          <p:spPr bwMode="auto">
            <a:xfrm>
              <a:off x="-768" y="4319"/>
              <a:ext cx="576" cy="576"/>
            </a:xfrm>
            <a:prstGeom prst="rect">
              <a:avLst/>
            </a:prstGeom>
            <a:solidFill>
              <a:srgbClr val="9BE5E3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155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9</a:t>
              </a:r>
              <a:b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</a:br>
              <a:r>
                <a:rPr lang="en-US" sz="1400" dirty="0">
                  <a:solidFill>
                    <a:prstClr val="black"/>
                  </a:solidFill>
                  <a:ea typeface="ＭＳ Ｐゴシック" pitchFamily="34" charset="-128"/>
                </a:rPr>
                <a:t>227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557993088"/>
      </p:ext>
    </p:extLst>
  </p:cSld>
  <p:clrMap bg1="lt1" tx1="dk1" bg2="lt2" tx2="dk2" accent1="accent1" accent2="accent2" accent3="accent3" accent4="accent4" accent5="accent5" accent6="accent6" hlink="hlink" folHlink="folHlink"/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hf hdr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ＭＳ Ｐゴシック" pitchFamily="-1" charset="-128"/>
          <a:cs typeface="ＭＳ Ｐゴシック" pitchFamily="-1" charset="-128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1" charset="0"/>
          <a:ea typeface="ＭＳ Ｐゴシック" pitchFamily="-1" charset="-128"/>
          <a:cs typeface="ＭＳ Ｐゴシック" pitchFamily="-1" charset="-128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ＭＳ Ｐゴシック" pitchFamily="-1" charset="-128"/>
          <a:cs typeface="ＭＳ Ｐゴシック" pitchFamily="-1" charset="-128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ＭＳ Ｐゴシック" pitchFamily="-1" charset="-128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6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8.xml"/><Relationship Id="rId6" Type="http://schemas.openxmlformats.org/officeDocument/2006/relationships/image" Target="../media/image70.png"/><Relationship Id="rId5" Type="http://schemas.openxmlformats.org/officeDocument/2006/relationships/image" Target="../media/image69.png"/><Relationship Id="rId4" Type="http://schemas.openxmlformats.org/officeDocument/2006/relationships/image" Target="../media/image12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2.jpeg"/><Relationship Id="rId2" Type="http://schemas.openxmlformats.org/officeDocument/2006/relationships/image" Target="../media/image71.png"/><Relationship Id="rId1" Type="http://schemas.openxmlformats.org/officeDocument/2006/relationships/slideLayout" Target="../slideLayouts/slideLayout12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3.png"/><Relationship Id="rId7" Type="http://schemas.openxmlformats.org/officeDocument/2006/relationships/image" Target="../media/image77.jpeg"/><Relationship Id="rId2" Type="http://schemas.openxmlformats.org/officeDocument/2006/relationships/chart" Target="../charts/chart1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76.png"/><Relationship Id="rId5" Type="http://schemas.openxmlformats.org/officeDocument/2006/relationships/image" Target="../media/image75.jpeg"/><Relationship Id="rId4" Type="http://schemas.openxmlformats.org/officeDocument/2006/relationships/image" Target="../media/image74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9.png"/><Relationship Id="rId2" Type="http://schemas.openxmlformats.org/officeDocument/2006/relationships/image" Target="../media/image78.png"/><Relationship Id="rId1" Type="http://schemas.openxmlformats.org/officeDocument/2006/relationships/slideLayout" Target="../slideLayouts/slideLayout14.xml"/><Relationship Id="rId5" Type="http://schemas.openxmlformats.org/officeDocument/2006/relationships/image" Target="../media/image81.jpg"/><Relationship Id="rId4" Type="http://schemas.openxmlformats.org/officeDocument/2006/relationships/image" Target="../media/image80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3.png"/><Relationship Id="rId2" Type="http://schemas.openxmlformats.org/officeDocument/2006/relationships/image" Target="../media/image82.jpeg"/><Relationship Id="rId1" Type="http://schemas.openxmlformats.org/officeDocument/2006/relationships/slideLayout" Target="../slideLayouts/slideLayout18.xml"/><Relationship Id="rId4" Type="http://schemas.openxmlformats.org/officeDocument/2006/relationships/image" Target="../media/image84.emf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12.xml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86.jpeg"/><Relationship Id="rId3" Type="http://schemas.openxmlformats.org/officeDocument/2006/relationships/slideLayout" Target="../slideLayouts/slideLayout18.xml"/><Relationship Id="rId7" Type="http://schemas.openxmlformats.org/officeDocument/2006/relationships/image" Target="../media/image3.pn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image" Target="../media/image2.png"/><Relationship Id="rId5" Type="http://schemas.openxmlformats.org/officeDocument/2006/relationships/image" Target="../media/image85.jpeg"/><Relationship Id="rId4" Type="http://schemas.openxmlformats.org/officeDocument/2006/relationships/notesSlide" Target="../notesSlides/notesSlide12.xml"/><Relationship Id="rId9" Type="http://schemas.openxmlformats.org/officeDocument/2006/relationships/image" Target="../media/image61.jpe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8.xml"/><Relationship Id="rId5" Type="http://schemas.openxmlformats.org/officeDocument/2006/relationships/image" Target="../media/image64.jpeg"/><Relationship Id="rId4" Type="http://schemas.openxmlformats.org/officeDocument/2006/relationships/image" Target="../media/image63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jpe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12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chart" Target="../charts/chart4.xml"/><Relationship Id="rId3" Type="http://schemas.openxmlformats.org/officeDocument/2006/relationships/tags" Target="../tags/tag22.xml"/><Relationship Id="rId7" Type="http://schemas.openxmlformats.org/officeDocument/2006/relationships/chart" Target="../charts/chart3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6" Type="http://schemas.openxmlformats.org/officeDocument/2006/relationships/chart" Target="../charts/chart2.xml"/><Relationship Id="rId5" Type="http://schemas.openxmlformats.org/officeDocument/2006/relationships/notesSlide" Target="../notesSlides/notesSlide15.xml"/><Relationship Id="rId4" Type="http://schemas.openxmlformats.org/officeDocument/2006/relationships/slideLayout" Target="../slideLayouts/slideLayout10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22.png"/><Relationship Id="rId3" Type="http://schemas.openxmlformats.org/officeDocument/2006/relationships/image" Target="../media/image12.png"/><Relationship Id="rId7" Type="http://schemas.openxmlformats.org/officeDocument/2006/relationships/image" Target="../media/image21.png"/><Relationship Id="rId12" Type="http://schemas.openxmlformats.org/officeDocument/2006/relationships/image" Target="../media/image26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1.xml"/><Relationship Id="rId6" Type="http://schemas.openxmlformats.org/officeDocument/2006/relationships/image" Target="../media/image20.png"/><Relationship Id="rId11" Type="http://schemas.openxmlformats.org/officeDocument/2006/relationships/image" Target="../media/image25.png"/><Relationship Id="rId5" Type="http://schemas.openxmlformats.org/officeDocument/2006/relationships/image" Target="../media/image19.png"/><Relationship Id="rId10" Type="http://schemas.openxmlformats.org/officeDocument/2006/relationships/image" Target="../media/image24.png"/><Relationship Id="rId4" Type="http://schemas.openxmlformats.org/officeDocument/2006/relationships/image" Target="../media/image18.png"/><Relationship Id="rId9" Type="http://schemas.openxmlformats.org/officeDocument/2006/relationships/image" Target="../media/image23.pn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6.xml"/><Relationship Id="rId2" Type="http://schemas.openxmlformats.org/officeDocument/2006/relationships/slideLayout" Target="../slideLayouts/slideLayout10.xml"/><Relationship Id="rId1" Type="http://schemas.openxmlformats.org/officeDocument/2006/relationships/tags" Target="../tags/tag23.xml"/><Relationship Id="rId4" Type="http://schemas.openxmlformats.org/officeDocument/2006/relationships/chart" Target="../charts/chart5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10.xml"/><Relationship Id="rId5" Type="http://schemas.openxmlformats.org/officeDocument/2006/relationships/image" Target="../media/image87.png"/><Relationship Id="rId4" Type="http://schemas.openxmlformats.org/officeDocument/2006/relationships/image" Target="../media/image3.pn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8.xml"/><Relationship Id="rId2" Type="http://schemas.openxmlformats.org/officeDocument/2006/relationships/slideLayout" Target="../slideLayouts/slideLayout10.xml"/><Relationship Id="rId1" Type="http://schemas.openxmlformats.org/officeDocument/2006/relationships/vmlDrawing" Target="../drawings/vmlDrawing1.vml"/><Relationship Id="rId5" Type="http://schemas.openxmlformats.org/officeDocument/2006/relationships/image" Target="../media/image88.png"/><Relationship Id="rId4" Type="http://schemas.openxmlformats.org/officeDocument/2006/relationships/oleObject" Target="../embeddings/oleObject1.bin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2.png"/><Relationship Id="rId3" Type="http://schemas.openxmlformats.org/officeDocument/2006/relationships/image" Target="../media/image27.jpeg"/><Relationship Id="rId7" Type="http://schemas.openxmlformats.org/officeDocument/2006/relationships/image" Target="../media/image31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5.xml"/><Relationship Id="rId6" Type="http://schemas.openxmlformats.org/officeDocument/2006/relationships/image" Target="../media/image30.png"/><Relationship Id="rId5" Type="http://schemas.openxmlformats.org/officeDocument/2006/relationships/image" Target="../media/image29.png"/><Relationship Id="rId4" Type="http://schemas.openxmlformats.org/officeDocument/2006/relationships/image" Target="../media/image28.jpe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16.xml"/><Relationship Id="rId1" Type="http://schemas.openxmlformats.org/officeDocument/2006/relationships/tags" Target="../tags/tag1.xml"/><Relationship Id="rId4" Type="http://schemas.openxmlformats.org/officeDocument/2006/relationships/image" Target="../media/image33.pn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tags" Target="../tags/tag9.xml"/><Relationship Id="rId13" Type="http://schemas.openxmlformats.org/officeDocument/2006/relationships/tags" Target="../tags/tag14.xml"/><Relationship Id="rId18" Type="http://schemas.openxmlformats.org/officeDocument/2006/relationships/notesSlide" Target="../notesSlides/notesSlide5.xml"/><Relationship Id="rId26" Type="http://schemas.openxmlformats.org/officeDocument/2006/relationships/image" Target="../media/image41.jpeg"/><Relationship Id="rId3" Type="http://schemas.openxmlformats.org/officeDocument/2006/relationships/tags" Target="../tags/tag4.xml"/><Relationship Id="rId21" Type="http://schemas.openxmlformats.org/officeDocument/2006/relationships/image" Target="../media/image36.jpeg"/><Relationship Id="rId7" Type="http://schemas.openxmlformats.org/officeDocument/2006/relationships/tags" Target="../tags/tag8.xml"/><Relationship Id="rId12" Type="http://schemas.openxmlformats.org/officeDocument/2006/relationships/tags" Target="../tags/tag13.xml"/><Relationship Id="rId17" Type="http://schemas.openxmlformats.org/officeDocument/2006/relationships/slideLayout" Target="../slideLayouts/slideLayout17.xml"/><Relationship Id="rId25" Type="http://schemas.openxmlformats.org/officeDocument/2006/relationships/image" Target="../media/image40.jpeg"/><Relationship Id="rId33" Type="http://schemas.openxmlformats.org/officeDocument/2006/relationships/image" Target="../media/image48.jpeg"/><Relationship Id="rId2" Type="http://schemas.openxmlformats.org/officeDocument/2006/relationships/tags" Target="../tags/tag3.xml"/><Relationship Id="rId16" Type="http://schemas.openxmlformats.org/officeDocument/2006/relationships/tags" Target="../tags/tag17.xml"/><Relationship Id="rId20" Type="http://schemas.openxmlformats.org/officeDocument/2006/relationships/image" Target="../media/image35.jpeg"/><Relationship Id="rId29" Type="http://schemas.openxmlformats.org/officeDocument/2006/relationships/image" Target="../media/image44.jpeg"/><Relationship Id="rId1" Type="http://schemas.openxmlformats.org/officeDocument/2006/relationships/tags" Target="../tags/tag2.xml"/><Relationship Id="rId6" Type="http://schemas.openxmlformats.org/officeDocument/2006/relationships/tags" Target="../tags/tag7.xml"/><Relationship Id="rId11" Type="http://schemas.openxmlformats.org/officeDocument/2006/relationships/tags" Target="../tags/tag12.xml"/><Relationship Id="rId24" Type="http://schemas.openxmlformats.org/officeDocument/2006/relationships/image" Target="../media/image39.jpeg"/><Relationship Id="rId32" Type="http://schemas.openxmlformats.org/officeDocument/2006/relationships/image" Target="../media/image47.jpeg"/><Relationship Id="rId5" Type="http://schemas.openxmlformats.org/officeDocument/2006/relationships/tags" Target="../tags/tag6.xml"/><Relationship Id="rId15" Type="http://schemas.openxmlformats.org/officeDocument/2006/relationships/tags" Target="../tags/tag16.xml"/><Relationship Id="rId23" Type="http://schemas.openxmlformats.org/officeDocument/2006/relationships/image" Target="../media/image38.jpeg"/><Relationship Id="rId28" Type="http://schemas.openxmlformats.org/officeDocument/2006/relationships/image" Target="../media/image43.jpeg"/><Relationship Id="rId10" Type="http://schemas.openxmlformats.org/officeDocument/2006/relationships/tags" Target="../tags/tag11.xml"/><Relationship Id="rId19" Type="http://schemas.openxmlformats.org/officeDocument/2006/relationships/image" Target="../media/image34.jpeg"/><Relationship Id="rId31" Type="http://schemas.openxmlformats.org/officeDocument/2006/relationships/image" Target="../media/image46.jpeg"/><Relationship Id="rId4" Type="http://schemas.openxmlformats.org/officeDocument/2006/relationships/tags" Target="../tags/tag5.xml"/><Relationship Id="rId9" Type="http://schemas.openxmlformats.org/officeDocument/2006/relationships/tags" Target="../tags/tag10.xml"/><Relationship Id="rId14" Type="http://schemas.openxmlformats.org/officeDocument/2006/relationships/tags" Target="../tags/tag15.xml"/><Relationship Id="rId22" Type="http://schemas.openxmlformats.org/officeDocument/2006/relationships/image" Target="../media/image37.jpeg"/><Relationship Id="rId27" Type="http://schemas.openxmlformats.org/officeDocument/2006/relationships/image" Target="../media/image42.jpeg"/><Relationship Id="rId30" Type="http://schemas.openxmlformats.org/officeDocument/2006/relationships/image" Target="../media/image45.jpe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4.png"/><Relationship Id="rId13" Type="http://schemas.openxmlformats.org/officeDocument/2006/relationships/image" Target="../media/image59.jpeg"/><Relationship Id="rId3" Type="http://schemas.openxmlformats.org/officeDocument/2006/relationships/image" Target="../media/image49.png"/><Relationship Id="rId7" Type="http://schemas.openxmlformats.org/officeDocument/2006/relationships/image" Target="../media/image53.png"/><Relationship Id="rId12" Type="http://schemas.openxmlformats.org/officeDocument/2006/relationships/image" Target="../media/image58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3.xml"/><Relationship Id="rId6" Type="http://schemas.openxmlformats.org/officeDocument/2006/relationships/image" Target="../media/image52.jpeg"/><Relationship Id="rId11" Type="http://schemas.openxmlformats.org/officeDocument/2006/relationships/image" Target="../media/image57.jpeg"/><Relationship Id="rId5" Type="http://schemas.openxmlformats.org/officeDocument/2006/relationships/image" Target="../media/image51.jpeg"/><Relationship Id="rId10" Type="http://schemas.openxmlformats.org/officeDocument/2006/relationships/image" Target="../media/image56.jpeg"/><Relationship Id="rId4" Type="http://schemas.openxmlformats.org/officeDocument/2006/relationships/image" Target="../media/image50.jpeg"/><Relationship Id="rId9" Type="http://schemas.openxmlformats.org/officeDocument/2006/relationships/image" Target="../media/image55.jpeg"/><Relationship Id="rId14" Type="http://schemas.openxmlformats.org/officeDocument/2006/relationships/image" Target="../media/image60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7" Type="http://schemas.openxmlformats.org/officeDocument/2006/relationships/image" Target="../media/image64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8.xml"/><Relationship Id="rId6" Type="http://schemas.openxmlformats.org/officeDocument/2006/relationships/image" Target="../media/image12.png"/><Relationship Id="rId5" Type="http://schemas.openxmlformats.org/officeDocument/2006/relationships/image" Target="../media/image11.png"/><Relationship Id="rId4" Type="http://schemas.openxmlformats.org/officeDocument/2006/relationships/image" Target="../media/image63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5.png"/><Relationship Id="rId7" Type="http://schemas.openxmlformats.org/officeDocument/2006/relationships/image" Target="../media/image68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8.xml"/><Relationship Id="rId6" Type="http://schemas.openxmlformats.org/officeDocument/2006/relationships/hyperlink" Target="http://www.iata.org/whatwedo/Documents/economics/Presentations/WPS-BP-Dubai-Oct-2016.pdf" TargetMode="External"/><Relationship Id="rId5" Type="http://schemas.openxmlformats.org/officeDocument/2006/relationships/image" Target="../media/image67.png"/><Relationship Id="rId4" Type="http://schemas.openxmlformats.org/officeDocument/2006/relationships/image" Target="../media/image66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Textplatzhalter 1"/>
          <p:cNvSpPr>
            <a:spLocks noGrp="1"/>
          </p:cNvSpPr>
          <p:nvPr>
            <p:ph type="body" sz="quarter" idx="10"/>
          </p:nvPr>
        </p:nvSpPr>
        <p:spPr bwMode="auto">
          <a:xfrm>
            <a:off x="1558925" y="4890204"/>
            <a:ext cx="7585075" cy="1036638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r>
              <a:rPr lang="de-DE" sz="2000" b="1" dirty="0" smtClean="0">
                <a:latin typeface="Arial" panose="020B0604020202020204" pitchFamily="34" charset="0"/>
                <a:cs typeface="Arial" panose="020B0604020202020204" pitchFamily="34" charset="0"/>
              </a:rPr>
              <a:t>INVESTOR PRESENTATION </a:t>
            </a:r>
            <a:r>
              <a:rPr lang="de-DE" sz="2800" dirty="0">
                <a:latin typeface="Arial" panose="020B0604020202020204" pitchFamily="34" charset="0"/>
                <a:cs typeface="Arial" panose="020B0604020202020204" pitchFamily="34" charset="0"/>
              </a:rPr>
              <a:t>	</a:t>
            </a:r>
          </a:p>
          <a:p>
            <a:endParaRPr lang="de-DE" altLang="de-DE" sz="1600" dirty="0" smtClean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r>
              <a:rPr lang="de-DE" altLang="de-DE" sz="2000" dirty="0" smtClean="0">
                <a:latin typeface="Arial" panose="020B0604020202020204" pitchFamily="34" charset="0"/>
                <a:cs typeface="Arial" panose="020B0604020202020204" pitchFamily="34" charset="0"/>
              </a:rPr>
              <a:t>05 </a:t>
            </a:r>
            <a:r>
              <a:rPr lang="de-DE" altLang="de-DE" sz="2000" dirty="0">
                <a:latin typeface="Arial" panose="020B0604020202020204" pitchFamily="34" charset="0"/>
                <a:cs typeface="Arial" panose="020B0604020202020204" pitchFamily="34" charset="0"/>
              </a:rPr>
              <a:t>// </a:t>
            </a:r>
            <a:r>
              <a:rPr lang="de-DE" altLang="de-DE" sz="2000" dirty="0" smtClean="0">
                <a:latin typeface="Arial" panose="020B0604020202020204" pitchFamily="34" charset="0"/>
                <a:cs typeface="Arial" panose="020B0604020202020204" pitchFamily="34" charset="0"/>
              </a:rPr>
              <a:t>2017</a:t>
            </a:r>
            <a:endParaRPr lang="de-DE" altLang="de-DE" dirty="0" smtClean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9458" name="Bild 11" descr="Logocorner.pn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9459" name="Bild 25" descr="Logocorner.pn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9460" name="Bild 10" descr="PPP grau.pn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461" name="Textfeld 14"/>
          <p:cNvSpPr txBox="1">
            <a:spLocks noChangeArrowheads="1"/>
          </p:cNvSpPr>
          <p:nvPr/>
        </p:nvSpPr>
        <p:spPr bwMode="gray">
          <a:xfrm>
            <a:off x="323850" y="549275"/>
            <a:ext cx="8118475" cy="768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marL="0" marR="0" lvl="0" indent="0" algn="l" defTabSz="4572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de-DE" sz="3600" b="0" i="0" u="none" strike="noStrike" kern="1200" cap="none" spc="0" normalizeH="0" baseline="0" noProof="0" dirty="0">
                <a:ln>
                  <a:noFill/>
                </a:ln>
                <a:solidFill>
                  <a:srgbClr val="985E5A"/>
                </a:solidFill>
                <a:effectLst/>
                <a:uLnTx/>
                <a:uFillTx/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rPr>
              <a:t>The Aerospace Market – Overview</a:t>
            </a:r>
          </a:p>
        </p:txBody>
      </p:sp>
      <p:sp>
        <p:nvSpPr>
          <p:cNvPr id="19462" name="AutoShape 20" descr="Airbus_A320neo_CFM_Triebwerke"/>
          <p:cNvSpPr>
            <a:spLocks noChangeAspect="1" noChangeArrowheads="1"/>
          </p:cNvSpPr>
          <p:nvPr/>
        </p:nvSpPr>
        <p:spPr bwMode="auto">
          <a:xfrm>
            <a:off x="176213" y="-1760538"/>
            <a:ext cx="5505450" cy="367665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marL="0" marR="0" lvl="0" indent="0" algn="l" defTabSz="4572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de-DE" altLang="de-DE" sz="24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MS PGothic" panose="020B0600070205080204" pitchFamily="34" charset="-128"/>
              <a:cs typeface="+mn-cs"/>
            </a:endParaRPr>
          </a:p>
        </p:txBody>
      </p:sp>
      <p:sp>
        <p:nvSpPr>
          <p:cNvPr id="2" name="Rechteck 1"/>
          <p:cNvSpPr/>
          <p:nvPr/>
        </p:nvSpPr>
        <p:spPr>
          <a:xfrm>
            <a:off x="323850" y="2184601"/>
            <a:ext cx="4646083" cy="501675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460375" marR="0" lvl="0" indent="-285750" algn="l" defTabSz="457200" rtl="0" eaLnBrk="1" fontAlgn="base" latinLnBrk="0" hangingPunct="1">
              <a:lnSpc>
                <a:spcPct val="150000"/>
              </a:lnSpc>
              <a:spcBef>
                <a:spcPts val="1200"/>
              </a:spcBef>
              <a:spcAft>
                <a:spcPts val="0"/>
              </a:spcAft>
              <a:buClr>
                <a:srgbClr val="895B5D"/>
              </a:buClr>
              <a:buSzTx/>
              <a:buFont typeface="Wingdings" panose="05000000000000000000" pitchFamily="2" charset="2"/>
              <a:buChar char="§"/>
              <a:tabLst/>
              <a:defRPr/>
            </a:pPr>
            <a:r>
              <a:rPr lang="en-US" sz="1600" dirty="0">
                <a:solidFill>
                  <a:srgbClr val="515357"/>
                </a:solidFill>
                <a:cs typeface="Arial" panose="020B0604020202020204" pitchFamily="34" charset="0"/>
              </a:rPr>
              <a:t>&gt; 5% YoY market growth </a:t>
            </a:r>
            <a:r>
              <a:rPr lang="en-US" sz="1600" dirty="0" smtClean="0">
                <a:solidFill>
                  <a:srgbClr val="515357"/>
                </a:solidFill>
                <a:cs typeface="Arial" panose="020B0604020202020204" pitchFamily="34" charset="0"/>
              </a:rPr>
              <a:t>confirmed</a:t>
            </a:r>
          </a:p>
          <a:p>
            <a:pPr marL="460375" marR="0" lvl="0" indent="-285750" algn="l" defTabSz="457200" rtl="0" eaLnBrk="1" fontAlgn="base" latinLnBrk="0" hangingPunct="1">
              <a:lnSpc>
                <a:spcPct val="150000"/>
              </a:lnSpc>
              <a:spcBef>
                <a:spcPts val="1200"/>
              </a:spcBef>
              <a:spcAft>
                <a:spcPts val="0"/>
              </a:spcAft>
              <a:buClr>
                <a:srgbClr val="895B5D"/>
              </a:buClr>
              <a:buSzTx/>
              <a:buFont typeface="Wingdings" panose="05000000000000000000" pitchFamily="2" charset="2"/>
              <a:buChar char="§"/>
              <a:tabLst/>
              <a:defRPr/>
            </a:pPr>
            <a:r>
              <a:rPr lang="en-US" sz="1600" dirty="0" smtClean="0">
                <a:solidFill>
                  <a:srgbClr val="515357"/>
                </a:solidFill>
                <a:cs typeface="Arial" panose="020B0604020202020204" pitchFamily="34" charset="0"/>
              </a:rPr>
              <a:t>FACC benefits from market growth - long </a:t>
            </a:r>
            <a:r>
              <a:rPr lang="en-US" sz="1600" dirty="0">
                <a:solidFill>
                  <a:srgbClr val="515357"/>
                </a:solidFill>
                <a:cs typeface="Arial" panose="020B0604020202020204" pitchFamily="34" charset="0"/>
              </a:rPr>
              <a:t>term contracts </a:t>
            </a:r>
            <a:r>
              <a:rPr lang="en-US" sz="1600" dirty="0" smtClean="0">
                <a:solidFill>
                  <a:srgbClr val="515357"/>
                </a:solidFill>
                <a:cs typeface="Arial" panose="020B0604020202020204" pitchFamily="34" charset="0"/>
              </a:rPr>
              <a:t>with A350</a:t>
            </a:r>
            <a:r>
              <a:rPr lang="en-US" sz="1600" dirty="0">
                <a:solidFill>
                  <a:srgbClr val="515357"/>
                </a:solidFill>
                <a:cs typeface="Arial" panose="020B0604020202020204" pitchFamily="34" charset="0"/>
              </a:rPr>
              <a:t>, A320 Neo, </a:t>
            </a:r>
            <a:r>
              <a:rPr lang="en-US" sz="1600" dirty="0" smtClean="0">
                <a:solidFill>
                  <a:srgbClr val="515357"/>
                </a:solidFill>
                <a:cs typeface="Arial" panose="020B0604020202020204" pitchFamily="34" charset="0"/>
              </a:rPr>
              <a:t>B787 are </a:t>
            </a:r>
            <a:r>
              <a:rPr lang="en-US" sz="1600" dirty="0">
                <a:solidFill>
                  <a:srgbClr val="515357"/>
                </a:solidFill>
                <a:cs typeface="Arial" panose="020B0604020202020204" pitchFamily="34" charset="0"/>
              </a:rPr>
              <a:t>ramping up.</a:t>
            </a:r>
          </a:p>
          <a:p>
            <a:pPr marL="460375" indent="-285750" eaLnBrk="1" hangingPunct="1">
              <a:lnSpc>
                <a:spcPct val="150000"/>
              </a:lnSpc>
              <a:spcBef>
                <a:spcPts val="1200"/>
              </a:spcBef>
              <a:spcAft>
                <a:spcPts val="0"/>
              </a:spcAft>
              <a:buClr>
                <a:srgbClr val="895B5D"/>
              </a:buClr>
              <a:buFont typeface="Wingdings" panose="05000000000000000000" pitchFamily="2" charset="2"/>
              <a:buChar char="§"/>
              <a:defRPr/>
            </a:pPr>
            <a:r>
              <a:rPr lang="en-US" sz="1600" dirty="0">
                <a:solidFill>
                  <a:srgbClr val="515357"/>
                </a:solidFill>
                <a:cs typeface="Arial" panose="020B0604020202020204" pitchFamily="34" charset="0"/>
              </a:rPr>
              <a:t>Markets with </a:t>
            </a:r>
            <a:r>
              <a:rPr lang="en-US" sz="1600" dirty="0" smtClean="0">
                <a:solidFill>
                  <a:srgbClr val="515357"/>
                </a:solidFill>
                <a:cs typeface="Arial" panose="020B0604020202020204" pitchFamily="34" charset="0"/>
              </a:rPr>
              <a:t>most </a:t>
            </a:r>
            <a:r>
              <a:rPr lang="en-US" sz="1600" dirty="0">
                <a:solidFill>
                  <a:srgbClr val="515357"/>
                </a:solidFill>
                <a:cs typeface="Arial" panose="020B0604020202020204" pitchFamily="34" charset="0"/>
              </a:rPr>
              <a:t>growing demand </a:t>
            </a:r>
            <a:r>
              <a:rPr lang="en-US" sz="1600" dirty="0" smtClean="0">
                <a:solidFill>
                  <a:srgbClr val="515357"/>
                </a:solidFill>
                <a:cs typeface="Arial" panose="020B0604020202020204" pitchFamily="34" charset="0"/>
              </a:rPr>
              <a:t>are </a:t>
            </a:r>
            <a:r>
              <a:rPr lang="en-US" sz="1600" dirty="0">
                <a:solidFill>
                  <a:srgbClr val="515357"/>
                </a:solidFill>
                <a:cs typeface="Arial" panose="020B0604020202020204" pitchFamily="34" charset="0"/>
              </a:rPr>
              <a:t>part of </a:t>
            </a:r>
            <a:r>
              <a:rPr lang="en-US" sz="1600" dirty="0" smtClean="0">
                <a:solidFill>
                  <a:srgbClr val="515357"/>
                </a:solidFill>
                <a:cs typeface="Arial" panose="020B0604020202020204" pitchFamily="34" charset="0"/>
              </a:rPr>
              <a:t>our global </a:t>
            </a:r>
            <a:r>
              <a:rPr lang="en-US" sz="1600" dirty="0">
                <a:solidFill>
                  <a:srgbClr val="515357"/>
                </a:solidFill>
                <a:cs typeface="Arial" panose="020B0604020202020204" pitchFamily="34" charset="0"/>
              </a:rPr>
              <a:t>network (India, Abu Dhabi, China)</a:t>
            </a:r>
          </a:p>
          <a:p>
            <a:pPr marL="460375" indent="-285750" eaLnBrk="1" hangingPunct="1">
              <a:lnSpc>
                <a:spcPct val="150000"/>
              </a:lnSpc>
              <a:spcBef>
                <a:spcPts val="1200"/>
              </a:spcBef>
              <a:spcAft>
                <a:spcPts val="0"/>
              </a:spcAft>
              <a:buClr>
                <a:srgbClr val="895B5D"/>
              </a:buClr>
              <a:buFont typeface="Wingdings" panose="05000000000000000000" pitchFamily="2" charset="2"/>
              <a:buChar char="§"/>
              <a:defRPr/>
            </a:pPr>
            <a:r>
              <a:rPr lang="en-US" sz="1600" dirty="0">
                <a:solidFill>
                  <a:srgbClr val="515357"/>
                </a:solidFill>
                <a:cs typeface="Arial" panose="020B0604020202020204" pitchFamily="34" charset="0"/>
              </a:rPr>
              <a:t>400 new airports are under construction </a:t>
            </a:r>
            <a:r>
              <a:rPr lang="en-US" sz="1600" dirty="0" smtClean="0">
                <a:solidFill>
                  <a:srgbClr val="515357"/>
                </a:solidFill>
                <a:cs typeface="Arial" panose="020B0604020202020204" pitchFamily="34" charset="0"/>
              </a:rPr>
              <a:t>worldwide</a:t>
            </a:r>
            <a:endParaRPr lang="en-US" sz="1600" dirty="0">
              <a:solidFill>
                <a:srgbClr val="515357"/>
              </a:solidFill>
              <a:cs typeface="Arial" panose="020B0604020202020204" pitchFamily="34" charset="0"/>
            </a:endParaRPr>
          </a:p>
          <a:p>
            <a:pPr marL="460375" indent="-285750" eaLnBrk="1" hangingPunct="1">
              <a:lnSpc>
                <a:spcPct val="150000"/>
              </a:lnSpc>
              <a:spcBef>
                <a:spcPts val="1200"/>
              </a:spcBef>
              <a:spcAft>
                <a:spcPts val="0"/>
              </a:spcAft>
              <a:buClr>
                <a:srgbClr val="895B5D"/>
              </a:buClr>
              <a:buFont typeface="Wingdings" panose="05000000000000000000" pitchFamily="2" charset="2"/>
              <a:buChar char="§"/>
              <a:defRPr/>
            </a:pPr>
            <a:r>
              <a:rPr lang="en-US" sz="1600" dirty="0">
                <a:solidFill>
                  <a:srgbClr val="515357"/>
                </a:solidFill>
                <a:cs typeface="Arial" panose="020B0604020202020204" pitchFamily="34" charset="0"/>
              </a:rPr>
              <a:t>China by itself is setting up 98 new </a:t>
            </a:r>
            <a:r>
              <a:rPr lang="en-US" sz="1600" dirty="0" smtClean="0">
                <a:solidFill>
                  <a:srgbClr val="515357"/>
                </a:solidFill>
                <a:cs typeface="Arial" panose="020B0604020202020204" pitchFamily="34" charset="0"/>
              </a:rPr>
              <a:t>airports</a:t>
            </a:r>
          </a:p>
          <a:p>
            <a:pPr marL="174625" eaLnBrk="1" hangingPunct="1">
              <a:lnSpc>
                <a:spcPct val="150000"/>
              </a:lnSpc>
              <a:spcBef>
                <a:spcPts val="1200"/>
              </a:spcBef>
              <a:spcAft>
                <a:spcPts val="0"/>
              </a:spcAft>
              <a:buClr>
                <a:srgbClr val="895B5D"/>
              </a:buClr>
              <a:defRPr/>
            </a:pPr>
            <a:endParaRPr lang="en-US" sz="1800" dirty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sp>
        <p:nvSpPr>
          <p:cNvPr id="12" name="Textplatzhalter 3"/>
          <p:cNvSpPr txBox="1">
            <a:spLocks/>
          </p:cNvSpPr>
          <p:nvPr/>
        </p:nvSpPr>
        <p:spPr bwMode="auto">
          <a:xfrm>
            <a:off x="346075" y="1169902"/>
            <a:ext cx="8545262" cy="4762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de-DE"/>
            </a:defPPr>
            <a:lvl1pPr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defRPr>
            </a:lvl9pPr>
          </a:lstStyle>
          <a:p>
            <a:r>
              <a:rPr lang="en-US" altLang="de-DE" sz="2000" dirty="0" smtClean="0">
                <a:solidFill>
                  <a:schemeClr val="bg1">
                    <a:lumMod val="50000"/>
                  </a:schemeClr>
                </a:solidFill>
                <a:cs typeface="Arial" panose="020B0604020202020204" pitchFamily="34" charset="0"/>
              </a:rPr>
              <a:t>…. FACC is well positioned in the market with its customer contracts but also with its main-shareholder AVIC</a:t>
            </a:r>
          </a:p>
        </p:txBody>
      </p:sp>
      <p:pic>
        <p:nvPicPr>
          <p:cNvPr id="13" name="Grafik 12"/>
          <p:cNvPicPr>
            <a:picLocks noChangeAspect="1"/>
          </p:cNvPicPr>
          <p:nvPr/>
        </p:nvPicPr>
        <p:blipFill rotWithShape="1">
          <a:blip r:embed="rId5"/>
          <a:srcRect t="11177"/>
          <a:stretch/>
        </p:blipFill>
        <p:spPr>
          <a:xfrm>
            <a:off x="5681663" y="4163901"/>
            <a:ext cx="3198721" cy="2521737"/>
          </a:xfrm>
          <a:prstGeom prst="rect">
            <a:avLst/>
          </a:prstGeom>
        </p:spPr>
      </p:pic>
      <p:pic>
        <p:nvPicPr>
          <p:cNvPr id="11" name="Grafik 10"/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124893" y="1918431"/>
            <a:ext cx="3402492" cy="202689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48914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Rechteck 17"/>
          <p:cNvSpPr/>
          <p:nvPr/>
        </p:nvSpPr>
        <p:spPr>
          <a:xfrm>
            <a:off x="4934183" y="4778898"/>
            <a:ext cx="3600000" cy="1698091"/>
          </a:xfrm>
          <a:prstGeom prst="rect">
            <a:avLst/>
          </a:prstGeom>
          <a:solidFill>
            <a:srgbClr val="67AD93">
              <a:alpha val="24706"/>
            </a:srgb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>
              <a:lnSpc>
                <a:spcPct val="150000"/>
              </a:lnSpc>
            </a:pPr>
            <a:endParaRPr lang="de-DE" sz="1200" dirty="0">
              <a:solidFill>
                <a:prstClr val="white"/>
              </a:solidFill>
            </a:endParaRPr>
          </a:p>
        </p:txBody>
      </p:sp>
      <p:sp>
        <p:nvSpPr>
          <p:cNvPr id="3" name="Rechteck 2"/>
          <p:cNvSpPr/>
          <p:nvPr/>
        </p:nvSpPr>
        <p:spPr>
          <a:xfrm>
            <a:off x="467543" y="4761148"/>
            <a:ext cx="3600000" cy="1645507"/>
          </a:xfrm>
          <a:prstGeom prst="rect">
            <a:avLst/>
          </a:prstGeom>
          <a:solidFill>
            <a:srgbClr val="67AD93">
              <a:alpha val="24706"/>
            </a:srgb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de-DE" sz="1200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346074" y="496888"/>
            <a:ext cx="8690421" cy="820737"/>
          </a:xfrm>
        </p:spPr>
        <p:txBody>
          <a:bodyPr/>
          <a:lstStyle/>
          <a:p>
            <a:r>
              <a:rPr lang="en-US" sz="3600" dirty="0" smtClean="0">
                <a:latin typeface="Arial" pitchFamily="34" charset="0"/>
                <a:ea typeface="Arial" pitchFamily="-84" charset="0"/>
                <a:cs typeface="Arial" pitchFamily="-84" charset="0"/>
              </a:rPr>
              <a:t>Lightweight Application </a:t>
            </a:r>
            <a:r>
              <a:rPr lang="en-US" sz="3600" dirty="0">
                <a:latin typeface="Arial" pitchFamily="34" charset="0"/>
                <a:ea typeface="Arial" pitchFamily="-84" charset="0"/>
                <a:cs typeface="Arial" pitchFamily="-84" charset="0"/>
              </a:rPr>
              <a:t>Road </a:t>
            </a:r>
            <a:r>
              <a:rPr lang="en-US" sz="3600" dirty="0" smtClean="0">
                <a:latin typeface="Arial" pitchFamily="34" charset="0"/>
                <a:ea typeface="Arial" pitchFamily="-84" charset="0"/>
                <a:cs typeface="Arial" pitchFamily="-84" charset="0"/>
              </a:rPr>
              <a:t>Map</a:t>
            </a:r>
            <a:endParaRPr lang="en-US" sz="3600" dirty="0">
              <a:latin typeface="Arial" pitchFamily="34" charset="0"/>
              <a:ea typeface="Arial" pitchFamily="-84" charset="0"/>
              <a:cs typeface="Arial" pitchFamily="-84" charset="0"/>
            </a:endParaRPr>
          </a:p>
        </p:txBody>
      </p:sp>
      <p:pic>
        <p:nvPicPr>
          <p:cNvPr id="5" name="Grafik 4"/>
          <p:cNvPicPr>
            <a:picLocks noChangeAspect="1"/>
          </p:cNvPicPr>
          <p:nvPr/>
        </p:nvPicPr>
        <p:blipFill rotWithShape="1"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9532" y="2490360"/>
            <a:ext cx="3944472" cy="2162776"/>
          </a:xfrm>
          <a:prstGeom prst="rect">
            <a:avLst/>
          </a:prstGeom>
        </p:spPr>
      </p:pic>
      <p:sp>
        <p:nvSpPr>
          <p:cNvPr id="6" name="Rechteck 5"/>
          <p:cNvSpPr/>
          <p:nvPr/>
        </p:nvSpPr>
        <p:spPr>
          <a:xfrm>
            <a:off x="1944378" y="1932767"/>
            <a:ext cx="671979" cy="369332"/>
          </a:xfrm>
          <a:prstGeom prst="rect">
            <a:avLst/>
          </a:prstGeom>
          <a:solidFill>
            <a:schemeClr val="bg1"/>
          </a:solidFill>
        </p:spPr>
        <p:txBody>
          <a:bodyPr wrap="none">
            <a:spAutoFit/>
          </a:bodyPr>
          <a:lstStyle/>
          <a:p>
            <a:pPr eaLnBrk="1" hangingPunct="1"/>
            <a:r>
              <a:rPr lang="en-US" sz="1800" b="1" dirty="0" smtClean="0">
                <a:solidFill>
                  <a:srgbClr val="515357"/>
                </a:solidFill>
                <a:ea typeface="ＭＳ Ｐゴシック" pitchFamily="34" charset="-128"/>
              </a:rPr>
              <a:t>Past</a:t>
            </a:r>
            <a:endParaRPr lang="en-US" sz="1800" b="1" dirty="0">
              <a:solidFill>
                <a:srgbClr val="515357"/>
              </a:solidFill>
              <a:ea typeface="ＭＳ Ｐゴシック" pitchFamily="34" charset="-128"/>
            </a:endParaRPr>
          </a:p>
        </p:txBody>
      </p:sp>
      <p:pic>
        <p:nvPicPr>
          <p:cNvPr id="9" name="Grafik 8"/>
          <p:cNvPicPr>
            <a:picLocks noChangeAspect="1"/>
          </p:cNvPicPr>
          <p:nvPr/>
        </p:nvPicPr>
        <p:blipFill>
          <a:blip r:embed="rId3" cstate="email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87721" y="2310340"/>
            <a:ext cx="3932751" cy="2342796"/>
          </a:xfrm>
          <a:prstGeom prst="rect">
            <a:avLst/>
          </a:prstGeom>
        </p:spPr>
      </p:pic>
      <p:sp>
        <p:nvSpPr>
          <p:cNvPr id="10" name="Textfeld 9"/>
          <p:cNvSpPr txBox="1"/>
          <p:nvPr/>
        </p:nvSpPr>
        <p:spPr>
          <a:xfrm>
            <a:off x="6435766" y="1934667"/>
            <a:ext cx="847220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/>
            <a:r>
              <a:rPr lang="en-US" sz="1800" b="1" dirty="0" smtClean="0">
                <a:solidFill>
                  <a:srgbClr val="515357"/>
                </a:solidFill>
                <a:ea typeface="ＭＳ Ｐゴシック" pitchFamily="34" charset="-128"/>
              </a:rPr>
              <a:t>Today</a:t>
            </a:r>
            <a:endParaRPr lang="en-US" sz="1800" b="1" dirty="0">
              <a:solidFill>
                <a:srgbClr val="515357"/>
              </a:solidFill>
              <a:ea typeface="ＭＳ Ｐゴシック" pitchFamily="34" charset="-128"/>
            </a:endParaRPr>
          </a:p>
        </p:txBody>
      </p:sp>
      <p:sp>
        <p:nvSpPr>
          <p:cNvPr id="12" name="Textfeld 25"/>
          <p:cNvSpPr txBox="1"/>
          <p:nvPr/>
        </p:nvSpPr>
        <p:spPr bwMode="gray">
          <a:xfrm>
            <a:off x="507284" y="4761148"/>
            <a:ext cx="3560259" cy="1396344"/>
          </a:xfrm>
          <a:prstGeom prst="rect">
            <a:avLst/>
          </a:prstGeom>
          <a:noFill/>
        </p:spPr>
        <p:txBody>
          <a:bodyPr wrap="square" lIns="36000" rIns="0" rtlCol="0">
            <a:spAutoFit/>
          </a:bodyPr>
          <a:lstStyle/>
          <a:p>
            <a:pPr marL="276225" indent="-276225" eaLnBrk="1" hangingPunct="1">
              <a:lnSpc>
                <a:spcPct val="150000"/>
              </a:lnSpc>
              <a:spcBef>
                <a:spcPts val="200"/>
              </a:spcBef>
              <a:buClr>
                <a:prstClr val="white">
                  <a:lumMod val="50000"/>
                </a:prstClr>
              </a:buClr>
              <a:buFont typeface="Wingdings" panose="05000000000000000000" pitchFamily="2" charset="2"/>
              <a:buChar char="§"/>
            </a:pPr>
            <a:r>
              <a:rPr lang="en-US" sz="1400" dirty="0" smtClean="0">
                <a:solidFill>
                  <a:prstClr val="black"/>
                </a:solidFill>
                <a:ea typeface="ＭＳ Ｐゴシック" pitchFamily="34" charset="-128"/>
              </a:rPr>
              <a:t>Mainly Secondary Structure</a:t>
            </a:r>
          </a:p>
          <a:p>
            <a:pPr marL="276225" indent="-276225" eaLnBrk="1" hangingPunct="1">
              <a:lnSpc>
                <a:spcPct val="150000"/>
              </a:lnSpc>
              <a:spcBef>
                <a:spcPts val="200"/>
              </a:spcBef>
              <a:buClr>
                <a:prstClr val="white">
                  <a:lumMod val="50000"/>
                </a:prstClr>
              </a:buClr>
              <a:buFont typeface="Wingdings" panose="05000000000000000000" pitchFamily="2" charset="2"/>
              <a:buChar char="§"/>
            </a:pPr>
            <a:r>
              <a:rPr lang="en-US" sz="1400" dirty="0" smtClean="0">
                <a:solidFill>
                  <a:prstClr val="black"/>
                </a:solidFill>
                <a:ea typeface="ＭＳ Ｐゴシック" pitchFamily="34" charset="-128"/>
              </a:rPr>
              <a:t>Fairings, Flight Control Surfaces &amp; Interior</a:t>
            </a:r>
          </a:p>
          <a:p>
            <a:pPr marL="276225" indent="-276225" eaLnBrk="1" hangingPunct="1">
              <a:lnSpc>
                <a:spcPct val="150000"/>
              </a:lnSpc>
              <a:spcBef>
                <a:spcPts val="200"/>
              </a:spcBef>
              <a:buClr>
                <a:prstClr val="white">
                  <a:lumMod val="50000"/>
                </a:prstClr>
              </a:buClr>
              <a:buFont typeface="Wingdings" panose="05000000000000000000" pitchFamily="2" charset="2"/>
              <a:buChar char="§"/>
            </a:pPr>
            <a:r>
              <a:rPr lang="en-US" sz="1400" dirty="0" smtClean="0">
                <a:solidFill>
                  <a:prstClr val="black"/>
                </a:solidFill>
                <a:ea typeface="ＭＳ Ｐゴシック" pitchFamily="34" charset="-128"/>
              </a:rPr>
              <a:t>Limited application on primary structure</a:t>
            </a:r>
            <a:endParaRPr lang="en-US" sz="1400" b="1" dirty="0" smtClean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13" name="Textfeld 25"/>
          <p:cNvSpPr txBox="1"/>
          <p:nvPr/>
        </p:nvSpPr>
        <p:spPr bwMode="gray">
          <a:xfrm>
            <a:off x="5040052" y="4761148"/>
            <a:ext cx="3535624" cy="1759456"/>
          </a:xfrm>
          <a:prstGeom prst="rect">
            <a:avLst/>
          </a:prstGeom>
          <a:noFill/>
        </p:spPr>
        <p:txBody>
          <a:bodyPr wrap="square" lIns="36000" rIns="0" rtlCol="0">
            <a:spAutoFit/>
          </a:bodyPr>
          <a:lstStyle/>
          <a:p>
            <a:pPr marL="276225" indent="-276225" eaLnBrk="1" hangingPunct="1">
              <a:lnSpc>
                <a:spcPct val="150000"/>
              </a:lnSpc>
              <a:spcBef>
                <a:spcPts val="200"/>
              </a:spcBef>
              <a:buClr>
                <a:prstClr val="white">
                  <a:lumMod val="50000"/>
                </a:prstClr>
              </a:buClr>
              <a:buFont typeface="Wingdings" panose="05000000000000000000" pitchFamily="2" charset="2"/>
              <a:buChar char="§"/>
            </a:pPr>
            <a:r>
              <a:rPr lang="en-US" sz="1400" dirty="0" smtClean="0">
                <a:solidFill>
                  <a:prstClr val="black"/>
                </a:solidFill>
                <a:ea typeface="ＭＳ Ｐゴシック" pitchFamily="34" charset="-128"/>
              </a:rPr>
              <a:t>Primary structures made of composite</a:t>
            </a:r>
          </a:p>
          <a:p>
            <a:pPr marL="276225" indent="-276225" eaLnBrk="1" hangingPunct="1">
              <a:lnSpc>
                <a:spcPct val="150000"/>
              </a:lnSpc>
              <a:spcBef>
                <a:spcPts val="200"/>
              </a:spcBef>
              <a:buClr>
                <a:prstClr val="white">
                  <a:lumMod val="50000"/>
                </a:prstClr>
              </a:buClr>
              <a:buFont typeface="Wingdings" panose="05000000000000000000" pitchFamily="2" charset="2"/>
              <a:buChar char="§"/>
            </a:pPr>
            <a:r>
              <a:rPr lang="en-US" sz="1400" dirty="0" smtClean="0">
                <a:solidFill>
                  <a:prstClr val="black"/>
                </a:solidFill>
                <a:ea typeface="ＭＳ Ｐゴシック" pitchFamily="34" charset="-128"/>
              </a:rPr>
              <a:t>Technology step up mainly driven by automated composite production</a:t>
            </a:r>
            <a:endParaRPr lang="en-US" sz="1400" dirty="0">
              <a:solidFill>
                <a:prstClr val="black"/>
              </a:solidFill>
              <a:ea typeface="ＭＳ Ｐゴシック" pitchFamily="34" charset="-128"/>
            </a:endParaRPr>
          </a:p>
          <a:p>
            <a:pPr marL="276225" indent="-276225" eaLnBrk="1" hangingPunct="1">
              <a:lnSpc>
                <a:spcPct val="150000"/>
              </a:lnSpc>
              <a:spcBef>
                <a:spcPts val="200"/>
              </a:spcBef>
              <a:buClr>
                <a:prstClr val="white">
                  <a:lumMod val="50000"/>
                </a:prstClr>
              </a:buClr>
              <a:buFont typeface="Wingdings" panose="05000000000000000000" pitchFamily="2" charset="2"/>
              <a:buChar char="§"/>
            </a:pPr>
            <a:r>
              <a:rPr lang="en-US" sz="1400" dirty="0" smtClean="0">
                <a:solidFill>
                  <a:prstClr val="black"/>
                </a:solidFill>
                <a:ea typeface="ＭＳ Ｐゴシック" pitchFamily="34" charset="-128"/>
              </a:rPr>
              <a:t>Material &amp; Process not significantly changed</a:t>
            </a:r>
          </a:p>
        </p:txBody>
      </p:sp>
      <p:sp>
        <p:nvSpPr>
          <p:cNvPr id="14" name="Textplatzhalter 2"/>
          <p:cNvSpPr txBox="1">
            <a:spLocks/>
          </p:cNvSpPr>
          <p:nvPr/>
        </p:nvSpPr>
        <p:spPr>
          <a:xfrm>
            <a:off x="346074" y="1140244"/>
            <a:ext cx="8229600" cy="643036"/>
          </a:xfrm>
          <a:prstGeom prst="rect">
            <a:avLst/>
          </a:prstGeom>
        </p:spPr>
        <p:txBody>
          <a:bodyPr/>
          <a:lstStyle>
            <a:defPPr>
              <a:defRPr lang="de-DE"/>
            </a:defPPr>
            <a:lvl1pPr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pPr eaLnBrk="1" hangingPunct="1"/>
            <a:r>
              <a:rPr lang="en-US" sz="2000" dirty="0" smtClean="0">
                <a:solidFill>
                  <a:prstClr val="white">
                    <a:lumMod val="50000"/>
                  </a:prstClr>
                </a:solidFill>
              </a:rPr>
              <a:t>A swift change in composite application helps to improve aircraft efficiency. Composite demand is growing faster then passenger growth.</a:t>
            </a:r>
            <a:endParaRPr lang="en-US" sz="2000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Isosceles Triangle 114"/>
          <p:cNvSpPr/>
          <p:nvPr/>
        </p:nvSpPr>
        <p:spPr bwMode="gray">
          <a:xfrm rot="5400000">
            <a:off x="4000986" y="3277423"/>
            <a:ext cx="1380595" cy="428820"/>
          </a:xfrm>
          <a:prstGeom prst="triangle">
            <a:avLst/>
          </a:prstGeom>
          <a:solidFill>
            <a:srgbClr val="38818B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US" sz="1000" dirty="0">
              <a:solidFill>
                <a:prstClr val="white"/>
              </a:solidFill>
            </a:endParaRPr>
          </a:p>
        </p:txBody>
      </p:sp>
      <p:cxnSp>
        <p:nvCxnSpPr>
          <p:cNvPr id="16" name="Gerader Verbinder 15"/>
          <p:cNvCxnSpPr/>
          <p:nvPr/>
        </p:nvCxnSpPr>
        <p:spPr>
          <a:xfrm>
            <a:off x="467544" y="2312876"/>
            <a:ext cx="3600000" cy="0"/>
          </a:xfrm>
          <a:prstGeom prst="line">
            <a:avLst/>
          </a:prstGeom>
          <a:ln w="12700"/>
          <a:effectLst/>
        </p:spPr>
        <p:style>
          <a:lnRef idx="2">
            <a:schemeClr val="dk1"/>
          </a:lnRef>
          <a:fillRef idx="0">
            <a:schemeClr val="dk1"/>
          </a:fillRef>
          <a:effectRef idx="1">
            <a:schemeClr val="dk1"/>
          </a:effectRef>
          <a:fontRef idx="minor">
            <a:schemeClr val="tx1"/>
          </a:fontRef>
        </p:style>
      </p:cxnSp>
      <p:cxnSp>
        <p:nvCxnSpPr>
          <p:cNvPr id="17" name="Gerader Verbinder 16"/>
          <p:cNvCxnSpPr/>
          <p:nvPr/>
        </p:nvCxnSpPr>
        <p:spPr>
          <a:xfrm>
            <a:off x="5035908" y="2312876"/>
            <a:ext cx="3600000" cy="0"/>
          </a:xfrm>
          <a:prstGeom prst="line">
            <a:avLst/>
          </a:prstGeom>
          <a:ln w="12700"/>
          <a:effectLst/>
        </p:spPr>
        <p:style>
          <a:lnRef idx="2">
            <a:schemeClr val="dk1"/>
          </a:lnRef>
          <a:fillRef idx="0">
            <a:schemeClr val="dk1"/>
          </a:fillRef>
          <a:effectRef idx="1">
            <a:schemeClr val="dk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03143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346074" y="496888"/>
            <a:ext cx="8474397" cy="820737"/>
          </a:xfrm>
        </p:spPr>
        <p:txBody>
          <a:bodyPr/>
          <a:lstStyle/>
          <a:p>
            <a:r>
              <a:rPr lang="en-US" sz="3600" dirty="0" smtClean="0"/>
              <a:t>Growing composite demand in airplanes</a:t>
            </a:r>
            <a:endParaRPr lang="en-US" sz="3600" dirty="0"/>
          </a:p>
        </p:txBody>
      </p:sp>
      <p:graphicFrame>
        <p:nvGraphicFramePr>
          <p:cNvPr id="8" name="Diagramm 7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419013974"/>
              </p:ext>
            </p:extLst>
          </p:nvPr>
        </p:nvGraphicFramePr>
        <p:xfrm>
          <a:off x="2512542" y="2688512"/>
          <a:ext cx="5984637" cy="398084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pic>
        <p:nvPicPr>
          <p:cNvPr id="10" name="Grafik 9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060631" y="4669648"/>
            <a:ext cx="1386413" cy="433255"/>
          </a:xfrm>
          <a:prstGeom prst="rect">
            <a:avLst/>
          </a:prstGeom>
        </p:spPr>
      </p:pic>
      <p:pic>
        <p:nvPicPr>
          <p:cNvPr id="12" name="Grafik 11"/>
          <p:cNvPicPr>
            <a:picLocks noChangeAspect="1"/>
          </p:cNvPicPr>
          <p:nvPr/>
        </p:nvPicPr>
        <p:blipFill rotWithShape="1">
          <a:blip r:embed="rId4" cstate="email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284850" y="3660847"/>
            <a:ext cx="2451262" cy="796440"/>
          </a:xfrm>
          <a:prstGeom prst="rect">
            <a:avLst/>
          </a:prstGeom>
        </p:spPr>
      </p:pic>
      <p:pic>
        <p:nvPicPr>
          <p:cNvPr id="13" name="Grafik 12"/>
          <p:cNvPicPr>
            <a:picLocks noChangeAspect="1"/>
          </p:cNvPicPr>
          <p:nvPr/>
        </p:nvPicPr>
        <p:blipFill rotWithShape="1">
          <a:blip r:embed="rId5" cstate="email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269139" y="1486753"/>
            <a:ext cx="2659345" cy="769953"/>
          </a:xfrm>
          <a:prstGeom prst="rect">
            <a:avLst/>
          </a:prstGeom>
        </p:spPr>
      </p:pic>
      <p:pic>
        <p:nvPicPr>
          <p:cNvPr id="14" name="Grafik 13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66571" y="2258760"/>
            <a:ext cx="2650493" cy="911107"/>
          </a:xfrm>
          <a:prstGeom prst="rect">
            <a:avLst/>
          </a:prstGeom>
        </p:spPr>
      </p:pic>
      <p:sp>
        <p:nvSpPr>
          <p:cNvPr id="15" name="Textfeld 14"/>
          <p:cNvSpPr txBox="1"/>
          <p:nvPr/>
        </p:nvSpPr>
        <p:spPr>
          <a:xfrm>
            <a:off x="388306" y="1920892"/>
            <a:ext cx="4867770" cy="30469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 eaLnBrk="1" hangingPunct="1">
              <a:lnSpc>
                <a:spcPct val="150000"/>
              </a:lnSpc>
              <a:buFont typeface="Wingdings" panose="05000000000000000000" pitchFamily="2" charset="2"/>
              <a:buChar char="§"/>
            </a:pPr>
            <a:r>
              <a:rPr lang="en-US" sz="1600" dirty="0" smtClean="0">
                <a:solidFill>
                  <a:prstClr val="black"/>
                </a:solidFill>
                <a:ea typeface="ＭＳ Ｐゴシック" pitchFamily="34" charset="-128"/>
              </a:rPr>
              <a:t>From a 3% composite content on a 1970’s built B737’s to more than 50% composite content on last technology airplanes like A350 or B787</a:t>
            </a:r>
          </a:p>
          <a:p>
            <a:pPr marL="285750" indent="-285750" eaLnBrk="1" hangingPunct="1">
              <a:lnSpc>
                <a:spcPct val="150000"/>
              </a:lnSpc>
              <a:buFont typeface="Wingdings" panose="05000000000000000000" pitchFamily="2" charset="2"/>
              <a:buChar char="§"/>
            </a:pPr>
            <a:endParaRPr lang="en-US" sz="1600" dirty="0" smtClean="0">
              <a:solidFill>
                <a:prstClr val="black"/>
              </a:solidFill>
              <a:ea typeface="ＭＳ Ｐゴシック" pitchFamily="34" charset="-128"/>
            </a:endParaRPr>
          </a:p>
          <a:p>
            <a:pPr marL="285750" indent="-285750" eaLnBrk="1" hangingPunct="1">
              <a:lnSpc>
                <a:spcPct val="150000"/>
              </a:lnSpc>
              <a:buFont typeface="Wingdings" panose="05000000000000000000" pitchFamily="2" charset="2"/>
              <a:buChar char="§"/>
            </a:pPr>
            <a:r>
              <a:rPr lang="en-US" sz="1600" dirty="0" smtClean="0">
                <a:solidFill>
                  <a:prstClr val="black"/>
                </a:solidFill>
                <a:ea typeface="ＭＳ Ｐゴシック" pitchFamily="34" charset="-128"/>
              </a:rPr>
              <a:t>The A350 &amp; B787 are step changing the Industry</a:t>
            </a:r>
          </a:p>
          <a:p>
            <a:pPr marL="285750" indent="-285750" eaLnBrk="1" hangingPunct="1">
              <a:lnSpc>
                <a:spcPct val="150000"/>
              </a:lnSpc>
              <a:buFont typeface="Wingdings" panose="05000000000000000000" pitchFamily="2" charset="2"/>
              <a:buChar char="§"/>
            </a:pPr>
            <a:r>
              <a:rPr lang="en-US" sz="1600" dirty="0" smtClean="0">
                <a:solidFill>
                  <a:prstClr val="black"/>
                </a:solidFill>
                <a:ea typeface="ＭＳ Ｐゴシック" pitchFamily="34" charset="-128"/>
              </a:rPr>
              <a:t>High degree of automated production</a:t>
            </a:r>
          </a:p>
          <a:p>
            <a:pPr marL="285750" indent="-285750" eaLnBrk="1" hangingPunct="1">
              <a:lnSpc>
                <a:spcPct val="150000"/>
              </a:lnSpc>
              <a:buFont typeface="Wingdings" panose="05000000000000000000" pitchFamily="2" charset="2"/>
              <a:buChar char="§"/>
            </a:pPr>
            <a:r>
              <a:rPr lang="en-US" sz="1600" dirty="0" smtClean="0">
                <a:solidFill>
                  <a:prstClr val="black"/>
                </a:solidFill>
                <a:ea typeface="ＭＳ Ｐゴシック" pitchFamily="34" charset="-128"/>
              </a:rPr>
              <a:t>Significant content of primary structure made out of composite</a:t>
            </a:r>
          </a:p>
        </p:txBody>
      </p:sp>
      <p:sp>
        <p:nvSpPr>
          <p:cNvPr id="20" name="Textplatzhalter 2"/>
          <p:cNvSpPr txBox="1">
            <a:spLocks/>
          </p:cNvSpPr>
          <p:nvPr/>
        </p:nvSpPr>
        <p:spPr>
          <a:xfrm>
            <a:off x="346075" y="1124744"/>
            <a:ext cx="8229600" cy="643036"/>
          </a:xfrm>
          <a:prstGeom prst="rect">
            <a:avLst/>
          </a:prstGeom>
        </p:spPr>
        <p:txBody>
          <a:bodyPr/>
          <a:lstStyle>
            <a:defPPr>
              <a:defRPr lang="de-DE"/>
            </a:defPPr>
            <a:lvl1pPr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pPr eaLnBrk="1" hangingPunct="1"/>
            <a:r>
              <a:rPr lang="en-US" sz="2000" dirty="0" smtClean="0">
                <a:solidFill>
                  <a:prstClr val="white">
                    <a:lumMod val="50000"/>
                  </a:prstClr>
                </a:solidFill>
              </a:rPr>
              <a:t>Changes in air travel and airline demands triggers development of more efficient products</a:t>
            </a:r>
            <a:endParaRPr lang="en-US" sz="2000" dirty="0">
              <a:solidFill>
                <a:prstClr val="white">
                  <a:lumMod val="50000"/>
                </a:prstClr>
              </a:solidFill>
            </a:endParaRPr>
          </a:p>
        </p:txBody>
      </p:sp>
      <p:pic>
        <p:nvPicPr>
          <p:cNvPr id="2050" name="Picture 2" descr="Bildergebnis für b737-100"/>
          <p:cNvPicPr>
            <a:picLocks noChangeAspect="1" noChangeArrowheads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 flipH="1">
            <a:off x="2663788" y="5373216"/>
            <a:ext cx="1542267" cy="5705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8740992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6"/>
          <p:cNvSpPr>
            <a:spLocks noGrp="1"/>
          </p:cNvSpPr>
          <p:nvPr>
            <p:ph type="body" sz="quarter" idx="11"/>
          </p:nvPr>
        </p:nvSpPr>
        <p:spPr bwMode="auto">
          <a:xfrm>
            <a:off x="346075" y="1681635"/>
            <a:ext cx="6994525" cy="5045352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176213" indent="-176213" eaLnBrk="1" hangingPunct="1">
              <a:buFont typeface="Arial" panose="020B0604020202020204" pitchFamily="34" charset="0"/>
              <a:buChar char="•"/>
            </a:pP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Significant </a:t>
            </a:r>
            <a:r>
              <a:rPr lang="en-US" dirty="0">
                <a:latin typeface="Arial" charset="0"/>
                <a:ea typeface="ＭＳ Ｐゴシック" pitchFamily="-65" charset="-128"/>
                <a:cs typeface="Arial" charset="0"/>
              </a:rPr>
              <a:t>fleet </a:t>
            </a: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growth until 2035</a:t>
            </a:r>
            <a:endParaRPr lang="en-US" dirty="0">
              <a:latin typeface="Arial" charset="0"/>
              <a:ea typeface="ＭＳ Ｐゴシック" pitchFamily="-65" charset="-128"/>
              <a:cs typeface="Arial" charset="0"/>
            </a:endParaRPr>
          </a:p>
          <a:p>
            <a:pPr marL="176213" indent="-176213" eaLnBrk="1" hangingPunct="1">
              <a:buFont typeface="Arial" panose="020B0604020202020204" pitchFamily="34" charset="0"/>
              <a:buChar char="•"/>
            </a:pP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Steadily increasing </a:t>
            </a:r>
            <a:r>
              <a:rPr lang="en-US" dirty="0">
                <a:latin typeface="Arial" charset="0"/>
                <a:ea typeface="ＭＳ Ｐゴシック" pitchFamily="-65" charset="-128"/>
                <a:cs typeface="Arial" charset="0"/>
              </a:rPr>
              <a:t>composite material </a:t>
            </a: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share on </a:t>
            </a:r>
            <a:r>
              <a:rPr lang="en-US" dirty="0">
                <a:latin typeface="Arial" charset="0"/>
                <a:ea typeface="ＭＳ Ｐゴシック" pitchFamily="-65" charset="-128"/>
                <a:cs typeface="Arial" charset="0"/>
              </a:rPr>
              <a:t>new </a:t>
            </a: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aircrafts requires different approach to aircraft maintenance and overhaul</a:t>
            </a:r>
          </a:p>
          <a:p>
            <a:pPr marL="176213" indent="-176213" eaLnBrk="1" hangingPunct="1">
              <a:buFont typeface="Arial" panose="020B0604020202020204" pitchFamily="34" charset="0"/>
              <a:buChar char="•"/>
            </a:pP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  <a:sym typeface="Wingdings" panose="05000000000000000000" pitchFamily="2" charset="2"/>
              </a:rPr>
              <a:t>High demand on cost-efficient </a:t>
            </a:r>
            <a:r>
              <a:rPr lang="en-US" b="1" dirty="0" smtClean="0">
                <a:latin typeface="Arial" charset="0"/>
                <a:ea typeface="ＭＳ Ｐゴシック" pitchFamily="-65" charset="-128"/>
                <a:cs typeface="Arial" charset="0"/>
                <a:sym typeface="Wingdings" panose="05000000000000000000" pitchFamily="2" charset="2"/>
              </a:rPr>
              <a:t>repair designs</a:t>
            </a: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  <a:sym typeface="Wingdings" panose="05000000000000000000" pitchFamily="2" charset="2"/>
              </a:rPr>
              <a:t>, </a:t>
            </a:r>
            <a:r>
              <a:rPr lang="en-US" b="1" dirty="0" smtClean="0">
                <a:latin typeface="Arial" charset="0"/>
                <a:ea typeface="ＭＳ Ｐゴシック" pitchFamily="-65" charset="-128"/>
                <a:cs typeface="Arial" charset="0"/>
                <a:sym typeface="Wingdings" panose="05000000000000000000" pitchFamily="2" charset="2"/>
              </a:rPr>
              <a:t>cabin upgrades,</a:t>
            </a: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  <a:sym typeface="Wingdings" panose="05000000000000000000" pitchFamily="2" charset="2"/>
              </a:rPr>
              <a:t/>
            </a:r>
            <a:br>
              <a:rPr lang="en-US" dirty="0" smtClean="0">
                <a:latin typeface="Arial" charset="0"/>
                <a:ea typeface="ＭＳ Ｐゴシック" pitchFamily="-65" charset="-128"/>
                <a:cs typeface="Arial" charset="0"/>
                <a:sym typeface="Wingdings" panose="05000000000000000000" pitchFamily="2" charset="2"/>
              </a:rPr>
            </a:br>
            <a:r>
              <a:rPr lang="en-US" b="1" dirty="0">
                <a:latin typeface="Arial" charset="0"/>
                <a:ea typeface="ＭＳ Ｐゴシック" pitchFamily="-65" charset="-128"/>
                <a:cs typeface="Arial" charset="0"/>
                <a:sym typeface="Wingdings" panose="05000000000000000000" pitchFamily="2" charset="2"/>
              </a:rPr>
              <a:t>refurbishments</a:t>
            </a:r>
            <a:r>
              <a:rPr lang="en-US" dirty="0">
                <a:latin typeface="Arial" charset="0"/>
                <a:ea typeface="ＭＳ Ｐゴシック" pitchFamily="-65" charset="-128"/>
                <a:cs typeface="Arial" charset="0"/>
                <a:sym typeface="Wingdings" panose="05000000000000000000" pitchFamily="2" charset="2"/>
              </a:rPr>
              <a:t> </a:t>
            </a: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  <a:sym typeface="Wingdings" panose="05000000000000000000" pitchFamily="2" charset="2"/>
              </a:rPr>
              <a:t>and </a:t>
            </a:r>
            <a:r>
              <a:rPr lang="en-US" b="1" dirty="0" smtClean="0">
                <a:latin typeface="Arial" charset="0"/>
                <a:ea typeface="ＭＳ Ｐゴシック" pitchFamily="-65" charset="-128"/>
                <a:cs typeface="Arial" charset="0"/>
                <a:sym typeface="Wingdings" panose="05000000000000000000" pitchFamily="2" charset="2"/>
              </a:rPr>
              <a:t>conversions </a:t>
            </a: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  <a:sym typeface="Wingdings" panose="05000000000000000000" pitchFamily="2" charset="2"/>
              </a:rPr>
              <a:t>requested from Airlines</a:t>
            </a:r>
          </a:p>
          <a:p>
            <a:pPr marL="176213" indent="-176213" eaLnBrk="1" hangingPunct="1">
              <a:buFont typeface="Arial" panose="020B0604020202020204" pitchFamily="34" charset="0"/>
              <a:buChar char="•"/>
            </a:pPr>
            <a:r>
              <a:rPr lang="en-US" dirty="0">
                <a:latin typeface="Arial" charset="0"/>
                <a:ea typeface="ＭＳ Ｐゴシック" pitchFamily="-65" charset="-128"/>
                <a:cs typeface="Arial" charset="0"/>
              </a:rPr>
              <a:t>FACC </a:t>
            </a: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benefits rom its original part  manufacturing know how can offer faster turn around time with quality and performance.</a:t>
            </a:r>
            <a:endParaRPr lang="en-US" sz="2000" dirty="0">
              <a:latin typeface="Arial" charset="0"/>
              <a:ea typeface="ＭＳ Ｐゴシック" pitchFamily="-65" charset="-128"/>
              <a:cs typeface="Arial" charset="0"/>
            </a:endParaRPr>
          </a:p>
        </p:txBody>
      </p:sp>
      <p:sp>
        <p:nvSpPr>
          <p:cNvPr id="7" name="Titel 4"/>
          <p:cNvSpPr txBox="1">
            <a:spLocks/>
          </p:cNvSpPr>
          <p:nvPr/>
        </p:nvSpPr>
        <p:spPr bwMode="auto">
          <a:xfrm>
            <a:off x="346075" y="542327"/>
            <a:ext cx="7153336" cy="49284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4500" kern="1200">
                <a:solidFill>
                  <a:srgbClr val="895B5D"/>
                </a:solidFill>
                <a:latin typeface="Arial"/>
                <a:ea typeface="ＭＳ Ｐゴシック" pitchFamily="-1" charset="-128"/>
                <a:cs typeface="Arial"/>
              </a:defRPr>
            </a:lvl1pPr>
            <a:lvl2pPr algn="ctr" defTabSz="457200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2pPr>
            <a:lvl3pPr algn="ctr" defTabSz="457200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3pPr>
            <a:lvl4pPr algn="ctr" defTabSz="457200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4pPr>
            <a:lvl5pPr algn="ctr" defTabSz="457200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5pPr>
            <a:lvl6pPr marL="457200" algn="ctr" defTabSz="457200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6pPr>
            <a:lvl7pPr marL="914400" algn="ctr" defTabSz="457200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7pPr>
            <a:lvl8pPr marL="1371600" algn="ctr" defTabSz="457200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8pPr>
            <a:lvl9pPr marL="1828800" algn="ctr" defTabSz="457200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9pPr>
          </a:lstStyle>
          <a:p>
            <a:pPr eaLnBrk="1" hangingPunct="1"/>
            <a:r>
              <a:rPr lang="en-US" sz="3600" dirty="0" smtClean="0">
                <a:latin typeface="Arial" charset="0"/>
                <a:ea typeface="ＭＳ Ｐゴシック" pitchFamily="-65" charset="-128"/>
                <a:cs typeface="Arial" charset="0"/>
              </a:rPr>
              <a:t>MRO business &amp; design services </a:t>
            </a:r>
          </a:p>
        </p:txBody>
      </p:sp>
      <p:sp>
        <p:nvSpPr>
          <p:cNvPr id="9" name="Textfeld 8"/>
          <p:cNvSpPr txBox="1"/>
          <p:nvPr/>
        </p:nvSpPr>
        <p:spPr>
          <a:xfrm>
            <a:off x="276238" y="4109856"/>
            <a:ext cx="6122458" cy="338554"/>
          </a:xfrm>
          <a:prstGeom prst="rect">
            <a:avLst/>
          </a:prstGeom>
          <a:solidFill>
            <a:srgbClr val="C8C8C8"/>
          </a:solidFill>
        </p:spPr>
        <p:txBody>
          <a:bodyPr wrap="square" rtlCol="0">
            <a:spAutoFit/>
          </a:bodyPr>
          <a:lstStyle/>
          <a:p>
            <a:pPr eaLnBrk="1" hangingPunct="1"/>
            <a:r>
              <a:rPr lang="de-DE" sz="1600" b="1" dirty="0" smtClean="0">
                <a:ea typeface="ＭＳ Ｐゴシック" pitchFamily="34" charset="-128"/>
              </a:rPr>
              <a:t>FACC CURRENT PROJECTS</a:t>
            </a:r>
            <a:endParaRPr lang="de-DE" sz="1600" b="1" dirty="0">
              <a:ea typeface="ＭＳ Ｐゴシック" pitchFamily="34" charset="-128"/>
            </a:endParaRPr>
          </a:p>
        </p:txBody>
      </p:sp>
      <p:sp>
        <p:nvSpPr>
          <p:cNvPr id="10" name="Textplatzhalter 6"/>
          <p:cNvSpPr>
            <a:spLocks noGrp="1"/>
          </p:cNvSpPr>
          <p:nvPr>
            <p:ph type="body" sz="quarter" idx="11"/>
          </p:nvPr>
        </p:nvSpPr>
        <p:spPr bwMode="auto">
          <a:xfrm>
            <a:off x="346075" y="4584910"/>
            <a:ext cx="6393625" cy="1961972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285750" indent="-285750" eaLnBrk="1" hangingPunct="1">
              <a:buFont typeface="Arial" panose="020B0604020202020204" pitchFamily="34" charset="0"/>
              <a:buChar char="•"/>
            </a:pP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             A320 Cabin Retrofit for 110 Aircraft</a:t>
            </a:r>
            <a:endParaRPr lang="en-US" dirty="0">
              <a:latin typeface="Arial" charset="0"/>
              <a:ea typeface="ＭＳ Ｐゴシック" pitchFamily="-65" charset="-128"/>
              <a:cs typeface="Arial" charset="0"/>
            </a:endParaRPr>
          </a:p>
          <a:p>
            <a:pPr marL="285750" indent="-285750" eaLnBrk="1" hangingPunct="1">
              <a:buFont typeface="Arial" panose="020B0604020202020204" pitchFamily="34" charset="0"/>
              <a:buChar char="•"/>
            </a:pP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                                  A330 Cabin Conversion &amp; Winglet</a:t>
            </a:r>
          </a:p>
          <a:p>
            <a:pPr marL="285750" indent="-285750" eaLnBrk="1" hangingPunct="1">
              <a:buFont typeface="Arial" panose="020B0604020202020204" pitchFamily="34" charset="0"/>
              <a:buChar char="•"/>
            </a:pPr>
            <a:r>
              <a:rPr lang="en-US" dirty="0">
                <a:latin typeface="Arial" charset="0"/>
                <a:ea typeface="ＭＳ Ｐゴシック" pitchFamily="-65" charset="-128"/>
                <a:cs typeface="Arial" charset="0"/>
              </a:rPr>
              <a:t>A320 Classic Cabin </a:t>
            </a: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with </a:t>
            </a:r>
            <a:r>
              <a:rPr lang="en-US" dirty="0">
                <a:latin typeface="Arial" charset="0"/>
                <a:ea typeface="ＭＳ Ｐゴシック" pitchFamily="-65" charset="-128"/>
                <a:cs typeface="Arial" charset="0"/>
              </a:rPr>
              <a:t>Bigger Doors </a:t>
            </a: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– 2.000 AC market</a:t>
            </a:r>
          </a:p>
          <a:p>
            <a:pPr marL="285750" indent="-285750" eaLnBrk="1" hangingPunct="1">
              <a:buFont typeface="Arial" panose="020B0604020202020204" pitchFamily="34" charset="0"/>
              <a:buChar char="•"/>
            </a:pP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Retrofit campaigns with OEMs and operators</a:t>
            </a:r>
          </a:p>
          <a:p>
            <a:pPr marL="285750" indent="-285750" eaLnBrk="1" hangingPunct="1">
              <a:buFont typeface="Arial" panose="020B0604020202020204" pitchFamily="34" charset="0"/>
              <a:buChar char="•"/>
            </a:pPr>
            <a:r>
              <a:rPr lang="en-US" dirty="0" smtClean="0">
                <a:latin typeface="Arial" charset="0"/>
                <a:ea typeface="ＭＳ Ｐゴシック" pitchFamily="-65" charset="-128"/>
                <a:cs typeface="Arial" charset="0"/>
              </a:rPr>
              <a:t>Test witnessing on various projects</a:t>
            </a:r>
            <a:endParaRPr lang="en-US" sz="2000" dirty="0">
              <a:latin typeface="Arial" charset="0"/>
              <a:ea typeface="ＭＳ Ｐゴシック" pitchFamily="-65" charset="-128"/>
              <a:cs typeface="Arial" charset="0"/>
            </a:endParaRPr>
          </a:p>
        </p:txBody>
      </p:sp>
      <p:pic>
        <p:nvPicPr>
          <p:cNvPr id="11" name="Grafik 10"/>
          <p:cNvPicPr>
            <a:picLocks noChangeAspect="1"/>
          </p:cNvPicPr>
          <p:nvPr/>
        </p:nvPicPr>
        <p:blipFill>
          <a:blip r:embed="rId2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763947" y="4650464"/>
            <a:ext cx="643239" cy="222038"/>
          </a:xfrm>
          <a:prstGeom prst="rect">
            <a:avLst/>
          </a:prstGeom>
        </p:spPr>
      </p:pic>
      <p:pic>
        <p:nvPicPr>
          <p:cNvPr id="12" name="Grafik 11"/>
          <p:cNvPicPr>
            <a:picLocks noChangeAspect="1"/>
          </p:cNvPicPr>
          <p:nvPr/>
        </p:nvPicPr>
        <p:blipFill rotWithShape="1">
          <a:blip r:embed="rId3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l="7230" t="40437" b="39344"/>
          <a:stretch/>
        </p:blipFill>
        <p:spPr>
          <a:xfrm>
            <a:off x="763947" y="4999654"/>
            <a:ext cx="1805228" cy="221538"/>
          </a:xfrm>
          <a:prstGeom prst="rect">
            <a:avLst/>
          </a:prstGeom>
        </p:spPr>
      </p:pic>
      <p:pic>
        <p:nvPicPr>
          <p:cNvPr id="14" name="Grafik 13"/>
          <p:cNvPicPr>
            <a:picLocks noChangeAspect="1"/>
          </p:cNvPicPr>
          <p:nvPr/>
        </p:nvPicPr>
        <p:blipFill>
          <a:blip r:embed="rId4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7258017" y="1967758"/>
            <a:ext cx="1704399" cy="1519009"/>
          </a:xfrm>
          <a:prstGeom prst="snipRoundRect">
            <a:avLst>
              <a:gd name="adj1" fmla="val 16667"/>
              <a:gd name="adj2" fmla="val 12450"/>
            </a:avLst>
          </a:prstGeom>
        </p:spPr>
      </p:pic>
      <p:sp>
        <p:nvSpPr>
          <p:cNvPr id="17" name="Textplatzhalter 2"/>
          <p:cNvSpPr txBox="1">
            <a:spLocks/>
          </p:cNvSpPr>
          <p:nvPr/>
        </p:nvSpPr>
        <p:spPr>
          <a:xfrm>
            <a:off x="346075" y="1122520"/>
            <a:ext cx="8229600" cy="643036"/>
          </a:xfrm>
          <a:prstGeom prst="rect">
            <a:avLst/>
          </a:prstGeom>
        </p:spPr>
        <p:txBody>
          <a:bodyPr/>
          <a:lstStyle>
            <a:defPPr>
              <a:defRPr lang="de-DE"/>
            </a:defPPr>
            <a:lvl1pPr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pPr eaLnBrk="1" hangingPunct="1"/>
            <a:r>
              <a:rPr lang="en-US" sz="2000" dirty="0" smtClean="0">
                <a:solidFill>
                  <a:prstClr val="white">
                    <a:lumMod val="50000"/>
                  </a:prstClr>
                </a:solidFill>
              </a:rPr>
              <a:t>MRO activities to enhance our product &amp; service portfolio</a:t>
            </a:r>
            <a:endParaRPr lang="en-US" sz="2000" dirty="0">
              <a:solidFill>
                <a:prstClr val="white">
                  <a:lumMod val="50000"/>
                </a:prstClr>
              </a:solidFill>
            </a:endParaRPr>
          </a:p>
        </p:txBody>
      </p:sp>
      <p:pic>
        <p:nvPicPr>
          <p:cNvPr id="3" name="Grafik 2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759344" y="4109856"/>
            <a:ext cx="2022328" cy="261713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804071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346075" y="508919"/>
            <a:ext cx="8229600" cy="820737"/>
          </a:xfrm>
        </p:spPr>
        <p:txBody>
          <a:bodyPr/>
          <a:lstStyle/>
          <a:p>
            <a:r>
              <a:rPr lang="de-DE" sz="3600" dirty="0" smtClean="0"/>
              <a:t>FACC Innovation </a:t>
            </a:r>
            <a:r>
              <a:rPr lang="de-DE" sz="3600" dirty="0" err="1" smtClean="0"/>
              <a:t>with</a:t>
            </a:r>
            <a:r>
              <a:rPr lang="de-DE" sz="3600" dirty="0" smtClean="0"/>
              <a:t> 240 Patents</a:t>
            </a:r>
            <a:endParaRPr lang="de-DE" sz="3600" dirty="0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/>
          </p:nvPr>
        </p:nvSpPr>
        <p:spPr>
          <a:xfrm>
            <a:off x="336886" y="2124792"/>
            <a:ext cx="5606716" cy="4414899"/>
          </a:xfrm>
        </p:spPr>
        <p:txBody>
          <a:bodyPr/>
          <a:lstStyle/>
          <a:p>
            <a:r>
              <a:rPr lang="de-DE" sz="1600" b="1" dirty="0" err="1" smtClean="0"/>
              <a:t>Morphing</a:t>
            </a:r>
            <a:r>
              <a:rPr lang="de-DE" sz="1600" b="1" dirty="0" smtClean="0"/>
              <a:t> </a:t>
            </a:r>
            <a:r>
              <a:rPr lang="de-DE" sz="1600" b="1" dirty="0" err="1" smtClean="0"/>
              <a:t>Surfaces</a:t>
            </a:r>
            <a:r>
              <a:rPr lang="de-DE" sz="1600" dirty="0" smtClean="0"/>
              <a:t/>
            </a:r>
            <a:br>
              <a:rPr lang="de-DE" sz="1600" dirty="0" smtClean="0"/>
            </a:br>
            <a:r>
              <a:rPr lang="en-US" sz="1600" dirty="0"/>
              <a:t>FACC </a:t>
            </a:r>
            <a:r>
              <a:rPr lang="en-US" sz="1600" dirty="0" smtClean="0"/>
              <a:t>drives the development of morphing structures technology, parts that are adopting to the mission profile.</a:t>
            </a:r>
          </a:p>
          <a:p>
            <a:r>
              <a:rPr lang="de-DE" sz="1600" b="1" dirty="0" smtClean="0"/>
              <a:t>I 4.0 / </a:t>
            </a:r>
            <a:r>
              <a:rPr lang="de-DE" sz="1600" b="1" dirty="0" err="1" smtClean="0"/>
              <a:t>Thermography</a:t>
            </a:r>
            <a:r>
              <a:rPr lang="de-DE" sz="1600" b="1" dirty="0" smtClean="0"/>
              <a:t> </a:t>
            </a:r>
            <a:r>
              <a:rPr lang="de-DE" sz="1600" b="1" dirty="0" err="1" smtClean="0"/>
              <a:t>Inspection</a:t>
            </a:r>
            <a:r>
              <a:rPr lang="de-DE" sz="1600" b="1" dirty="0" smtClean="0"/>
              <a:t/>
            </a:r>
            <a:br>
              <a:rPr lang="de-DE" sz="1600" b="1" dirty="0" smtClean="0"/>
            </a:br>
            <a:r>
              <a:rPr lang="en-US" sz="1600" dirty="0" smtClean="0"/>
              <a:t>A revolutionary inspection system from FACC. FACC is the only Boeing qualified company “worldwide” for use </a:t>
            </a:r>
            <a:r>
              <a:rPr lang="en-US" sz="1600" dirty="0"/>
              <a:t>of </a:t>
            </a:r>
            <a:r>
              <a:rPr lang="en-US" sz="1600" dirty="0" smtClean="0"/>
              <a:t>thermography </a:t>
            </a:r>
            <a:r>
              <a:rPr lang="en-US" sz="1600" dirty="0"/>
              <a:t>in </a:t>
            </a:r>
            <a:r>
              <a:rPr lang="en-US" sz="1600" dirty="0" smtClean="0"/>
              <a:t>series production.</a:t>
            </a:r>
          </a:p>
          <a:p>
            <a:r>
              <a:rPr lang="de-DE" sz="1600" b="1" dirty="0" smtClean="0"/>
              <a:t>Next </a:t>
            </a:r>
            <a:r>
              <a:rPr lang="de-DE" sz="1600" b="1" dirty="0" err="1" smtClean="0"/>
              <a:t>generation</a:t>
            </a:r>
            <a:r>
              <a:rPr lang="de-DE" sz="1600" b="1" dirty="0" smtClean="0"/>
              <a:t> Composite </a:t>
            </a:r>
            <a:r>
              <a:rPr lang="de-DE" sz="1600" b="1" dirty="0" err="1" smtClean="0"/>
              <a:t>Production</a:t>
            </a:r>
            <a:r>
              <a:rPr lang="de-DE" sz="1600" dirty="0" smtClean="0"/>
              <a:t/>
            </a:r>
            <a:br>
              <a:rPr lang="de-DE" sz="1600" dirty="0" smtClean="0"/>
            </a:br>
            <a:r>
              <a:rPr lang="en-US" sz="1600" dirty="0" smtClean="0"/>
              <a:t>With FACC’s patented membrane-assisted resin infusion (MARI) process, composites can be manufactured 50% faster. On top of that, it helps save 5-10% in weight.</a:t>
            </a:r>
          </a:p>
          <a:p>
            <a:r>
              <a:rPr lang="de-DE" sz="1600" b="1" dirty="0" smtClean="0"/>
              <a:t>Material &amp; </a:t>
            </a:r>
            <a:r>
              <a:rPr lang="de-DE" sz="1600" b="1" dirty="0" err="1" smtClean="0"/>
              <a:t>Process</a:t>
            </a:r>
            <a:r>
              <a:rPr lang="de-DE" sz="1600" b="1" dirty="0" smtClean="0"/>
              <a:t> Engineering</a:t>
            </a:r>
            <a:r>
              <a:rPr lang="de-DE" sz="1600" dirty="0"/>
              <a:t/>
            </a:r>
            <a:br>
              <a:rPr lang="de-DE" sz="1600" dirty="0"/>
            </a:br>
            <a:r>
              <a:rPr lang="en-US" sz="1600" dirty="0" smtClean="0"/>
              <a:t>We are engaged with one OEM to develop composite material and process allowing the economical mass production (&gt;100.000 p.a.) of composites parts. First application is used for a light weight aerospace seats.</a:t>
            </a:r>
            <a:endParaRPr lang="de-DE" sz="1600" dirty="0"/>
          </a:p>
        </p:txBody>
      </p:sp>
      <p:pic>
        <p:nvPicPr>
          <p:cNvPr id="5" name="Grafik 4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979908" y="3826960"/>
            <a:ext cx="2274880" cy="1516587"/>
          </a:xfrm>
          <a:prstGeom prst="rect">
            <a:avLst/>
          </a:prstGeom>
        </p:spPr>
      </p:pic>
      <p:pic>
        <p:nvPicPr>
          <p:cNvPr id="6" name="Grafik 5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8809" r="4750"/>
          <a:stretch/>
        </p:blipFill>
        <p:spPr>
          <a:xfrm>
            <a:off x="5979908" y="2112852"/>
            <a:ext cx="2274880" cy="1510274"/>
          </a:xfrm>
          <a:prstGeom prst="rect">
            <a:avLst/>
          </a:prstGeom>
        </p:spPr>
      </p:pic>
      <p:pic>
        <p:nvPicPr>
          <p:cNvPr id="7" name="Grafik 6"/>
          <p:cNvPicPr>
            <a:picLocks noChangeAspect="1"/>
          </p:cNvPicPr>
          <p:nvPr/>
        </p:nvPicPr>
        <p:blipFill rotWithShape="1">
          <a:blip r:embed="rId4"/>
          <a:srcRect l="3023" t="10082" r="3147" b="2507"/>
          <a:stretch/>
        </p:blipFill>
        <p:spPr>
          <a:xfrm>
            <a:off x="5979908" y="5547381"/>
            <a:ext cx="2301384" cy="1064503"/>
          </a:xfrm>
          <a:prstGeom prst="rect">
            <a:avLst/>
          </a:prstGeom>
        </p:spPr>
      </p:pic>
      <p:sp>
        <p:nvSpPr>
          <p:cNvPr id="8" name="Textplatzhalter 3"/>
          <p:cNvSpPr>
            <a:spLocks noGrp="1"/>
          </p:cNvSpPr>
          <p:nvPr>
            <p:ph type="body" sz="quarter" idx="10"/>
          </p:nvPr>
        </p:nvSpPr>
        <p:spPr bwMode="auto">
          <a:xfrm>
            <a:off x="346075" y="1169902"/>
            <a:ext cx="8545262" cy="47625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indent="0"/>
            <a:r>
              <a:rPr lang="en-US" altLang="de-DE" dirty="0" smtClean="0">
                <a:latin typeface="Arial" panose="020B0604020202020204" pitchFamily="34" charset="0"/>
                <a:cs typeface="Arial" panose="020B0604020202020204" pitchFamily="34" charset="0"/>
              </a:rPr>
              <a:t>… over 350 experienced Aerospace engineers work on innovation. 12 R&amp;D engineers are assigned on next generation technology development. </a:t>
            </a:r>
          </a:p>
        </p:txBody>
      </p:sp>
    </p:spTree>
    <p:extLst>
      <p:ext uri="{BB962C8B-B14F-4D97-AF65-F5344CB8AC3E}">
        <p14:creationId xmlns:p14="http://schemas.microsoft.com/office/powerpoint/2010/main" val="113923418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Bild 8" descr="Balken Headline.jpg"/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28079" y="1396999"/>
            <a:ext cx="8270876" cy="50196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platzhalter 4"/>
          <p:cNvSpPr>
            <a:spLocks noGrp="1"/>
          </p:cNvSpPr>
          <p:nvPr>
            <p:ph type="body" sz="quarter" idx="10"/>
          </p:nvPr>
        </p:nvSpPr>
        <p:spPr bwMode="auto">
          <a:xfrm>
            <a:off x="688975" y="1439303"/>
            <a:ext cx="7855418" cy="4310622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lv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FACC Company Overview</a:t>
            </a:r>
            <a:endParaRPr lang="en-US" dirty="0" smtClean="0">
              <a:solidFill>
                <a:schemeClr val="bg1"/>
              </a:solidFill>
            </a:endParaRPr>
          </a:p>
          <a:p>
            <a:pPr mar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The Aerospace Market</a:t>
            </a:r>
          </a:p>
          <a:p>
            <a:pPr mar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Business Development &amp; Strategy</a:t>
            </a:r>
          </a:p>
          <a:p>
            <a:pPr mar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Financials &amp; Outlook</a:t>
            </a:r>
          </a:p>
        </p:txBody>
      </p:sp>
      <p:sp>
        <p:nvSpPr>
          <p:cNvPr id="2" name="Oval 1"/>
          <p:cNvSpPr/>
          <p:nvPr/>
        </p:nvSpPr>
        <p:spPr>
          <a:xfrm>
            <a:off x="367396" y="1543882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" name="Oval 6"/>
          <p:cNvSpPr/>
          <p:nvPr/>
        </p:nvSpPr>
        <p:spPr>
          <a:xfrm>
            <a:off x="359532" y="2104716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Oval 7"/>
          <p:cNvSpPr/>
          <p:nvPr/>
        </p:nvSpPr>
        <p:spPr>
          <a:xfrm>
            <a:off x="367396" y="2600908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Oval 7"/>
          <p:cNvSpPr/>
          <p:nvPr/>
        </p:nvSpPr>
        <p:spPr>
          <a:xfrm>
            <a:off x="359532" y="3097100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4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445964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" name="Grafik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20457" y="4490796"/>
            <a:ext cx="2854325" cy="1905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4579" name="Bild 11" descr="Logocorner.png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4583" name="Bild 10" descr="PPP grau.png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itel 1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 err="1"/>
              <a:t>Current</a:t>
            </a:r>
            <a:r>
              <a:rPr lang="de-DE" dirty="0"/>
              <a:t> Situation </a:t>
            </a:r>
            <a:r>
              <a:rPr lang="de-DE" dirty="0" err="1"/>
              <a:t>and</a:t>
            </a:r>
            <a:r>
              <a:rPr lang="de-DE" dirty="0"/>
              <a:t> Solutions</a:t>
            </a:r>
            <a:br>
              <a:rPr lang="de-DE" dirty="0"/>
            </a:br>
            <a:endParaRPr lang="de-DE" dirty="0"/>
          </a:p>
        </p:txBody>
      </p:sp>
      <p:sp>
        <p:nvSpPr>
          <p:cNvPr id="14" name="Textplatzhalter 13"/>
          <p:cNvSpPr>
            <a:spLocks noGrp="1"/>
          </p:cNvSpPr>
          <p:nvPr>
            <p:ph type="body" sz="quarter" idx="10"/>
          </p:nvPr>
        </p:nvSpPr>
        <p:spPr>
          <a:xfrm>
            <a:off x="346075" y="1254124"/>
            <a:ext cx="8085544" cy="961757"/>
          </a:xfrm>
        </p:spPr>
        <p:txBody>
          <a:bodyPr/>
          <a:lstStyle/>
          <a:p>
            <a:pPr marL="0" indent="0"/>
            <a:r>
              <a:rPr lang="en-US" sz="1800" dirty="0"/>
              <a:t>FACC is well positioned </a:t>
            </a:r>
            <a:r>
              <a:rPr lang="en-US" sz="1800" dirty="0" smtClean="0"/>
              <a:t>to </a:t>
            </a:r>
            <a:r>
              <a:rPr lang="en-US" sz="1800" dirty="0"/>
              <a:t>fulfill </a:t>
            </a:r>
            <a:r>
              <a:rPr lang="en-US" sz="1800" dirty="0" smtClean="0"/>
              <a:t>its stakeholder </a:t>
            </a:r>
            <a:r>
              <a:rPr lang="en-US" sz="1800" dirty="0"/>
              <a:t>commitments for growth, profitability, financial strength and stability. </a:t>
            </a:r>
            <a:r>
              <a:rPr lang="en-US" sz="1800" dirty="0" smtClean="0"/>
              <a:t>We </a:t>
            </a:r>
            <a:r>
              <a:rPr lang="en-US" sz="1800" dirty="0"/>
              <a:t>approach improvements in three phases.</a:t>
            </a:r>
          </a:p>
          <a:p>
            <a:endParaRPr lang="de-DE" sz="1800" dirty="0"/>
          </a:p>
        </p:txBody>
      </p:sp>
      <p:pic>
        <p:nvPicPr>
          <p:cNvPr id="56" name="Grafik 3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64212" y="2673108"/>
            <a:ext cx="3103563" cy="18176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9" name="Gleichschenkliges Dreieck 58"/>
          <p:cNvSpPr/>
          <p:nvPr/>
        </p:nvSpPr>
        <p:spPr>
          <a:xfrm>
            <a:off x="3819689" y="2215881"/>
            <a:ext cx="3062287" cy="6240462"/>
          </a:xfrm>
          <a:prstGeom prst="triangle">
            <a:avLst>
              <a:gd name="adj" fmla="val 63278"/>
            </a:avLst>
          </a:prstGeom>
          <a:solidFill>
            <a:srgbClr val="FFFFFF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de-DE">
              <a:solidFill>
                <a:prstClr val="white"/>
              </a:solidFill>
            </a:endParaRPr>
          </a:p>
        </p:txBody>
      </p:sp>
      <p:sp>
        <p:nvSpPr>
          <p:cNvPr id="16" name="SPO_PHTITLE_22533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47675" y="2499456"/>
            <a:ext cx="2609706" cy="3286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marL="0" marR="0" lvl="0" indent="0" algn="l" defTabSz="4572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Phase …</a:t>
            </a:r>
            <a:endParaRPr kumimoji="0" lang="en-US" sz="1200" b="1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</p:txBody>
      </p:sp>
      <p:sp>
        <p:nvSpPr>
          <p:cNvPr id="17" name="Line 6"/>
          <p:cNvSpPr>
            <a:spLocks noChangeShapeType="1"/>
          </p:cNvSpPr>
          <p:nvPr/>
        </p:nvSpPr>
        <p:spPr bwMode="gray">
          <a:xfrm>
            <a:off x="431800" y="2775074"/>
            <a:ext cx="2153534" cy="0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</p:spPr>
        <p:txBody>
          <a:bodyPr wrap="none" anchor="ctr"/>
          <a:lstStyle/>
          <a:p>
            <a:pPr marL="0" marR="0" lvl="0" indent="0" algn="l" defTabSz="4572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</p:txBody>
      </p:sp>
      <p:sp>
        <p:nvSpPr>
          <p:cNvPr id="19" name="SPO_PHTITLE_22533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2723563" y="2499456"/>
            <a:ext cx="2605821" cy="3286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marL="0" marR="0" lvl="0" indent="0" algn="l" defTabSz="4572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…Leading to </a:t>
            </a:r>
            <a:endParaRPr kumimoji="0" lang="en-US" sz="1200" b="1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</p:txBody>
      </p:sp>
      <p:sp>
        <p:nvSpPr>
          <p:cNvPr id="20" name="Line 6"/>
          <p:cNvSpPr>
            <a:spLocks noChangeShapeType="1"/>
          </p:cNvSpPr>
          <p:nvPr/>
        </p:nvSpPr>
        <p:spPr bwMode="gray">
          <a:xfrm>
            <a:off x="2708568" y="2775074"/>
            <a:ext cx="2593356" cy="0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</p:spPr>
        <p:txBody>
          <a:bodyPr wrap="none" anchor="ctr"/>
          <a:lstStyle/>
          <a:p>
            <a:pPr marL="0" marR="0" lvl="0" indent="0" algn="l" defTabSz="4572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</p:txBody>
      </p:sp>
      <p:sp>
        <p:nvSpPr>
          <p:cNvPr id="21" name="Textfeld 25"/>
          <p:cNvSpPr txBox="1"/>
          <p:nvPr/>
        </p:nvSpPr>
        <p:spPr bwMode="gray">
          <a:xfrm>
            <a:off x="2708568" y="2858439"/>
            <a:ext cx="3055644" cy="1538883"/>
          </a:xfrm>
          <a:prstGeom prst="rect">
            <a:avLst/>
          </a:prstGeom>
          <a:noFill/>
        </p:spPr>
        <p:txBody>
          <a:bodyPr wrap="square" lIns="36000" rIns="0" rtlCol="0">
            <a:spAutoFit/>
          </a:bodyPr>
          <a:lstStyle/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r>
              <a:rPr kumimoji="0" lang="en-GB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Stabilized Business</a:t>
            </a:r>
          </a:p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r>
              <a:rPr kumimoji="0" lang="en-GB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Secure commitment to Stakeholders</a:t>
            </a:r>
          </a:p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r>
              <a:rPr kumimoji="0" lang="en-GB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Stabilize performance &amp; EBIT</a:t>
            </a:r>
          </a:p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r>
              <a:rPr kumimoji="0" lang="en-GB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Positive Cash Flow</a:t>
            </a:r>
            <a:endParaRPr lang="en-GB" sz="1200" dirty="0">
              <a:solidFill>
                <a:prstClr val="black"/>
              </a:solidFill>
              <a:ea typeface="ＭＳ Ｐゴシック" panose="020B0600070205080204" pitchFamily="34" charset="-128"/>
            </a:endParaRPr>
          </a:p>
          <a:p>
            <a:pPr marL="180975" lvl="0" indent="-180975" eaLnBrk="1" hangingPunct="1">
              <a:spcBef>
                <a:spcPts val="200"/>
              </a:spcBef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defRPr/>
            </a:pPr>
            <a:r>
              <a:rPr lang="en-GB" sz="1200" dirty="0">
                <a:solidFill>
                  <a:prstClr val="black"/>
                </a:solidFill>
                <a:ea typeface="ＭＳ Ｐゴシック" panose="020B0600070205080204" pitchFamily="34" charset="-128"/>
              </a:rPr>
              <a:t>Shareholder value </a:t>
            </a:r>
            <a:r>
              <a:rPr lang="en-GB" sz="1200" dirty="0" smtClean="0">
                <a:solidFill>
                  <a:prstClr val="black"/>
                </a:solidFill>
                <a:ea typeface="ＭＳ Ｐゴシック" panose="020B0600070205080204" pitchFamily="34" charset="-128"/>
              </a:rPr>
              <a:t>commitment</a:t>
            </a:r>
            <a:endParaRPr lang="en-GB" sz="1200" dirty="0">
              <a:solidFill>
                <a:prstClr val="black"/>
              </a:solidFill>
              <a:ea typeface="ＭＳ Ｐゴシック" panose="020B0600070205080204" pitchFamily="34" charset="-128"/>
            </a:endParaRPr>
          </a:p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endParaRPr kumimoji="0" lang="en-GB" sz="1200" b="0" i="0" u="none" strike="noStrike" kern="120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endParaRPr kumimoji="0" lang="en-GB" sz="1200" b="0" i="0" u="none" strike="noStrike" kern="120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</p:txBody>
      </p:sp>
      <p:sp>
        <p:nvSpPr>
          <p:cNvPr id="22" name="Textfeld 25"/>
          <p:cNvSpPr txBox="1"/>
          <p:nvPr/>
        </p:nvSpPr>
        <p:spPr bwMode="gray">
          <a:xfrm>
            <a:off x="2708567" y="4066939"/>
            <a:ext cx="2870965" cy="907941"/>
          </a:xfrm>
          <a:prstGeom prst="rect">
            <a:avLst/>
          </a:prstGeom>
          <a:noFill/>
        </p:spPr>
        <p:txBody>
          <a:bodyPr wrap="square" lIns="36000" rIns="0" rtlCol="0">
            <a:spAutoFit/>
          </a:bodyPr>
          <a:lstStyle/>
          <a:p>
            <a:pPr marL="180975" lvl="0" indent="-180975" eaLnBrk="1" hangingPunct="1">
              <a:spcBef>
                <a:spcPts val="200"/>
              </a:spcBef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defRPr/>
            </a:pPr>
            <a:r>
              <a:rPr lang="en-GB" sz="1200" dirty="0" smtClean="0">
                <a:solidFill>
                  <a:prstClr val="black"/>
                </a:solidFill>
                <a:ea typeface="ＭＳ Ｐゴシック" panose="020B0600070205080204" pitchFamily="34" charset="-128"/>
              </a:rPr>
              <a:t>Commitment to execute </a:t>
            </a:r>
            <a:r>
              <a:rPr kumimoji="0" lang="en-GB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Vision 2020</a:t>
            </a:r>
          </a:p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r>
              <a:rPr kumimoji="0" lang="en-GB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E</a:t>
            </a:r>
            <a:r>
              <a:rPr kumimoji="0" lang="en-GB" sz="12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UR </a:t>
            </a:r>
            <a:r>
              <a:rPr kumimoji="0" lang="en-GB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1 Billion Sales</a:t>
            </a:r>
          </a:p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r>
              <a:rPr kumimoji="0" lang="en-GB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Profitable &amp; step change in EBIT</a:t>
            </a:r>
          </a:p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r>
              <a:rPr lang="en-GB" sz="1200" noProof="0" dirty="0" smtClean="0">
                <a:solidFill>
                  <a:prstClr val="black"/>
                </a:solidFill>
                <a:ea typeface="ＭＳ Ｐゴシック" panose="020B0600070205080204" pitchFamily="34" charset="-128"/>
              </a:rPr>
              <a:t>Extend global footprint</a:t>
            </a:r>
            <a:endParaRPr kumimoji="0" lang="en-GB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</p:txBody>
      </p:sp>
      <p:sp>
        <p:nvSpPr>
          <p:cNvPr id="23" name="Textfeld 25"/>
          <p:cNvSpPr txBox="1"/>
          <p:nvPr/>
        </p:nvSpPr>
        <p:spPr bwMode="gray">
          <a:xfrm>
            <a:off x="2708568" y="5209893"/>
            <a:ext cx="2606106" cy="907941"/>
          </a:xfrm>
          <a:prstGeom prst="rect">
            <a:avLst/>
          </a:prstGeom>
          <a:noFill/>
        </p:spPr>
        <p:txBody>
          <a:bodyPr wrap="square" lIns="36000" rIns="0" rtlCol="0">
            <a:spAutoFit/>
          </a:bodyPr>
          <a:lstStyle/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r>
              <a:rPr kumimoji="0" lang="en-GB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Develop company above 1 Billion</a:t>
            </a:r>
          </a:p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r>
              <a:rPr kumimoji="0" lang="en-GB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Enhance position as Tier 1 Partner</a:t>
            </a:r>
          </a:p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r>
              <a:rPr kumimoji="0" lang="en-GB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panose="020B0600070205080204" pitchFamily="34" charset="-128"/>
                <a:cs typeface="+mn-cs"/>
              </a:rPr>
              <a:t>Global acting technology leader</a:t>
            </a:r>
          </a:p>
          <a:p>
            <a:pPr marL="180975" marR="0" lvl="0" indent="-180975" algn="l" defTabSz="457200" rtl="0" eaLnBrk="1" fontAlgn="base" latinLnBrk="0" hangingPunct="1">
              <a:lnSpc>
                <a:spcPct val="100000"/>
              </a:lnSpc>
              <a:spcBef>
                <a:spcPts val="200"/>
              </a:spcBef>
              <a:spcAft>
                <a:spcPct val="0"/>
              </a:spcAft>
              <a:buClr>
                <a:srgbClr val="67AD93"/>
              </a:buClr>
              <a:buSzPct val="130000"/>
              <a:buFont typeface="Wingdings" panose="05000000000000000000" pitchFamily="2" charset="2"/>
              <a:buChar char="ü"/>
              <a:tabLst/>
              <a:defRPr/>
            </a:pPr>
            <a:endParaRPr kumimoji="0" lang="en-GB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</p:txBody>
      </p:sp>
      <p:grpSp>
        <p:nvGrpSpPr>
          <p:cNvPr id="41" name="Group 71"/>
          <p:cNvGrpSpPr/>
          <p:nvPr/>
        </p:nvGrpSpPr>
        <p:grpSpPr bwMode="gray">
          <a:xfrm>
            <a:off x="431801" y="2856550"/>
            <a:ext cx="2157984" cy="972000"/>
            <a:chOff x="6167122" y="1103854"/>
            <a:chExt cx="2157984" cy="859536"/>
          </a:xfrm>
          <a:effectLst/>
        </p:grpSpPr>
        <p:pic>
          <p:nvPicPr>
            <p:cNvPr id="42" name="Bild 8" descr="Balken Headline.jpg"/>
            <p:cNvPicPr preferRelativeResize="0">
              <a:picLocks/>
            </p:cNvPicPr>
            <p:nvPr/>
          </p:nvPicPr>
          <p:blipFill>
            <a:blip r:embed="rId9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gray">
            <a:xfrm>
              <a:off x="6167122" y="1103854"/>
              <a:ext cx="2157984" cy="859536"/>
            </a:xfrm>
            <a:prstGeom prst="rect">
              <a:avLst/>
            </a:prstGeom>
            <a:solidFill>
              <a:schemeClr val="bg1"/>
            </a:solidFill>
            <a:ln w="9525">
              <a:noFill/>
              <a:miter lim="800000"/>
              <a:headEnd/>
              <a:tailEnd/>
            </a:ln>
            <a:effectLst>
              <a:outerShdw blurRad="50800" dist="38100" dir="2700000" algn="ctr" rotWithShape="0">
                <a:schemeClr val="tx1">
                  <a:alpha val="40000"/>
                </a:schemeClr>
              </a:outerShdw>
            </a:effectLst>
          </p:spPr>
        </p:pic>
        <p:sp>
          <p:nvSpPr>
            <p:cNvPr id="43" name="Textfeld 7"/>
            <p:cNvSpPr txBox="1">
              <a:spLocks noChangeArrowheads="1"/>
            </p:cNvSpPr>
            <p:nvPr/>
          </p:nvSpPr>
          <p:spPr bwMode="gray">
            <a:xfrm>
              <a:off x="6400113" y="1387428"/>
              <a:ext cx="1830757" cy="29238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4572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300" b="1" i="0" u="none" strike="noStrike" kern="1200" cap="none" spc="0" normalizeH="0" baseline="0" noProof="0" dirty="0" smtClean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Arial" panose="020B0604020202020204" pitchFamily="34" charset="0"/>
                  <a:ea typeface="Arial" pitchFamily="-84" charset="0"/>
                  <a:cs typeface="Arial" pitchFamily="-84" charset="0"/>
                </a:rPr>
                <a:t>18 Month Short Term </a:t>
              </a:r>
              <a:endParaRPr kumimoji="0" lang="en-US" sz="1300" b="1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Arial" pitchFamily="-84" charset="0"/>
                <a:cs typeface="Arial" pitchFamily="-84" charset="0"/>
              </a:endParaRPr>
            </a:p>
          </p:txBody>
        </p:sp>
      </p:grpSp>
      <p:grpSp>
        <p:nvGrpSpPr>
          <p:cNvPr id="44" name="Group 77"/>
          <p:cNvGrpSpPr/>
          <p:nvPr/>
        </p:nvGrpSpPr>
        <p:grpSpPr bwMode="gray">
          <a:xfrm>
            <a:off x="431801" y="4030545"/>
            <a:ext cx="2157984" cy="972000"/>
            <a:chOff x="6167122" y="2298724"/>
            <a:chExt cx="2157984" cy="859536"/>
          </a:xfrm>
          <a:effectLst/>
        </p:grpSpPr>
        <p:pic>
          <p:nvPicPr>
            <p:cNvPr id="45" name="Bild 8" descr="Balken Headline.jpg"/>
            <p:cNvPicPr preferRelativeResize="0">
              <a:picLocks/>
            </p:cNvPicPr>
            <p:nvPr/>
          </p:nvPicPr>
          <p:blipFill>
            <a:blip r:embed="rId9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gray">
            <a:xfrm>
              <a:off x="6167122" y="2298724"/>
              <a:ext cx="2157984" cy="859536"/>
            </a:xfrm>
            <a:prstGeom prst="rect">
              <a:avLst/>
            </a:prstGeom>
            <a:solidFill>
              <a:schemeClr val="bg1"/>
            </a:solidFill>
            <a:ln w="9525">
              <a:noFill/>
              <a:miter lim="800000"/>
              <a:headEnd/>
              <a:tailEnd/>
            </a:ln>
            <a:effectLst>
              <a:outerShdw blurRad="50800" dist="38100" dir="2700000" algn="ctr" rotWithShape="0">
                <a:schemeClr val="tx1">
                  <a:alpha val="40000"/>
                </a:schemeClr>
              </a:outerShdw>
            </a:effectLst>
          </p:spPr>
        </p:pic>
        <p:sp>
          <p:nvSpPr>
            <p:cNvPr id="46" name="Textfeld 7"/>
            <p:cNvSpPr txBox="1">
              <a:spLocks noChangeArrowheads="1"/>
            </p:cNvSpPr>
            <p:nvPr/>
          </p:nvSpPr>
          <p:spPr bwMode="gray">
            <a:xfrm>
              <a:off x="6400114" y="2569048"/>
              <a:ext cx="1692000" cy="29238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4572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300" b="1" i="0" u="none" strike="noStrike" kern="1200" cap="none" spc="0" normalizeH="0" baseline="0" noProof="0" dirty="0" smtClean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Arial" panose="020B0604020202020204" pitchFamily="34" charset="0"/>
                  <a:ea typeface="Arial" pitchFamily="-84" charset="0"/>
                  <a:cs typeface="Arial" pitchFamily="-84" charset="0"/>
                </a:rPr>
                <a:t>3 Year Mid Term</a:t>
              </a:r>
              <a:endParaRPr kumimoji="0" lang="en-US" sz="1300" b="1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Arial" pitchFamily="-84" charset="0"/>
                <a:cs typeface="Arial" pitchFamily="-84" charset="0"/>
              </a:endParaRPr>
            </a:p>
          </p:txBody>
        </p:sp>
      </p:grpSp>
      <p:grpSp>
        <p:nvGrpSpPr>
          <p:cNvPr id="47" name="Group 82"/>
          <p:cNvGrpSpPr/>
          <p:nvPr/>
        </p:nvGrpSpPr>
        <p:grpSpPr bwMode="gray">
          <a:xfrm>
            <a:off x="431801" y="5187360"/>
            <a:ext cx="2157984" cy="972000"/>
            <a:chOff x="6167122" y="3070773"/>
            <a:chExt cx="2157984" cy="859536"/>
          </a:xfrm>
          <a:effectLst/>
        </p:grpSpPr>
        <p:pic>
          <p:nvPicPr>
            <p:cNvPr id="48" name="Bild 8" descr="Balken Headline.jpg"/>
            <p:cNvPicPr preferRelativeResize="0">
              <a:picLocks/>
            </p:cNvPicPr>
            <p:nvPr/>
          </p:nvPicPr>
          <p:blipFill>
            <a:blip r:embed="rId9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gray">
            <a:xfrm>
              <a:off x="6167122" y="3070773"/>
              <a:ext cx="2157984" cy="859536"/>
            </a:xfrm>
            <a:prstGeom prst="rect">
              <a:avLst/>
            </a:prstGeom>
            <a:solidFill>
              <a:schemeClr val="bg1"/>
            </a:solidFill>
            <a:ln w="9525">
              <a:noFill/>
              <a:miter lim="800000"/>
              <a:headEnd/>
              <a:tailEnd/>
            </a:ln>
            <a:effectLst>
              <a:outerShdw blurRad="50800" dist="38100" dir="2700000" algn="ctr" rotWithShape="0">
                <a:schemeClr val="tx1">
                  <a:alpha val="40000"/>
                </a:schemeClr>
              </a:outerShdw>
            </a:effectLst>
          </p:spPr>
        </p:pic>
        <p:sp>
          <p:nvSpPr>
            <p:cNvPr id="49" name="Textfeld 7"/>
            <p:cNvSpPr txBox="1">
              <a:spLocks noChangeArrowheads="1"/>
            </p:cNvSpPr>
            <p:nvPr/>
          </p:nvSpPr>
          <p:spPr bwMode="gray">
            <a:xfrm>
              <a:off x="6400114" y="3367602"/>
              <a:ext cx="1692000" cy="27186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457200" rtl="0" eaLnBrk="1" fontAlgn="base" latinLnBrk="0" hangingPunct="1">
                <a:lnSpc>
                  <a:spcPts val="14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300" b="1" i="0" u="none" strike="noStrike" kern="1200" cap="none" spc="0" normalizeH="0" baseline="0" noProof="0" dirty="0" smtClean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Arial" panose="020B0604020202020204" pitchFamily="34" charset="0"/>
                  <a:ea typeface="Arial" pitchFamily="-84" charset="0"/>
                  <a:cs typeface="Arial" pitchFamily="-84" charset="0"/>
                </a:rPr>
                <a:t>2020+ Long Term</a:t>
              </a:r>
              <a:endParaRPr kumimoji="0" lang="en-US" sz="1300" b="1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Arial" pitchFamily="-84" charset="0"/>
                <a:cs typeface="Arial" pitchFamily="-84" charset="0"/>
              </a:endParaRPr>
            </a:p>
          </p:txBody>
        </p:sp>
      </p:grpSp>
      <p:sp>
        <p:nvSpPr>
          <p:cNvPr id="40" name="Line 6"/>
          <p:cNvSpPr>
            <a:spLocks noChangeShapeType="1"/>
          </p:cNvSpPr>
          <p:nvPr/>
        </p:nvSpPr>
        <p:spPr bwMode="gray">
          <a:xfrm>
            <a:off x="445974" y="3926935"/>
            <a:ext cx="2153534" cy="0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</p:spPr>
        <p:txBody>
          <a:bodyPr wrap="none" anchor="ctr"/>
          <a:lstStyle/>
          <a:p>
            <a:pPr marL="0" marR="0" lvl="0" indent="0" algn="l" defTabSz="4572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</p:txBody>
      </p:sp>
      <p:sp>
        <p:nvSpPr>
          <p:cNvPr id="50" name="Line 6"/>
          <p:cNvSpPr>
            <a:spLocks noChangeShapeType="1"/>
          </p:cNvSpPr>
          <p:nvPr/>
        </p:nvSpPr>
        <p:spPr bwMode="gray">
          <a:xfrm>
            <a:off x="2722742" y="3926935"/>
            <a:ext cx="2593356" cy="0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</p:spPr>
        <p:txBody>
          <a:bodyPr wrap="none" anchor="ctr"/>
          <a:lstStyle/>
          <a:p>
            <a:pPr marL="0" marR="0" lvl="0" indent="0" algn="l" defTabSz="4572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</p:txBody>
      </p:sp>
      <p:sp>
        <p:nvSpPr>
          <p:cNvPr id="51" name="Line 6"/>
          <p:cNvSpPr>
            <a:spLocks noChangeShapeType="1"/>
          </p:cNvSpPr>
          <p:nvPr/>
        </p:nvSpPr>
        <p:spPr bwMode="gray">
          <a:xfrm>
            <a:off x="460148" y="5078796"/>
            <a:ext cx="2153534" cy="0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</p:spPr>
        <p:txBody>
          <a:bodyPr wrap="none" anchor="ctr"/>
          <a:lstStyle/>
          <a:p>
            <a:pPr marL="0" marR="0" lvl="0" indent="0" algn="l" defTabSz="4572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</p:txBody>
      </p:sp>
      <p:sp>
        <p:nvSpPr>
          <p:cNvPr id="52" name="Line 6"/>
          <p:cNvSpPr>
            <a:spLocks noChangeShapeType="1"/>
          </p:cNvSpPr>
          <p:nvPr/>
        </p:nvSpPr>
        <p:spPr bwMode="gray">
          <a:xfrm>
            <a:off x="2736916" y="5078796"/>
            <a:ext cx="2593356" cy="0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</p:spPr>
        <p:txBody>
          <a:bodyPr wrap="none" anchor="ctr"/>
          <a:lstStyle/>
          <a:p>
            <a:pPr marL="0" marR="0" lvl="0" indent="0" algn="l" defTabSz="4572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ＭＳ Ｐゴシック" panose="020B0600070205080204" pitchFamily="34" charset="-128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8783427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22" descr="Bildergebnis für a320 neo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520302" y="5105738"/>
            <a:ext cx="2522541" cy="153139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Grafik 6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112933" y="3183521"/>
            <a:ext cx="2929911" cy="19520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Picture 24" descr="Bildergebnis für a330 neo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79533" y="1853812"/>
            <a:ext cx="3463311" cy="145497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458" name="Titel 4"/>
          <p:cNvSpPr txBox="1">
            <a:spLocks/>
          </p:cNvSpPr>
          <p:nvPr/>
        </p:nvSpPr>
        <p:spPr bwMode="auto">
          <a:xfrm>
            <a:off x="346075" y="496888"/>
            <a:ext cx="8601075" cy="8207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en-US" altLang="de-DE" sz="3600" dirty="0">
                <a:solidFill>
                  <a:srgbClr val="985E5A"/>
                </a:solidFill>
                <a:cs typeface="Arial" panose="020B0604020202020204" pitchFamily="34" charset="0"/>
              </a:rPr>
              <a:t>Deliveries, Milestones &amp; Order Book </a:t>
            </a:r>
            <a:endParaRPr lang="en-US" altLang="de-DE" sz="1800" dirty="0">
              <a:solidFill>
                <a:srgbClr val="7E7F82"/>
              </a:solidFill>
              <a:cs typeface="Arial" panose="020B0604020202020204" pitchFamily="34" charset="0"/>
            </a:endParaRPr>
          </a:p>
        </p:txBody>
      </p:sp>
      <p:sp>
        <p:nvSpPr>
          <p:cNvPr id="8" name="Gleichschenkliges Dreieck 7"/>
          <p:cNvSpPr/>
          <p:nvPr/>
        </p:nvSpPr>
        <p:spPr>
          <a:xfrm>
            <a:off x="3767138" y="1071563"/>
            <a:ext cx="3062287" cy="5749131"/>
          </a:xfrm>
          <a:prstGeom prst="triangle">
            <a:avLst>
              <a:gd name="adj" fmla="val 63278"/>
            </a:avLst>
          </a:prstGeom>
          <a:solidFill>
            <a:srgbClr val="FFFFFF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de-DE">
              <a:solidFill>
                <a:prstClr val="white"/>
              </a:solidFill>
            </a:endParaRPr>
          </a:p>
        </p:txBody>
      </p:sp>
      <p:sp>
        <p:nvSpPr>
          <p:cNvPr id="15" name="Gleichschenkliges Dreieck 14"/>
          <p:cNvSpPr/>
          <p:nvPr/>
        </p:nvSpPr>
        <p:spPr>
          <a:xfrm>
            <a:off x="3792537" y="1500920"/>
            <a:ext cx="3062287" cy="5317201"/>
          </a:xfrm>
          <a:prstGeom prst="triangle">
            <a:avLst>
              <a:gd name="adj" fmla="val 63278"/>
            </a:avLst>
          </a:prstGeom>
          <a:solidFill>
            <a:srgbClr val="FFFFFF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de-DE">
              <a:solidFill>
                <a:prstClr val="white"/>
              </a:solidFill>
            </a:endParaRPr>
          </a:p>
        </p:txBody>
      </p:sp>
      <p:sp>
        <p:nvSpPr>
          <p:cNvPr id="3" name="Rechteck 2"/>
          <p:cNvSpPr/>
          <p:nvPr/>
        </p:nvSpPr>
        <p:spPr>
          <a:xfrm>
            <a:off x="346075" y="1562894"/>
            <a:ext cx="5826125" cy="5257800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marL="342900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en-US" sz="18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amp up of new programs as planned</a:t>
            </a:r>
          </a:p>
          <a:p>
            <a:pPr marL="342900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endParaRPr lang="de-DE" sz="8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42900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en-US" sz="18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gram development milestones executed as planned</a:t>
            </a:r>
            <a:endParaRPr lang="de-DE" sz="18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800100" lvl="1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IRBUS A350-1000 deliveries</a:t>
            </a:r>
            <a:endParaRPr lang="de-DE" sz="14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800100" lvl="1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IRBUS A330neo deliveries</a:t>
            </a:r>
            <a:endParaRPr lang="de-DE" sz="14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800100" lvl="1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mbraer E2 first part qualification</a:t>
            </a:r>
            <a:endParaRPr lang="de-DE" sz="14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800100" lvl="1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AC C919 certification milestones</a:t>
            </a:r>
          </a:p>
          <a:p>
            <a:pPr lvl="1">
              <a:lnSpc>
                <a:spcPct val="150000"/>
              </a:lnSpc>
              <a:defRPr/>
            </a:pPr>
            <a:endParaRPr lang="de-DE" sz="8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42900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en-US" sz="18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00th shipsets of BOEING B787 product delivered to customers</a:t>
            </a:r>
          </a:p>
          <a:p>
            <a:pPr marL="342900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endParaRPr lang="de-DE" sz="8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42900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en-US" sz="18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rder book 2016/17 shows EUR 700 mill. revenue</a:t>
            </a:r>
          </a:p>
          <a:p>
            <a:pPr marL="342900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endParaRPr lang="en-US" sz="8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42900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en-US" sz="18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novation and technology milestones</a:t>
            </a:r>
            <a:r>
              <a:rPr lang="en-US" sz="1800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</a:p>
          <a:p>
            <a:pPr marL="371475" indent="-285750">
              <a:buFont typeface="Arial" panose="020B0604020202020204" pitchFamily="34" charset="0"/>
              <a:buChar char="•"/>
              <a:defRPr/>
            </a:pPr>
            <a:endParaRPr lang="en-US" sz="1800" dirty="0">
              <a:solidFill>
                <a:prstClr val="black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Bild 8" descr="Balken Headline.jpg"/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28079" y="1396999"/>
            <a:ext cx="8270876" cy="50196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platzhalter 4"/>
          <p:cNvSpPr>
            <a:spLocks noGrp="1"/>
          </p:cNvSpPr>
          <p:nvPr>
            <p:ph type="body" sz="quarter" idx="10"/>
          </p:nvPr>
        </p:nvSpPr>
        <p:spPr bwMode="auto">
          <a:xfrm>
            <a:off x="688975" y="1439303"/>
            <a:ext cx="7855418" cy="4310622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lv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FACC Company Overview</a:t>
            </a:r>
            <a:endParaRPr lang="en-US" dirty="0" smtClean="0">
              <a:solidFill>
                <a:schemeClr val="bg1"/>
              </a:solidFill>
            </a:endParaRPr>
          </a:p>
          <a:p>
            <a:pPr mar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The Aerospace Market</a:t>
            </a:r>
          </a:p>
          <a:p>
            <a:pPr mar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Business Development &amp; Strategy</a:t>
            </a:r>
          </a:p>
          <a:p>
            <a:pPr mar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Financials &amp; Outlook</a:t>
            </a:r>
          </a:p>
        </p:txBody>
      </p:sp>
      <p:sp>
        <p:nvSpPr>
          <p:cNvPr id="2" name="Oval 1"/>
          <p:cNvSpPr/>
          <p:nvPr/>
        </p:nvSpPr>
        <p:spPr>
          <a:xfrm>
            <a:off x="367396" y="1543882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" name="Oval 6"/>
          <p:cNvSpPr/>
          <p:nvPr/>
        </p:nvSpPr>
        <p:spPr>
          <a:xfrm>
            <a:off x="359532" y="2104716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Oval 7"/>
          <p:cNvSpPr/>
          <p:nvPr/>
        </p:nvSpPr>
        <p:spPr>
          <a:xfrm>
            <a:off x="367396" y="2600908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Oval 7"/>
          <p:cNvSpPr/>
          <p:nvPr/>
        </p:nvSpPr>
        <p:spPr>
          <a:xfrm>
            <a:off x="359532" y="3097100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4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358129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Chart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838098349"/>
              </p:ext>
            </p:extLst>
          </p:nvPr>
        </p:nvGraphicFramePr>
        <p:xfrm>
          <a:off x="96045" y="2000250"/>
          <a:ext cx="2570955" cy="35369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sp>
        <p:nvSpPr>
          <p:cNvPr id="26627" name="Line 6"/>
          <p:cNvSpPr>
            <a:spLocks noChangeShapeType="1"/>
          </p:cNvSpPr>
          <p:nvPr/>
        </p:nvSpPr>
        <p:spPr bwMode="gray">
          <a:xfrm>
            <a:off x="468313" y="1957388"/>
            <a:ext cx="2160000" cy="3175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de-DE" b="1"/>
          </a:p>
        </p:txBody>
      </p:sp>
      <p:sp>
        <p:nvSpPr>
          <p:cNvPr id="26628" name="SPO_PHTITLE_22533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90538" y="1707277"/>
            <a:ext cx="681277" cy="24622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ctr">
            <a:sp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>
              <a:spcBef>
                <a:spcPct val="20000"/>
              </a:spcBef>
            </a:pPr>
            <a:r>
              <a:rPr lang="en-US" altLang="de-DE" sz="1600" b="1" dirty="0" smtClean="0">
                <a:solidFill>
                  <a:srgbClr val="515357"/>
                </a:solidFill>
                <a:cs typeface="Arial" panose="020B0604020202020204" pitchFamily="34" charset="0"/>
              </a:rPr>
              <a:t>SALES</a:t>
            </a:r>
            <a:endParaRPr lang="en-US" altLang="de-DE" sz="1600" b="1" dirty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sp>
        <p:nvSpPr>
          <p:cNvPr id="26629" name="Rechteck 19"/>
          <p:cNvSpPr>
            <a:spLocks noChangeArrowheads="1"/>
          </p:cNvSpPr>
          <p:nvPr/>
        </p:nvSpPr>
        <p:spPr bwMode="auto">
          <a:xfrm>
            <a:off x="417513" y="1952625"/>
            <a:ext cx="636713" cy="21544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de-DE" altLang="de-DE" sz="800" b="1" dirty="0">
                <a:cs typeface="Arial" panose="020B0604020202020204" pitchFamily="34" charset="0"/>
              </a:rPr>
              <a:t>EUR mill.</a:t>
            </a:r>
          </a:p>
        </p:txBody>
      </p:sp>
      <p:sp>
        <p:nvSpPr>
          <p:cNvPr id="26630" name="Titel 1"/>
          <p:cNvSpPr>
            <a:spLocks noGrp="1"/>
          </p:cNvSpPr>
          <p:nvPr>
            <p:ph type="title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r>
              <a:rPr lang="en-US" altLang="de-DE" sz="3600" dirty="0" smtClean="0">
                <a:latin typeface="Arial" panose="020B0604020202020204" pitchFamily="34" charset="0"/>
                <a:cs typeface="Arial" panose="020B0604020202020204" pitchFamily="34" charset="0"/>
              </a:rPr>
              <a:t>Preliminary results 2016/17</a:t>
            </a:r>
            <a:br>
              <a:rPr lang="en-US" altLang="de-DE" sz="3600" dirty="0" smtClean="0">
                <a:latin typeface="Arial" panose="020B0604020202020204" pitchFamily="34" charset="0"/>
                <a:cs typeface="Arial" panose="020B0604020202020204" pitchFamily="34" charset="0"/>
              </a:rPr>
            </a:br>
            <a:endParaRPr lang="en-US" altLang="de-DE" sz="3600" dirty="0" smtClean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11" name="Chart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257263678"/>
              </p:ext>
            </p:extLst>
          </p:nvPr>
        </p:nvGraphicFramePr>
        <p:xfrm>
          <a:off x="2984481" y="2060347"/>
          <a:ext cx="2677319" cy="379571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sp>
        <p:nvSpPr>
          <p:cNvPr id="12" name="Line 6"/>
          <p:cNvSpPr>
            <a:spLocks noChangeShapeType="1"/>
          </p:cNvSpPr>
          <p:nvPr/>
        </p:nvSpPr>
        <p:spPr bwMode="gray">
          <a:xfrm>
            <a:off x="2984481" y="1957388"/>
            <a:ext cx="2160000" cy="3175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de-DE" b="1"/>
          </a:p>
        </p:txBody>
      </p:sp>
      <p:sp>
        <p:nvSpPr>
          <p:cNvPr id="13" name="SPO_PHTITLE_22533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2984481" y="1707277"/>
            <a:ext cx="644407" cy="24622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ctr">
            <a:sp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>
              <a:spcBef>
                <a:spcPct val="20000"/>
              </a:spcBef>
            </a:pPr>
            <a:r>
              <a:rPr lang="en-US" altLang="de-DE" sz="1600" b="1" dirty="0" smtClean="0">
                <a:solidFill>
                  <a:srgbClr val="515357"/>
                </a:solidFill>
                <a:cs typeface="Arial" panose="020B0604020202020204" pitchFamily="34" charset="0"/>
              </a:rPr>
              <a:t>EBIT </a:t>
            </a:r>
            <a:r>
              <a:rPr lang="en-US" altLang="de-DE" sz="1600" b="1" baseline="30000" dirty="0" smtClean="0">
                <a:solidFill>
                  <a:srgbClr val="515357"/>
                </a:solidFill>
                <a:cs typeface="Arial" panose="020B0604020202020204" pitchFamily="34" charset="0"/>
              </a:rPr>
              <a:t>1)</a:t>
            </a:r>
            <a:endParaRPr lang="en-US" altLang="de-DE" sz="1600" b="1" baseline="30000" dirty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sp>
        <p:nvSpPr>
          <p:cNvPr id="15" name="Textplatzhalter 3"/>
          <p:cNvSpPr>
            <a:spLocks noGrp="1"/>
          </p:cNvSpPr>
          <p:nvPr>
            <p:ph type="body" sz="quarter" idx="10"/>
          </p:nvPr>
        </p:nvSpPr>
        <p:spPr bwMode="auto">
          <a:xfrm>
            <a:off x="346075" y="1169902"/>
            <a:ext cx="8545262" cy="47625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indent="0"/>
            <a:r>
              <a:rPr lang="en-US" altLang="de-DE" dirty="0" smtClean="0">
                <a:latin typeface="Arial" panose="020B0604020202020204" pitchFamily="34" charset="0"/>
                <a:cs typeface="Arial" panose="020B0604020202020204" pitchFamily="34" charset="0"/>
              </a:rPr>
              <a:t>Continuous </a:t>
            </a:r>
            <a:r>
              <a:rPr lang="en-US" altLang="de-DE" dirty="0" smtClean="0">
                <a:cs typeface="Arial" panose="020B0604020202020204" pitchFamily="34" charset="0"/>
              </a:rPr>
              <a:t>growth </a:t>
            </a:r>
            <a:r>
              <a:rPr lang="en-US" altLang="de-DE" dirty="0">
                <a:cs typeface="Arial" panose="020B0604020202020204" pitchFamily="34" charset="0"/>
              </a:rPr>
              <a:t>and earnings </a:t>
            </a:r>
            <a:r>
              <a:rPr lang="en-US" altLang="de-DE" dirty="0" smtClean="0">
                <a:cs typeface="Arial" panose="020B0604020202020204" pitchFamily="34" charset="0"/>
              </a:rPr>
              <a:t>improvement</a:t>
            </a:r>
            <a:r>
              <a:rPr lang="en-US" altLang="de-DE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</a:p>
        </p:txBody>
      </p:sp>
      <p:graphicFrame>
        <p:nvGraphicFramePr>
          <p:cNvPr id="16" name="Chart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195971118"/>
              </p:ext>
            </p:extLst>
          </p:nvPr>
        </p:nvGraphicFramePr>
        <p:xfrm>
          <a:off x="5979281" y="2014623"/>
          <a:ext cx="2677319" cy="359115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sp>
        <p:nvSpPr>
          <p:cNvPr id="17" name="Line 6"/>
          <p:cNvSpPr>
            <a:spLocks noChangeShapeType="1"/>
          </p:cNvSpPr>
          <p:nvPr/>
        </p:nvSpPr>
        <p:spPr bwMode="gray">
          <a:xfrm>
            <a:off x="5979281" y="1957388"/>
            <a:ext cx="2160000" cy="3175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de-DE" b="1"/>
          </a:p>
        </p:txBody>
      </p:sp>
      <p:sp>
        <p:nvSpPr>
          <p:cNvPr id="18" name="SPO_PHTITLE_22533"/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5979281" y="1707277"/>
            <a:ext cx="2074671" cy="24622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ctr">
            <a:sp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>
              <a:spcBef>
                <a:spcPct val="20000"/>
              </a:spcBef>
            </a:pPr>
            <a:r>
              <a:rPr lang="en-US" altLang="de-DE" sz="1600" b="1" dirty="0" smtClean="0">
                <a:solidFill>
                  <a:srgbClr val="515357"/>
                </a:solidFill>
                <a:cs typeface="Arial" panose="020B0604020202020204" pitchFamily="34" charset="0"/>
              </a:rPr>
              <a:t>NET DEBT/EBITDA </a:t>
            </a:r>
            <a:r>
              <a:rPr lang="en-US" altLang="de-DE" sz="1600" b="1" baseline="30000" dirty="0" smtClean="0">
                <a:solidFill>
                  <a:srgbClr val="515357"/>
                </a:solidFill>
                <a:cs typeface="Arial" panose="020B0604020202020204" pitchFamily="34" charset="0"/>
              </a:rPr>
              <a:t>1)</a:t>
            </a:r>
            <a:endParaRPr lang="en-US" altLang="de-DE" sz="1600" b="1" baseline="30000" dirty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sp>
        <p:nvSpPr>
          <p:cNvPr id="5" name="Textfeld 4"/>
          <p:cNvSpPr txBox="1"/>
          <p:nvPr/>
        </p:nvSpPr>
        <p:spPr>
          <a:xfrm>
            <a:off x="181106" y="6542761"/>
            <a:ext cx="7872846" cy="2308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de-DE" sz="900" dirty="0" smtClean="0"/>
              <a:t>1) EBIT </a:t>
            </a:r>
            <a:r>
              <a:rPr lang="de-DE" sz="900" dirty="0" err="1" smtClean="0"/>
              <a:t>and</a:t>
            </a:r>
            <a:r>
              <a:rPr lang="de-DE" sz="900" dirty="0" smtClean="0"/>
              <a:t> EBITDA </a:t>
            </a:r>
            <a:r>
              <a:rPr lang="de-DE" sz="900" dirty="0" err="1" smtClean="0"/>
              <a:t>for</a:t>
            </a:r>
            <a:r>
              <a:rPr lang="de-DE" sz="900" dirty="0" smtClean="0"/>
              <a:t> </a:t>
            </a:r>
            <a:r>
              <a:rPr lang="de-DE" sz="900" dirty="0" err="1" smtClean="0"/>
              <a:t>the</a:t>
            </a:r>
            <a:r>
              <a:rPr lang="de-DE" sz="900" dirty="0" smtClean="0"/>
              <a:t> </a:t>
            </a:r>
            <a:r>
              <a:rPr lang="de-DE" sz="900" dirty="0" err="1" smtClean="0"/>
              <a:t>business</a:t>
            </a:r>
            <a:r>
              <a:rPr lang="de-DE" sz="900" dirty="0" smtClean="0"/>
              <a:t> </a:t>
            </a:r>
            <a:r>
              <a:rPr lang="de-DE" sz="900" dirty="0" err="1" smtClean="0"/>
              <a:t>year</a:t>
            </a:r>
            <a:r>
              <a:rPr lang="de-DE" sz="900" dirty="0" smtClean="0"/>
              <a:t> 2015/16 </a:t>
            </a:r>
            <a:r>
              <a:rPr lang="de-DE" sz="900" dirty="0" err="1" smtClean="0"/>
              <a:t>are</a:t>
            </a:r>
            <a:r>
              <a:rPr lang="de-DE" sz="900" dirty="0" smtClean="0"/>
              <a:t> </a:t>
            </a:r>
            <a:r>
              <a:rPr lang="de-DE" sz="900" dirty="0" err="1" smtClean="0"/>
              <a:t>exluding</a:t>
            </a:r>
            <a:r>
              <a:rPr lang="de-DE" sz="900" dirty="0" smtClean="0"/>
              <a:t> on off </a:t>
            </a:r>
            <a:r>
              <a:rPr lang="de-DE" sz="900" dirty="0" err="1" smtClean="0"/>
              <a:t>costs</a:t>
            </a:r>
            <a:r>
              <a:rPr lang="de-DE" sz="900" dirty="0" smtClean="0"/>
              <a:t> in </a:t>
            </a:r>
            <a:r>
              <a:rPr lang="de-DE" sz="900" dirty="0" err="1" smtClean="0"/>
              <a:t>connection</a:t>
            </a:r>
            <a:r>
              <a:rPr lang="de-DE" sz="900" dirty="0" smtClean="0"/>
              <a:t> </a:t>
            </a:r>
            <a:r>
              <a:rPr lang="de-DE" sz="900" dirty="0" err="1" smtClean="0"/>
              <a:t>with</a:t>
            </a:r>
            <a:r>
              <a:rPr lang="de-DE" sz="900" dirty="0" smtClean="0"/>
              <a:t> </a:t>
            </a:r>
            <a:r>
              <a:rPr lang="de-DE" sz="900" dirty="0" err="1" smtClean="0"/>
              <a:t>the</a:t>
            </a:r>
            <a:r>
              <a:rPr lang="de-DE" sz="900" dirty="0" smtClean="0"/>
              <a:t> FAKE PRESIDENT INCIDENT </a:t>
            </a:r>
            <a:r>
              <a:rPr lang="de-DE" sz="900" dirty="0" err="1" smtClean="0"/>
              <a:t>of</a:t>
            </a:r>
            <a:r>
              <a:rPr lang="de-DE" sz="900" dirty="0" smtClean="0"/>
              <a:t> EUR 41,9 mill. </a:t>
            </a:r>
            <a:endParaRPr lang="de-DE" sz="900" dirty="0"/>
          </a:p>
        </p:txBody>
      </p:sp>
    </p:spTree>
    <p:extLst>
      <p:ext uri="{BB962C8B-B14F-4D97-AF65-F5344CB8AC3E}">
        <p14:creationId xmlns:p14="http://schemas.microsoft.com/office/powerpoint/2010/main" val="3196593663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317" name="Bild 10" descr="PPP grau.png"/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319" name="Foliennummernplatzhalter 1"/>
          <p:cNvSpPr txBox="1">
            <a:spLocks/>
          </p:cNvSpPr>
          <p:nvPr/>
        </p:nvSpPr>
        <p:spPr bwMode="auto">
          <a:xfrm>
            <a:off x="6553200" y="6592267"/>
            <a:ext cx="2133600" cy="365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>
            <a:prstTxWarp prst="textNoShape">
              <a:avLst/>
            </a:prstTxWarp>
          </a:bodyPr>
          <a:lstStyle/>
          <a:p>
            <a:pPr algn="r" eaLnBrk="1" hangingPunct="1"/>
            <a:r>
              <a:rPr lang="en-US" sz="800" dirty="0" smtClean="0">
                <a:solidFill>
                  <a:srgbClr val="515357"/>
                </a:solidFill>
                <a:ea typeface="ＭＳ Ｐゴシック" pitchFamily="34" charset="-128"/>
              </a:rPr>
              <a:t>Page </a:t>
            </a:r>
            <a:fld id="{FD7432E5-30A8-9C4C-A491-0A5E8D885CB4}" type="slidenum">
              <a:rPr lang="en-US" sz="800" smtClean="0">
                <a:solidFill>
                  <a:srgbClr val="515357"/>
                </a:solidFill>
                <a:ea typeface="ＭＳ Ｐゴシック" pitchFamily="34" charset="-128"/>
              </a:rPr>
              <a:pPr algn="r" eaLnBrk="1" hangingPunct="1"/>
              <a:t>2</a:t>
            </a:fld>
            <a:endParaRPr lang="en-US" sz="800" dirty="0">
              <a:solidFill>
                <a:srgbClr val="515357"/>
              </a:solidFill>
              <a:ea typeface="ＭＳ Ｐゴシック" pitchFamily="34" charset="-128"/>
            </a:endParaRPr>
          </a:p>
        </p:txBody>
      </p:sp>
      <p:sp>
        <p:nvSpPr>
          <p:cNvPr id="10" name="Textfeld 14"/>
          <p:cNvSpPr txBox="1">
            <a:spLocks noChangeArrowheads="1"/>
          </p:cNvSpPr>
          <p:nvPr/>
        </p:nvSpPr>
        <p:spPr bwMode="gray">
          <a:xfrm>
            <a:off x="323528" y="548680"/>
            <a:ext cx="8118475" cy="769441"/>
          </a:xfrm>
          <a:prstGeom prst="rect">
            <a:avLst/>
          </a:prstGeom>
        </p:spPr>
        <p:txBody>
          <a:bodyPr vert="horz"/>
          <a:lstStyle>
            <a:lvl1pPr eaLnBrk="0" hangingPunct="0">
              <a:defRPr sz="4400">
                <a:solidFill>
                  <a:srgbClr val="895B5D"/>
                </a:solidFill>
                <a:latin typeface="Arial"/>
                <a:ea typeface="ＭＳ Ｐゴシック" pitchFamily="-1" charset="-128"/>
                <a:cs typeface="Arial"/>
              </a:defRPr>
            </a:lvl1pPr>
            <a:lvl2pPr algn="ctr" eaLnBrk="0" hangingPunct="0">
              <a:defRPr sz="4400"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2pPr>
            <a:lvl3pPr algn="ctr" eaLnBrk="0" hangingPunct="0">
              <a:defRPr sz="4400"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3pPr>
            <a:lvl4pPr algn="ctr" eaLnBrk="0" hangingPunct="0">
              <a:defRPr sz="4400"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4pPr>
            <a:lvl5pPr algn="ctr" eaLnBrk="0" hangingPunct="0">
              <a:defRPr sz="4400"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5pPr>
            <a:lvl6pPr marL="457200" algn="ctr" defTabSz="457200" fontAlgn="base">
              <a:spcBef>
                <a:spcPct val="0"/>
              </a:spcBef>
              <a:spcAft>
                <a:spcPct val="0"/>
              </a:spcAft>
              <a:defRPr sz="4400"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6pPr>
            <a:lvl7pPr marL="914400" algn="ctr" defTabSz="457200" fontAlgn="base">
              <a:spcBef>
                <a:spcPct val="0"/>
              </a:spcBef>
              <a:spcAft>
                <a:spcPct val="0"/>
              </a:spcAft>
              <a:defRPr sz="4400"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7pPr>
            <a:lvl8pPr marL="1371600" algn="ctr" defTabSz="457200" fontAlgn="base">
              <a:spcBef>
                <a:spcPct val="0"/>
              </a:spcBef>
              <a:spcAft>
                <a:spcPct val="0"/>
              </a:spcAft>
              <a:defRPr sz="4400"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8pPr>
            <a:lvl9pPr marL="1828800" algn="ctr" defTabSz="457200" fontAlgn="base">
              <a:spcBef>
                <a:spcPct val="0"/>
              </a:spcBef>
              <a:spcAft>
                <a:spcPct val="0"/>
              </a:spcAft>
              <a:defRPr sz="4400">
                <a:latin typeface="Calibri" pitchFamily="-1" charset="0"/>
                <a:ea typeface="ＭＳ Ｐゴシック" pitchFamily="-1" charset="-128"/>
                <a:cs typeface="ＭＳ Ｐゴシック" pitchFamily="-1" charset="-128"/>
              </a:defRPr>
            </a:lvl9pPr>
          </a:lstStyle>
          <a:p>
            <a:r>
              <a:rPr lang="en-US" sz="3600" dirty="0">
                <a:latin typeface="Arial" pitchFamily="34" charset="0"/>
                <a:ea typeface="ＭＳ Ｐゴシック" pitchFamily="34" charset="-128"/>
                <a:cs typeface="Arial" pitchFamily="-84" charset="0"/>
              </a:rPr>
              <a:t>FACC AG – at a glance</a:t>
            </a:r>
          </a:p>
        </p:txBody>
      </p:sp>
      <p:sp>
        <p:nvSpPr>
          <p:cNvPr id="12" name="Textfeld 11"/>
          <p:cNvSpPr txBox="1"/>
          <p:nvPr/>
        </p:nvSpPr>
        <p:spPr>
          <a:xfrm>
            <a:off x="6060448" y="3597498"/>
            <a:ext cx="2467342" cy="83099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/>
            <a:r>
              <a:rPr lang="en-US" sz="2800" b="1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3,400</a:t>
            </a:r>
            <a:r>
              <a:rPr lang="en-US" sz="2000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 employees </a:t>
            </a:r>
          </a:p>
          <a:p>
            <a:pPr eaLnBrk="1" hangingPunct="1"/>
            <a:r>
              <a:rPr lang="en-US" sz="2000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worldwide</a:t>
            </a:r>
            <a:endParaRPr lang="en-US" sz="2000" dirty="0">
              <a:solidFill>
                <a:prstClr val="black">
                  <a:lumMod val="65000"/>
                  <a:lumOff val="35000"/>
                </a:prstClr>
              </a:solidFill>
              <a:ea typeface="ＭＳ Ｐゴシック" pitchFamily="34" charset="-128"/>
            </a:endParaRPr>
          </a:p>
        </p:txBody>
      </p:sp>
      <p:sp>
        <p:nvSpPr>
          <p:cNvPr id="14" name="Textfeld 13"/>
          <p:cNvSpPr txBox="1"/>
          <p:nvPr/>
        </p:nvSpPr>
        <p:spPr>
          <a:xfrm>
            <a:off x="312996" y="1700808"/>
            <a:ext cx="2214068" cy="83099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/>
            <a:r>
              <a:rPr lang="en-US" sz="2800" b="1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100%</a:t>
            </a:r>
            <a:r>
              <a:rPr lang="en-US" sz="2000" b="1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 </a:t>
            </a:r>
            <a:r>
              <a:rPr lang="en-US" sz="2000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focus on </a:t>
            </a:r>
          </a:p>
          <a:p>
            <a:pPr eaLnBrk="1" hangingPunct="1"/>
            <a:r>
              <a:rPr lang="en-US" sz="2000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lightweight</a:t>
            </a:r>
            <a:endParaRPr lang="en-US" sz="2000" dirty="0">
              <a:solidFill>
                <a:prstClr val="black">
                  <a:lumMod val="65000"/>
                  <a:lumOff val="35000"/>
                </a:prstClr>
              </a:solidFill>
              <a:ea typeface="ＭＳ Ｐゴシック" pitchFamily="34" charset="-128"/>
            </a:endParaRPr>
          </a:p>
        </p:txBody>
      </p:sp>
      <p:sp>
        <p:nvSpPr>
          <p:cNvPr id="16" name="Textfeld 15"/>
          <p:cNvSpPr txBox="1"/>
          <p:nvPr/>
        </p:nvSpPr>
        <p:spPr>
          <a:xfrm>
            <a:off x="469586" y="3703340"/>
            <a:ext cx="3291542" cy="76944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/>
            <a:r>
              <a:rPr lang="en-US" b="1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TIER 1</a:t>
            </a:r>
            <a:r>
              <a:rPr lang="en-US" sz="2000" b="1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 </a:t>
            </a:r>
            <a:r>
              <a:rPr lang="en-US" sz="2000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partner to the</a:t>
            </a:r>
          </a:p>
          <a:p>
            <a:pPr eaLnBrk="1" hangingPunct="1"/>
            <a:r>
              <a:rPr lang="en-US" sz="2000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leading aerospace OEM‘s </a:t>
            </a:r>
          </a:p>
        </p:txBody>
      </p:sp>
      <p:sp>
        <p:nvSpPr>
          <p:cNvPr id="17" name="Textfeld 16"/>
          <p:cNvSpPr txBox="1"/>
          <p:nvPr/>
        </p:nvSpPr>
        <p:spPr>
          <a:xfrm>
            <a:off x="4752670" y="2879999"/>
            <a:ext cx="2299027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/>
            <a:r>
              <a:rPr lang="en-US" sz="2800" b="1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Global </a:t>
            </a:r>
            <a:r>
              <a:rPr lang="en-US" sz="2000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network</a:t>
            </a:r>
            <a:endParaRPr lang="en-US" sz="2000" dirty="0">
              <a:solidFill>
                <a:prstClr val="black">
                  <a:lumMod val="65000"/>
                  <a:lumOff val="35000"/>
                </a:prstClr>
              </a:solidFill>
              <a:ea typeface="ＭＳ Ｐゴシック" pitchFamily="34" charset="-128"/>
            </a:endParaRPr>
          </a:p>
        </p:txBody>
      </p:sp>
      <p:pic>
        <p:nvPicPr>
          <p:cNvPr id="20" name="Bild 42" descr="LogoAIRBUS.png"/>
          <p:cNvPicPr>
            <a:picLocks noChangeAspect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93691" y="4973310"/>
            <a:ext cx="1362456" cy="11925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1" name="Bild 28" descr="aviation-partners-inc.png"/>
          <p:cNvPicPr>
            <a:picLocks noChangeAspect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675795" y="5232215"/>
            <a:ext cx="2048980" cy="64255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2" name="Bild 30" descr="Boeing-Logo-1.png"/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850716" y="4807309"/>
            <a:ext cx="2268054" cy="5207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3" name="Bild 31" descr="bombardier-logo.png"/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062585" y="5334183"/>
            <a:ext cx="598488" cy="5873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4" name="Bild 36" descr="embraer.png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52670" y="4721827"/>
            <a:ext cx="1704543" cy="4214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5" name="Bild 38" descr="General_Electric_logo_svg.png"/>
          <p:cNvPicPr>
            <a:picLocks noChangeAspect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259208" y="5731154"/>
            <a:ext cx="682028" cy="684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6" name="Bild 45" descr="P&amp;W.png"/>
          <p:cNvPicPr>
            <a:picLocks noChangeAspect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947235" y="6151582"/>
            <a:ext cx="1753050" cy="35540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8" name="Bild 47" descr="Rolls-Royce-logo.png"/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262385" y="5544032"/>
            <a:ext cx="428625" cy="7016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9" name="Bild 49" descr="SUKHOI.png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017635" y="6157435"/>
            <a:ext cx="1319212" cy="2825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7" name="Textfeld 26"/>
          <p:cNvSpPr txBox="1"/>
          <p:nvPr/>
        </p:nvSpPr>
        <p:spPr>
          <a:xfrm>
            <a:off x="1840781" y="2591111"/>
            <a:ext cx="2581156" cy="95410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/>
            <a:r>
              <a:rPr lang="de-DE" sz="2800" dirty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EUR </a:t>
            </a:r>
            <a:r>
              <a:rPr lang="de-DE" sz="2800" b="1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710</a:t>
            </a:r>
            <a:r>
              <a:rPr lang="de-DE" sz="2800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 </a:t>
            </a:r>
            <a:r>
              <a:rPr lang="de-DE" sz="2800" dirty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mill.  </a:t>
            </a:r>
          </a:p>
          <a:p>
            <a:pPr eaLnBrk="1" hangingPunct="1"/>
            <a:r>
              <a:rPr lang="de-DE" sz="2800" dirty="0" err="1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of</a:t>
            </a:r>
            <a:r>
              <a:rPr lang="de-DE" sz="2800" dirty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 </a:t>
            </a:r>
            <a:r>
              <a:rPr lang="de-DE" sz="2800" dirty="0" err="1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revenues</a:t>
            </a:r>
            <a:endParaRPr lang="de-DE" sz="2800" dirty="0">
              <a:solidFill>
                <a:prstClr val="black">
                  <a:lumMod val="65000"/>
                  <a:lumOff val="35000"/>
                </a:prstClr>
              </a:solidFill>
              <a:ea typeface="ＭＳ Ｐゴシック" pitchFamily="34" charset="-128"/>
            </a:endParaRPr>
          </a:p>
        </p:txBody>
      </p:sp>
      <p:sp>
        <p:nvSpPr>
          <p:cNvPr id="32" name="Textfeld 31"/>
          <p:cNvSpPr txBox="1"/>
          <p:nvPr/>
        </p:nvSpPr>
        <p:spPr>
          <a:xfrm>
            <a:off x="4999716" y="1660780"/>
            <a:ext cx="3275769" cy="83099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/>
            <a:r>
              <a:rPr lang="en-US" sz="2800" b="1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4</a:t>
            </a:r>
            <a:r>
              <a:rPr lang="en-US" sz="2000" b="1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 </a:t>
            </a:r>
            <a:r>
              <a:rPr lang="en-US" sz="2000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plants &amp; </a:t>
            </a:r>
            <a:r>
              <a:rPr lang="en-US" b="1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5</a:t>
            </a:r>
            <a:r>
              <a:rPr lang="en-US" sz="2000" b="1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 </a:t>
            </a:r>
            <a:r>
              <a:rPr lang="en-US" sz="2000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engineering</a:t>
            </a:r>
          </a:p>
          <a:p>
            <a:pPr eaLnBrk="1" hangingPunct="1"/>
            <a:r>
              <a:rPr lang="en-US" sz="2000" dirty="0" smtClean="0">
                <a:solidFill>
                  <a:prstClr val="black">
                    <a:lumMod val="65000"/>
                    <a:lumOff val="35000"/>
                  </a:prstClr>
                </a:solidFill>
                <a:ea typeface="ＭＳ Ｐゴシック" pitchFamily="34" charset="-128"/>
              </a:rPr>
              <a:t>centers in Austria &amp; Abroad</a:t>
            </a:r>
            <a:endParaRPr lang="en-US" sz="2000" dirty="0">
              <a:solidFill>
                <a:prstClr val="black">
                  <a:lumMod val="65000"/>
                  <a:lumOff val="35000"/>
                </a:prstClr>
              </a:solidFill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8729628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7" name="Line 6"/>
          <p:cNvSpPr>
            <a:spLocks noChangeShapeType="1"/>
          </p:cNvSpPr>
          <p:nvPr/>
        </p:nvSpPr>
        <p:spPr bwMode="gray">
          <a:xfrm>
            <a:off x="468313" y="1957388"/>
            <a:ext cx="8107362" cy="33251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de-DE" b="1"/>
          </a:p>
        </p:txBody>
      </p:sp>
      <p:sp>
        <p:nvSpPr>
          <p:cNvPr id="26628" name="SPO_PHTITLE_22533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90538" y="1707277"/>
            <a:ext cx="4916410" cy="24622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ctr">
            <a:sp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>
              <a:spcBef>
                <a:spcPct val="20000"/>
              </a:spcBef>
            </a:pPr>
            <a:r>
              <a:rPr lang="en-US" altLang="de-DE" sz="1600" b="1" dirty="0" smtClean="0">
                <a:solidFill>
                  <a:srgbClr val="515357"/>
                </a:solidFill>
                <a:cs typeface="Arial" panose="020B0604020202020204" pitchFamily="34" charset="0"/>
              </a:rPr>
              <a:t>Quarterly earnings development 2015/16 – 2016/17</a:t>
            </a:r>
            <a:endParaRPr lang="en-US" altLang="de-DE" sz="1600" b="1" dirty="0">
              <a:solidFill>
                <a:srgbClr val="515357"/>
              </a:solidFill>
              <a:cs typeface="Arial" panose="020B0604020202020204" pitchFamily="34" charset="0"/>
            </a:endParaRPr>
          </a:p>
        </p:txBody>
      </p:sp>
      <p:sp>
        <p:nvSpPr>
          <p:cNvPr id="26629" name="Rechteck 19"/>
          <p:cNvSpPr>
            <a:spLocks noChangeArrowheads="1"/>
          </p:cNvSpPr>
          <p:nvPr/>
        </p:nvSpPr>
        <p:spPr bwMode="auto">
          <a:xfrm>
            <a:off x="417513" y="1952625"/>
            <a:ext cx="636713" cy="21544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de-DE" altLang="de-DE" sz="800" b="1" dirty="0">
                <a:cs typeface="Arial" panose="020B0604020202020204" pitchFamily="34" charset="0"/>
              </a:rPr>
              <a:t>EUR mill.</a:t>
            </a:r>
          </a:p>
        </p:txBody>
      </p:sp>
      <p:sp>
        <p:nvSpPr>
          <p:cNvPr id="26630" name="Titel 1"/>
          <p:cNvSpPr>
            <a:spLocks noGrp="1"/>
          </p:cNvSpPr>
          <p:nvPr>
            <p:ph type="title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r>
              <a:rPr lang="en-US" altLang="de-DE" sz="3600" dirty="0" smtClean="0">
                <a:latin typeface="Arial" panose="020B0604020202020204" pitchFamily="34" charset="0"/>
                <a:cs typeface="Arial" panose="020B0604020202020204" pitchFamily="34" charset="0"/>
              </a:rPr>
              <a:t>Preliminary results 2016/17</a:t>
            </a:r>
            <a:br>
              <a:rPr lang="en-US" altLang="de-DE" sz="3600" dirty="0" smtClean="0">
                <a:latin typeface="Arial" panose="020B0604020202020204" pitchFamily="34" charset="0"/>
                <a:cs typeface="Arial" panose="020B0604020202020204" pitchFamily="34" charset="0"/>
              </a:rPr>
            </a:br>
            <a:endParaRPr lang="en-US" altLang="de-DE" sz="3600" dirty="0" smtClean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5" name="Textplatzhalter 3"/>
          <p:cNvSpPr>
            <a:spLocks noGrp="1"/>
          </p:cNvSpPr>
          <p:nvPr>
            <p:ph type="body" sz="quarter" idx="10"/>
          </p:nvPr>
        </p:nvSpPr>
        <p:spPr bwMode="auto">
          <a:xfrm>
            <a:off x="346075" y="1169902"/>
            <a:ext cx="8545262" cy="47625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indent="0"/>
            <a:r>
              <a:rPr lang="en-US" altLang="de-DE" dirty="0" smtClean="0">
                <a:latin typeface="Arial" panose="020B0604020202020204" pitchFamily="34" charset="0"/>
                <a:cs typeface="Arial" panose="020B0604020202020204" pitchFamily="34" charset="0"/>
              </a:rPr>
              <a:t>Continuous </a:t>
            </a:r>
            <a:r>
              <a:rPr lang="en-US" altLang="de-DE" dirty="0" smtClean="0">
                <a:cs typeface="Arial" panose="020B0604020202020204" pitchFamily="34" charset="0"/>
              </a:rPr>
              <a:t>growth </a:t>
            </a:r>
            <a:r>
              <a:rPr lang="en-US" altLang="de-DE" dirty="0">
                <a:cs typeface="Arial" panose="020B0604020202020204" pitchFamily="34" charset="0"/>
              </a:rPr>
              <a:t>and earnings </a:t>
            </a:r>
            <a:r>
              <a:rPr lang="en-US" altLang="de-DE" dirty="0" smtClean="0">
                <a:cs typeface="Arial" panose="020B0604020202020204" pitchFamily="34" charset="0"/>
              </a:rPr>
              <a:t>improvement</a:t>
            </a:r>
            <a:r>
              <a:rPr lang="en-US" altLang="de-DE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</a:p>
        </p:txBody>
      </p:sp>
      <p:graphicFrame>
        <p:nvGraphicFramePr>
          <p:cNvPr id="19" name="Diagramm 18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753710511"/>
              </p:ext>
            </p:extLst>
          </p:nvPr>
        </p:nvGraphicFramePr>
        <p:xfrm>
          <a:off x="0" y="2198846"/>
          <a:ext cx="9143999" cy="39994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3" name="Rechteck 2"/>
          <p:cNvSpPr/>
          <p:nvPr/>
        </p:nvSpPr>
        <p:spPr>
          <a:xfrm>
            <a:off x="-140627" y="2301875"/>
            <a:ext cx="792561" cy="356695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20" name="Rechteck 19"/>
          <p:cNvSpPr/>
          <p:nvPr/>
        </p:nvSpPr>
        <p:spPr>
          <a:xfrm>
            <a:off x="8240314" y="2060347"/>
            <a:ext cx="792561" cy="356695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76517159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4579" name="Bild 11" descr="Logocorner.png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4583" name="Bild 10" descr="PPP grau.png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Bild 5" descr="Unbenannt.png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111750" y="4143375"/>
            <a:ext cx="4032250" cy="2714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1" name="Titel 10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z="3600" dirty="0" smtClean="0"/>
              <a:t>Executive Summary</a:t>
            </a:r>
            <a:endParaRPr lang="de-DE" sz="3600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1"/>
          </p:nvPr>
        </p:nvSpPr>
        <p:spPr>
          <a:xfrm>
            <a:off x="351909" y="1285875"/>
            <a:ext cx="7945424" cy="4349750"/>
          </a:xfrm>
        </p:spPr>
        <p:txBody>
          <a:bodyPr/>
          <a:lstStyle/>
          <a:p>
            <a:r>
              <a:rPr lang="en-US" dirty="0" smtClean="0"/>
              <a:t>Air traffic will double in size up to 2034 an require 32.000 new airplane</a:t>
            </a:r>
          </a:p>
          <a:p>
            <a:endParaRPr lang="en-US" sz="1050" dirty="0" smtClean="0"/>
          </a:p>
          <a:p>
            <a:r>
              <a:rPr lang="en-US" dirty="0" smtClean="0"/>
              <a:t>FACC is well positioned in the Aerospace market</a:t>
            </a:r>
          </a:p>
          <a:p>
            <a:pPr lvl="2"/>
            <a:r>
              <a:rPr lang="en-US" sz="1600" dirty="0" smtClean="0"/>
              <a:t>Producing for all major OEM platforms</a:t>
            </a:r>
          </a:p>
          <a:p>
            <a:pPr lvl="2"/>
            <a:r>
              <a:rPr lang="en-US" sz="1600" dirty="0" smtClean="0"/>
              <a:t>New product portfolio with up to 20 years contract terms</a:t>
            </a:r>
          </a:p>
          <a:p>
            <a:pPr lvl="2"/>
            <a:r>
              <a:rPr lang="en-US" sz="1600" dirty="0" smtClean="0"/>
              <a:t>Global network established and footprint in growing regions</a:t>
            </a:r>
          </a:p>
          <a:p>
            <a:pPr lvl="2"/>
            <a:endParaRPr lang="en-US" sz="1000" dirty="0" smtClean="0"/>
          </a:p>
          <a:p>
            <a:r>
              <a:rPr lang="en-US" dirty="0" smtClean="0"/>
              <a:t>150 million EUR organic growth lined up based on today’s market forecast</a:t>
            </a:r>
          </a:p>
          <a:p>
            <a:pPr lvl="2"/>
            <a:r>
              <a:rPr lang="en-US" sz="1600" dirty="0" smtClean="0"/>
              <a:t>A350 production output increasing</a:t>
            </a:r>
          </a:p>
          <a:p>
            <a:pPr lvl="2"/>
            <a:r>
              <a:rPr lang="en-US" sz="1600" dirty="0" smtClean="0"/>
              <a:t>B787 demand increasing in steps between 20% and 40% </a:t>
            </a:r>
            <a:endParaRPr lang="en-US" sz="1600" dirty="0"/>
          </a:p>
          <a:p>
            <a:pPr lvl="2"/>
            <a:r>
              <a:rPr lang="en-US" sz="1600" dirty="0" smtClean="0"/>
              <a:t>Narrow Body production output (A320 &amp; B737) increases by 50%</a:t>
            </a:r>
          </a:p>
          <a:p>
            <a:pPr lvl="2"/>
            <a:r>
              <a:rPr lang="en-US" sz="1600" dirty="0" smtClean="0"/>
              <a:t>Production ramp for C-Series ongoing</a:t>
            </a:r>
          </a:p>
          <a:p>
            <a:pPr lvl="2"/>
            <a:endParaRPr lang="en-US" sz="1000" dirty="0" smtClean="0"/>
          </a:p>
          <a:p>
            <a:r>
              <a:rPr lang="en-US" dirty="0" smtClean="0"/>
              <a:t>Technology Innovation lined up for next generation airplanes</a:t>
            </a:r>
          </a:p>
          <a:p>
            <a:pPr marL="0" indent="0">
              <a:buNone/>
            </a:pPr>
            <a:r>
              <a:rPr lang="en-US" dirty="0" smtClean="0"/>
              <a:t> </a:t>
            </a:r>
          </a:p>
          <a:p>
            <a:r>
              <a:rPr lang="en-US" dirty="0" smtClean="0"/>
              <a:t>Execution of performance measures ongoing</a:t>
            </a:r>
          </a:p>
          <a:p>
            <a:pPr marL="0" indent="0">
              <a:buNone/>
            </a:pP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29616490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0" name="Titel 1"/>
          <p:cNvSpPr>
            <a:spLocks noGrp="1"/>
          </p:cNvSpPr>
          <p:nvPr>
            <p:ph type="title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r>
              <a:rPr lang="en-US" altLang="de-DE" sz="3600" smtClean="0">
                <a:latin typeface="Arial" panose="020B0604020202020204" pitchFamily="34" charset="0"/>
                <a:cs typeface="Arial" panose="020B0604020202020204" pitchFamily="34" charset="0"/>
              </a:rPr>
              <a:t>IR-Information</a:t>
            </a:r>
          </a:p>
        </p:txBody>
      </p:sp>
      <p:graphicFrame>
        <p:nvGraphicFramePr>
          <p:cNvPr id="3" name="Tabel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999459270"/>
              </p:ext>
            </p:extLst>
          </p:nvPr>
        </p:nvGraphicFramePr>
        <p:xfrm>
          <a:off x="431800" y="1736725"/>
          <a:ext cx="4284663" cy="1763713"/>
        </p:xfrm>
        <a:graphic>
          <a:graphicData uri="http://schemas.openxmlformats.org/drawingml/2006/table">
            <a:tbl>
              <a:tblPr firstRow="1" firstCol="1" bandRow="1">
                <a:tableStyleId>{69012ECD-51FC-41F1-AA8D-1B2483CD663E}</a:tableStyleId>
              </a:tblPr>
              <a:tblGrid>
                <a:gridCol w="1656369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628294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51959">
                <a:tc>
                  <a:txBody>
                    <a:bodyPr/>
                    <a:lstStyle/>
                    <a:p>
                      <a:pPr marL="0" algn="l" defTabSz="457200" rtl="0" eaLnBrk="1" latinLnBrk="0" hangingPunct="1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b="1" kern="1200" dirty="0" smtClean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ISIN</a:t>
                      </a:r>
                      <a:endParaRPr lang="de-DE" sz="1100" b="1" kern="1200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kern="1200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AT00000FACC2</a:t>
                      </a: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51959"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Official</a:t>
                      </a:r>
                      <a:r>
                        <a:rPr lang="de-DE" sz="1100" baseline="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Market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Vienna</a:t>
                      </a:r>
                      <a:r>
                        <a:rPr lang="de-DE" sz="1100" baseline="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Stock Exchange / prime-</a:t>
                      </a:r>
                      <a:r>
                        <a:rPr lang="de-DE" sz="1100" baseline="0" dirty="0" err="1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arket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51959"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Ticker</a:t>
                      </a:r>
                      <a:r>
                        <a:rPr lang="de-DE" sz="1100" baseline="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Symbol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FACC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51959">
                <a:tc>
                  <a:txBody>
                    <a:bodyPr/>
                    <a:lstStyle/>
                    <a:p>
                      <a:pPr marL="176213" lvl="1" indent="0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euters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FACC.VI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51959">
                <a:tc>
                  <a:txBody>
                    <a:bodyPr/>
                    <a:lstStyle/>
                    <a:p>
                      <a:pPr marL="176213" lvl="1" indent="0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Bloomberg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FACC AV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51959"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hares Outstanding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45,790,000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51959"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arket</a:t>
                      </a:r>
                      <a:r>
                        <a:rPr lang="de-DE" sz="1100" baseline="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de-DE" sz="1100" baseline="0" dirty="0" err="1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pitalisation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de-DE" sz="110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~ 270 EUR </a:t>
                      </a:r>
                      <a:r>
                        <a:rPr lang="de-DE" sz="1100" baseline="0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ll.</a:t>
                      </a:r>
                      <a:endParaRPr lang="de-DE" sz="1100" dirty="0">
                        <a:effectLst/>
                        <a:latin typeface="Arial" panose="020B0604020202020204" pitchFamily="34" charset="0"/>
                        <a:ea typeface="Calibri" panose="020F0502020204030204" pitchFamily="34" charset="0"/>
                        <a:cs typeface="Arial" panose="020B0604020202020204" pitchFamily="34" charset="0"/>
                      </a:endParaRPr>
                    </a:p>
                  </a:txBody>
                  <a:tcPr marL="44455" marR="44455" marT="0" marB="0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</a:tbl>
          </a:graphicData>
        </a:graphic>
      </p:graphicFrame>
      <p:sp>
        <p:nvSpPr>
          <p:cNvPr id="7" name="Textplatzhalter 9"/>
          <p:cNvSpPr txBox="1">
            <a:spLocks/>
          </p:cNvSpPr>
          <p:nvPr/>
        </p:nvSpPr>
        <p:spPr>
          <a:xfrm>
            <a:off x="338138" y="1316038"/>
            <a:ext cx="3240087" cy="395287"/>
          </a:xfrm>
          <a:prstGeom prst="rect">
            <a:avLst/>
          </a:prstGeom>
          <a:noFill/>
          <a:ln>
            <a:noFill/>
          </a:ln>
          <a:effectLst>
            <a:outerShdw blurRad="50800" dist="38100" dir="2700000" algn="tl" rotWithShape="0">
              <a:schemeClr val="bg1">
                <a:lumMod val="75000"/>
                <a:alpha val="40000"/>
              </a:schemeClr>
            </a:outerShdw>
          </a:effectLst>
        </p:spPr>
        <p:txBody>
          <a:bodyPr/>
          <a:lstStyle>
            <a:lvl1pPr marL="269875" indent="-269875" algn="l" defTabSz="457200" rtl="0" eaLnBrk="0" fontAlgn="base" hangingPunct="0">
              <a:spcBef>
                <a:spcPts val="600"/>
              </a:spcBef>
              <a:spcAft>
                <a:spcPct val="0"/>
              </a:spcAft>
              <a:buClr>
                <a:srgbClr val="895B5D"/>
              </a:buClr>
              <a:buSzPct val="120000"/>
              <a:buFont typeface="Wingdings" charset="2"/>
              <a:buChar char="§"/>
              <a:defRPr sz="1600" kern="1200">
                <a:solidFill>
                  <a:srgbClr val="515357"/>
                </a:solidFill>
                <a:latin typeface="Arial"/>
                <a:ea typeface="ＭＳ Ｐゴシック" pitchFamily="-1" charset="-128"/>
                <a:cs typeface="Arial"/>
              </a:defRPr>
            </a:lvl1pPr>
            <a:lvl2pPr marL="269875" indent="-269875" algn="l" defTabSz="457200" rtl="0" eaLnBrk="0" fontAlgn="base" hangingPunct="0">
              <a:spcBef>
                <a:spcPts val="600"/>
              </a:spcBef>
              <a:spcAft>
                <a:spcPct val="0"/>
              </a:spcAft>
              <a:buClr>
                <a:srgbClr val="895B5D"/>
              </a:buClr>
              <a:buSzPct val="120000"/>
              <a:buFont typeface="Wingdings" charset="2"/>
              <a:buChar char="§"/>
              <a:defRPr sz="1600" kern="1200">
                <a:solidFill>
                  <a:srgbClr val="515357"/>
                </a:solidFill>
                <a:latin typeface="Arial"/>
                <a:ea typeface="ＭＳ Ｐゴシック" pitchFamily="-1" charset="-128"/>
                <a:cs typeface="Arial"/>
              </a:defRPr>
            </a:lvl2pPr>
            <a:lvl3pPr marL="1143000" indent="-228600" algn="l" defTabSz="457200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•"/>
              <a:defRPr sz="2400" kern="1200">
                <a:solidFill>
                  <a:schemeClr val="tx1"/>
                </a:solidFill>
                <a:latin typeface="Arial"/>
                <a:ea typeface="ＭＳ Ｐゴシック" pitchFamily="-1" charset="-128"/>
                <a:cs typeface="Arial"/>
              </a:defRPr>
            </a:lvl3pPr>
            <a:lvl4pPr marL="1600200" indent="-228600" algn="l" defTabSz="457200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–"/>
              <a:defRPr sz="2000" kern="1200">
                <a:solidFill>
                  <a:schemeClr val="tx1"/>
                </a:solidFill>
                <a:latin typeface="Arial"/>
                <a:ea typeface="ＭＳ Ｐゴシック" pitchFamily="-1" charset="-128"/>
                <a:cs typeface="Arial"/>
              </a:defRPr>
            </a:lvl4pPr>
            <a:lvl5pPr marL="2057400" indent="-228600" algn="l" defTabSz="457200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2000" kern="1200">
                <a:solidFill>
                  <a:schemeClr val="tx1"/>
                </a:solidFill>
                <a:latin typeface="Arial"/>
                <a:ea typeface="ＭＳ Ｐゴシック" pitchFamily="-1" charset="-128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spcAft>
                <a:spcPts val="0"/>
              </a:spcAft>
              <a:buFont typeface="Wingdings" charset="2"/>
              <a:buNone/>
              <a:defRPr/>
            </a:pPr>
            <a:r>
              <a:rPr lang="en-US" dirty="0" smtClean="0"/>
              <a:t>Share Information</a:t>
            </a:r>
          </a:p>
        </p:txBody>
      </p:sp>
      <p:sp>
        <p:nvSpPr>
          <p:cNvPr id="37914" name="Line 6"/>
          <p:cNvSpPr>
            <a:spLocks noChangeShapeType="1"/>
          </p:cNvSpPr>
          <p:nvPr/>
        </p:nvSpPr>
        <p:spPr bwMode="gray">
          <a:xfrm>
            <a:off x="431800" y="1628775"/>
            <a:ext cx="4248150" cy="0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de-DE"/>
          </a:p>
        </p:txBody>
      </p:sp>
      <p:sp>
        <p:nvSpPr>
          <p:cNvPr id="12" name="Textplatzhalter 9"/>
          <p:cNvSpPr txBox="1">
            <a:spLocks/>
          </p:cNvSpPr>
          <p:nvPr/>
        </p:nvSpPr>
        <p:spPr>
          <a:xfrm>
            <a:off x="4751388" y="1316038"/>
            <a:ext cx="3241675" cy="395287"/>
          </a:xfrm>
          <a:prstGeom prst="rect">
            <a:avLst/>
          </a:prstGeom>
          <a:noFill/>
          <a:ln>
            <a:noFill/>
          </a:ln>
          <a:effectLst>
            <a:outerShdw blurRad="50800" dist="38100" dir="2700000" algn="tl" rotWithShape="0">
              <a:schemeClr val="bg1">
                <a:lumMod val="75000"/>
                <a:alpha val="40000"/>
              </a:schemeClr>
            </a:outerShdw>
          </a:effectLst>
        </p:spPr>
        <p:txBody>
          <a:bodyPr/>
          <a:lstStyle>
            <a:lvl1pPr marL="269875" indent="-269875" algn="l" defTabSz="457200" rtl="0" eaLnBrk="0" fontAlgn="base" hangingPunct="0">
              <a:spcBef>
                <a:spcPts val="600"/>
              </a:spcBef>
              <a:spcAft>
                <a:spcPct val="0"/>
              </a:spcAft>
              <a:buClr>
                <a:srgbClr val="895B5D"/>
              </a:buClr>
              <a:buSzPct val="120000"/>
              <a:buFont typeface="Wingdings" charset="2"/>
              <a:buChar char="§"/>
              <a:defRPr sz="1600" kern="1200">
                <a:solidFill>
                  <a:srgbClr val="515357"/>
                </a:solidFill>
                <a:latin typeface="Arial"/>
                <a:ea typeface="ＭＳ Ｐゴシック" pitchFamily="-1" charset="-128"/>
                <a:cs typeface="Arial"/>
              </a:defRPr>
            </a:lvl1pPr>
            <a:lvl2pPr marL="269875" indent="-269875" algn="l" defTabSz="457200" rtl="0" eaLnBrk="0" fontAlgn="base" hangingPunct="0">
              <a:spcBef>
                <a:spcPts val="600"/>
              </a:spcBef>
              <a:spcAft>
                <a:spcPct val="0"/>
              </a:spcAft>
              <a:buClr>
                <a:srgbClr val="895B5D"/>
              </a:buClr>
              <a:buSzPct val="120000"/>
              <a:buFont typeface="Wingdings" charset="2"/>
              <a:buChar char="§"/>
              <a:defRPr sz="1600" kern="1200">
                <a:solidFill>
                  <a:srgbClr val="515357"/>
                </a:solidFill>
                <a:latin typeface="Arial"/>
                <a:ea typeface="ＭＳ Ｐゴシック" pitchFamily="-1" charset="-128"/>
                <a:cs typeface="Arial"/>
              </a:defRPr>
            </a:lvl2pPr>
            <a:lvl3pPr marL="1143000" indent="-228600" algn="l" defTabSz="457200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•"/>
              <a:defRPr sz="2400" kern="1200">
                <a:solidFill>
                  <a:schemeClr val="tx1"/>
                </a:solidFill>
                <a:latin typeface="Arial"/>
                <a:ea typeface="ＭＳ Ｐゴシック" pitchFamily="-1" charset="-128"/>
                <a:cs typeface="Arial"/>
              </a:defRPr>
            </a:lvl3pPr>
            <a:lvl4pPr marL="1600200" indent="-228600" algn="l" defTabSz="457200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–"/>
              <a:defRPr sz="2000" kern="1200">
                <a:solidFill>
                  <a:schemeClr val="tx1"/>
                </a:solidFill>
                <a:latin typeface="Arial"/>
                <a:ea typeface="ＭＳ Ｐゴシック" pitchFamily="-1" charset="-128"/>
                <a:cs typeface="Arial"/>
              </a:defRPr>
            </a:lvl4pPr>
            <a:lvl5pPr marL="2057400" indent="-228600" algn="l" defTabSz="457200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2000" kern="1200">
                <a:solidFill>
                  <a:schemeClr val="tx1"/>
                </a:solidFill>
                <a:latin typeface="Arial"/>
                <a:ea typeface="ＭＳ Ｐゴシック" pitchFamily="-1" charset="-128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spcAft>
                <a:spcPts val="0"/>
              </a:spcAft>
              <a:buFont typeface="Wingdings" charset="2"/>
              <a:buNone/>
              <a:defRPr/>
            </a:pPr>
            <a:r>
              <a:rPr lang="en-US" dirty="0" smtClean="0"/>
              <a:t>IR Contact</a:t>
            </a:r>
          </a:p>
        </p:txBody>
      </p:sp>
      <p:sp>
        <p:nvSpPr>
          <p:cNvPr id="13" name="Textplatzhalter 9"/>
          <p:cNvSpPr txBox="1">
            <a:spLocks/>
          </p:cNvSpPr>
          <p:nvPr/>
        </p:nvSpPr>
        <p:spPr>
          <a:xfrm>
            <a:off x="4765675" y="4194175"/>
            <a:ext cx="2778125" cy="396875"/>
          </a:xfrm>
          <a:prstGeom prst="rect">
            <a:avLst/>
          </a:prstGeom>
          <a:noFill/>
          <a:ln>
            <a:noFill/>
          </a:ln>
          <a:effectLst>
            <a:outerShdw blurRad="50800" dist="38100" dir="2700000" algn="tl" rotWithShape="0">
              <a:schemeClr val="bg1">
                <a:lumMod val="75000"/>
                <a:alpha val="40000"/>
              </a:schemeClr>
            </a:outerShdw>
          </a:effectLst>
        </p:spPr>
        <p:txBody>
          <a:bodyPr/>
          <a:lstStyle>
            <a:lvl1pPr marL="269875" indent="-269875" algn="l" defTabSz="457200" rtl="0" eaLnBrk="0" fontAlgn="base" hangingPunct="0">
              <a:spcBef>
                <a:spcPts val="600"/>
              </a:spcBef>
              <a:spcAft>
                <a:spcPct val="0"/>
              </a:spcAft>
              <a:buClr>
                <a:srgbClr val="895B5D"/>
              </a:buClr>
              <a:buSzPct val="120000"/>
              <a:buFont typeface="Wingdings" charset="2"/>
              <a:buChar char="§"/>
              <a:defRPr sz="1600" kern="1200">
                <a:solidFill>
                  <a:srgbClr val="515357"/>
                </a:solidFill>
                <a:latin typeface="Arial"/>
                <a:ea typeface="ＭＳ Ｐゴシック" pitchFamily="-1" charset="-128"/>
                <a:cs typeface="Arial"/>
              </a:defRPr>
            </a:lvl1pPr>
            <a:lvl2pPr marL="269875" indent="-269875" algn="l" defTabSz="457200" rtl="0" eaLnBrk="0" fontAlgn="base" hangingPunct="0">
              <a:spcBef>
                <a:spcPts val="600"/>
              </a:spcBef>
              <a:spcAft>
                <a:spcPct val="0"/>
              </a:spcAft>
              <a:buClr>
                <a:srgbClr val="895B5D"/>
              </a:buClr>
              <a:buSzPct val="120000"/>
              <a:buFont typeface="Wingdings" charset="2"/>
              <a:buChar char="§"/>
              <a:defRPr sz="1600" kern="1200">
                <a:solidFill>
                  <a:srgbClr val="515357"/>
                </a:solidFill>
                <a:latin typeface="Arial"/>
                <a:ea typeface="ＭＳ Ｐゴシック" pitchFamily="-1" charset="-128"/>
                <a:cs typeface="Arial"/>
              </a:defRPr>
            </a:lvl2pPr>
            <a:lvl3pPr marL="1143000" indent="-228600" algn="l" defTabSz="457200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•"/>
              <a:defRPr sz="2400" kern="1200">
                <a:solidFill>
                  <a:schemeClr val="tx1"/>
                </a:solidFill>
                <a:latin typeface="Arial"/>
                <a:ea typeface="ＭＳ Ｐゴシック" pitchFamily="-1" charset="-128"/>
                <a:cs typeface="Arial"/>
              </a:defRPr>
            </a:lvl3pPr>
            <a:lvl4pPr marL="1600200" indent="-228600" algn="l" defTabSz="457200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–"/>
              <a:defRPr sz="2000" kern="1200">
                <a:solidFill>
                  <a:schemeClr val="tx1"/>
                </a:solidFill>
                <a:latin typeface="Arial"/>
                <a:ea typeface="ＭＳ Ｐゴシック" pitchFamily="-1" charset="-128"/>
                <a:cs typeface="Arial"/>
              </a:defRPr>
            </a:lvl4pPr>
            <a:lvl5pPr marL="2057400" indent="-228600" algn="l" defTabSz="457200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2000" kern="1200">
                <a:solidFill>
                  <a:schemeClr val="tx1"/>
                </a:solidFill>
                <a:latin typeface="Arial"/>
                <a:ea typeface="ＭＳ Ｐゴシック" pitchFamily="-1" charset="-128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spcAft>
                <a:spcPts val="0"/>
              </a:spcAft>
              <a:buFont typeface="Wingdings" charset="2"/>
              <a:buNone/>
              <a:defRPr/>
            </a:pPr>
            <a:r>
              <a:rPr lang="en-US" dirty="0" smtClean="0"/>
              <a:t>Shareholder Structure</a:t>
            </a:r>
          </a:p>
        </p:txBody>
      </p:sp>
      <p:sp>
        <p:nvSpPr>
          <p:cNvPr id="37917" name="Line 6"/>
          <p:cNvSpPr>
            <a:spLocks noChangeShapeType="1"/>
          </p:cNvSpPr>
          <p:nvPr/>
        </p:nvSpPr>
        <p:spPr bwMode="gray">
          <a:xfrm flipV="1">
            <a:off x="4845050" y="1620838"/>
            <a:ext cx="3759200" cy="7937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de-DE"/>
          </a:p>
        </p:txBody>
      </p:sp>
      <p:sp>
        <p:nvSpPr>
          <p:cNvPr id="37918" name="Line 6"/>
          <p:cNvSpPr>
            <a:spLocks noChangeShapeType="1"/>
          </p:cNvSpPr>
          <p:nvPr/>
        </p:nvSpPr>
        <p:spPr bwMode="gray">
          <a:xfrm>
            <a:off x="4859338" y="4498975"/>
            <a:ext cx="3852862" cy="7938"/>
          </a:xfrm>
          <a:prstGeom prst="line">
            <a:avLst/>
          </a:prstGeom>
          <a:noFill/>
          <a:ln w="6350">
            <a:solidFill>
              <a:srgbClr val="93959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de-DE"/>
          </a:p>
        </p:txBody>
      </p:sp>
      <p:sp>
        <p:nvSpPr>
          <p:cNvPr id="37919" name="Rechteck 1"/>
          <p:cNvSpPr>
            <a:spLocks noChangeArrowheads="1"/>
          </p:cNvSpPr>
          <p:nvPr/>
        </p:nvSpPr>
        <p:spPr bwMode="auto">
          <a:xfrm>
            <a:off x="4848225" y="1722438"/>
            <a:ext cx="2495550" cy="16160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>
              <a:lnSpc>
                <a:spcPct val="150000"/>
              </a:lnSpc>
            </a:pPr>
            <a:r>
              <a:rPr lang="de-DE" altLang="de-DE" sz="1100" b="1">
                <a:solidFill>
                  <a:srgbClr val="000000"/>
                </a:solidFill>
                <a:ea typeface="Times New Roman" panose="02020603050405020304" pitchFamily="18" charset="0"/>
                <a:cs typeface="Arial" panose="020B0604020202020204" pitchFamily="34" charset="0"/>
              </a:rPr>
              <a:t>Manuel Taverne</a:t>
            </a:r>
            <a:endParaRPr lang="de-DE" altLang="de-DE" sz="1100">
              <a:ea typeface="Calibri" panose="020F0502020204030204" pitchFamily="34" charset="0"/>
              <a:cs typeface="Arial" panose="020B0604020202020204" pitchFamily="34" charset="0"/>
            </a:endParaRPr>
          </a:p>
          <a:p>
            <a:pPr>
              <a:lnSpc>
                <a:spcPct val="150000"/>
              </a:lnSpc>
            </a:pPr>
            <a:r>
              <a:rPr lang="de-DE" altLang="de-DE" sz="1100">
                <a:solidFill>
                  <a:srgbClr val="000000"/>
                </a:solidFill>
                <a:ea typeface="Times New Roman" panose="02020603050405020304" pitchFamily="18" charset="0"/>
                <a:cs typeface="Arial" panose="020B0604020202020204" pitchFamily="34" charset="0"/>
              </a:rPr>
              <a:t>Director Investor Relations</a:t>
            </a:r>
            <a:endParaRPr lang="de-DE" altLang="de-DE" sz="1100">
              <a:ea typeface="Calibri" panose="020F0502020204030204" pitchFamily="34" charset="0"/>
              <a:cs typeface="Arial" panose="020B0604020202020204" pitchFamily="34" charset="0"/>
            </a:endParaRPr>
          </a:p>
          <a:p>
            <a:pPr>
              <a:lnSpc>
                <a:spcPct val="150000"/>
              </a:lnSpc>
            </a:pPr>
            <a:r>
              <a:rPr lang="de-DE" altLang="de-DE" sz="1100">
                <a:solidFill>
                  <a:srgbClr val="000000"/>
                </a:solidFill>
                <a:ea typeface="Times New Roman" panose="02020603050405020304" pitchFamily="18" charset="0"/>
                <a:cs typeface="Arial" panose="020B0604020202020204" pitchFamily="34" charset="0"/>
              </a:rPr>
              <a:t> </a:t>
            </a:r>
            <a:endParaRPr lang="de-DE" altLang="de-DE" sz="1100">
              <a:ea typeface="Calibri" panose="020F0502020204030204" pitchFamily="34" charset="0"/>
              <a:cs typeface="Arial" panose="020B0604020202020204" pitchFamily="34" charset="0"/>
            </a:endParaRPr>
          </a:p>
          <a:p>
            <a:pPr>
              <a:lnSpc>
                <a:spcPct val="150000"/>
              </a:lnSpc>
            </a:pPr>
            <a:r>
              <a:rPr lang="en-US" altLang="de-DE" sz="1100">
                <a:solidFill>
                  <a:srgbClr val="000000"/>
                </a:solidFill>
                <a:ea typeface="Times New Roman" panose="02020603050405020304" pitchFamily="18" charset="0"/>
                <a:cs typeface="Arial" panose="020B0604020202020204" pitchFamily="34" charset="0"/>
              </a:rPr>
              <a:t>Phone: +43/59/616-2819</a:t>
            </a:r>
            <a:endParaRPr lang="de-DE" altLang="de-DE" sz="1100">
              <a:ea typeface="Calibri" panose="020F0502020204030204" pitchFamily="34" charset="0"/>
              <a:cs typeface="Arial" panose="020B0604020202020204" pitchFamily="34" charset="0"/>
            </a:endParaRPr>
          </a:p>
          <a:p>
            <a:pPr>
              <a:lnSpc>
                <a:spcPct val="150000"/>
              </a:lnSpc>
            </a:pPr>
            <a:r>
              <a:rPr lang="en-US" altLang="de-DE" sz="1100">
                <a:solidFill>
                  <a:srgbClr val="000000"/>
                </a:solidFill>
                <a:ea typeface="Times New Roman" panose="02020603050405020304" pitchFamily="18" charset="0"/>
                <a:cs typeface="Arial" panose="020B0604020202020204" pitchFamily="34" charset="0"/>
              </a:rPr>
              <a:t>Mobile: +43/664/80119 2819</a:t>
            </a:r>
            <a:endParaRPr lang="de-DE" altLang="de-DE" sz="1100">
              <a:ea typeface="Calibri" panose="020F0502020204030204" pitchFamily="34" charset="0"/>
              <a:cs typeface="Arial" panose="020B0604020202020204" pitchFamily="34" charset="0"/>
            </a:endParaRPr>
          </a:p>
          <a:p>
            <a:pPr>
              <a:lnSpc>
                <a:spcPct val="150000"/>
              </a:lnSpc>
            </a:pPr>
            <a:r>
              <a:rPr lang="it-IT" altLang="de-DE" sz="1100">
                <a:solidFill>
                  <a:srgbClr val="000000"/>
                </a:solidFill>
                <a:ea typeface="Times New Roman" panose="02020603050405020304" pitchFamily="18" charset="0"/>
                <a:cs typeface="Arial" panose="020B0604020202020204" pitchFamily="34" charset="0"/>
              </a:rPr>
              <a:t>e-mail: m.taverne@facc.com­</a:t>
            </a:r>
            <a:endParaRPr lang="de-DE" altLang="de-DE" sz="1100">
              <a:ea typeface="Calibri" panose="020F050202020403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37920" name="Diagramm 15"/>
          <p:cNvGraphicFramePr>
            <a:graphicFrameLocks/>
          </p:cNvGraphicFramePr>
          <p:nvPr/>
        </p:nvGraphicFramePr>
        <p:xfrm>
          <a:off x="4743450" y="4540250"/>
          <a:ext cx="3962400" cy="19669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974" name="Diagramm" r:id="rId4" imgW="3968840" imgH="1975275" progId="Excel.Chart.8">
                  <p:embed/>
                </p:oleObj>
              </mc:Choice>
              <mc:Fallback>
                <p:oleObj name="Diagramm" r:id="rId4" imgW="3968840" imgH="1975275" progId="Excel.Chart.8">
                  <p:embed/>
                  <p:pic>
                    <p:nvPicPr>
                      <p:cNvPr id="0" name="Diagramm 15"/>
                      <p:cNvPicPr>
                        <a:picLocks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743450" y="4540250"/>
                        <a:ext cx="3962400" cy="1966913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194" name="Bild 8" descr="Balken Headline.jpg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360582" y="4689140"/>
            <a:ext cx="7801501" cy="106944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195" name="Bild 8" descr="Balken Headline.jpg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362376" y="3465004"/>
            <a:ext cx="7799707" cy="10694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196" name="Bild 8" descr="Balken Headline.jpg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362376" y="2204864"/>
            <a:ext cx="7799707" cy="10694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200" name="Textfeld 7"/>
          <p:cNvSpPr txBox="1">
            <a:spLocks noChangeArrowheads="1"/>
          </p:cNvSpPr>
          <p:nvPr/>
        </p:nvSpPr>
        <p:spPr bwMode="auto">
          <a:xfrm>
            <a:off x="7333035" y="3681486"/>
            <a:ext cx="1697555" cy="584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prstTxWarp prst="textNoShape">
              <a:avLst/>
            </a:prstTxWarp>
            <a:spAutoFit/>
          </a:bodyPr>
          <a:lstStyle/>
          <a:p>
            <a:pPr eaLnBrk="1" hangingPunct="1"/>
            <a:r>
              <a:rPr lang="en-US" sz="1600" b="1" dirty="0">
                <a:solidFill>
                  <a:prstClr val="white"/>
                </a:solidFill>
                <a:ea typeface="Arial" pitchFamily="-84" charset="0"/>
                <a:cs typeface="Arial" pitchFamily="-84" charset="0"/>
              </a:rPr>
              <a:t>ENGINES &amp; NACELLES</a:t>
            </a:r>
          </a:p>
        </p:txBody>
      </p:sp>
      <p:sp>
        <p:nvSpPr>
          <p:cNvPr id="8201" name="Textfeld 7"/>
          <p:cNvSpPr txBox="1">
            <a:spLocks noChangeArrowheads="1"/>
          </p:cNvSpPr>
          <p:nvPr/>
        </p:nvSpPr>
        <p:spPr bwMode="auto">
          <a:xfrm>
            <a:off x="7342757" y="5029435"/>
            <a:ext cx="1678112" cy="338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prstTxWarp prst="textNoShape">
              <a:avLst/>
            </a:prstTxWarp>
            <a:spAutoFit/>
          </a:bodyPr>
          <a:lstStyle/>
          <a:p>
            <a:pPr eaLnBrk="1" hangingPunct="1"/>
            <a:r>
              <a:rPr lang="en-US" sz="1600" b="1" dirty="0">
                <a:solidFill>
                  <a:prstClr val="white"/>
                </a:solidFill>
                <a:ea typeface="Arial" pitchFamily="-84" charset="0"/>
                <a:cs typeface="Arial" pitchFamily="-84" charset="0"/>
              </a:rPr>
              <a:t>INTERIORS</a:t>
            </a:r>
          </a:p>
        </p:txBody>
      </p:sp>
      <p:sp>
        <p:nvSpPr>
          <p:cNvPr id="8202" name="Textfeld 14"/>
          <p:cNvSpPr txBox="1">
            <a:spLocks noChangeArrowheads="1"/>
          </p:cNvSpPr>
          <p:nvPr/>
        </p:nvSpPr>
        <p:spPr bwMode="auto">
          <a:xfrm>
            <a:off x="411163" y="523875"/>
            <a:ext cx="8118475" cy="9694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prstTxWarp prst="textNoShape">
              <a:avLst/>
            </a:prstTxWarp>
            <a:spAutoFit/>
          </a:bodyPr>
          <a:lstStyle/>
          <a:p>
            <a:pPr eaLnBrk="1" hangingPunct="1">
              <a:spcAft>
                <a:spcPts val="600"/>
              </a:spcAft>
            </a:pPr>
            <a:r>
              <a:rPr lang="en-US" sz="3600" dirty="0" smtClean="0">
                <a:solidFill>
                  <a:srgbClr val="895B5D"/>
                </a:solidFill>
                <a:ea typeface="ＭＳ Ｐゴシック" pitchFamily="34" charset="-128"/>
                <a:cs typeface="Arial" pitchFamily="-84" charset="0"/>
              </a:rPr>
              <a:t>FACC </a:t>
            </a:r>
            <a:r>
              <a:rPr lang="en-US" sz="3600" dirty="0" smtClean="0">
                <a:solidFill>
                  <a:srgbClr val="895B5D"/>
                </a:solidFill>
                <a:ea typeface="ＭＳ Ｐゴシック" pitchFamily="34" charset="-128"/>
              </a:rPr>
              <a:t>activities </a:t>
            </a:r>
            <a:r>
              <a:rPr lang="en-US" sz="3600" dirty="0">
                <a:solidFill>
                  <a:srgbClr val="895B5D"/>
                </a:solidFill>
                <a:ea typeface="ＭＳ Ｐゴシック" pitchFamily="34" charset="-128"/>
              </a:rPr>
              <a:t>are </a:t>
            </a:r>
            <a:r>
              <a:rPr lang="en-US" sz="3600" dirty="0" smtClean="0">
                <a:solidFill>
                  <a:srgbClr val="895B5D"/>
                </a:solidFill>
                <a:ea typeface="ＭＳ Ｐゴシック" pitchFamily="34" charset="-128"/>
              </a:rPr>
              <a:t>focused…</a:t>
            </a:r>
            <a:endParaRPr lang="en-US" sz="3600" dirty="0">
              <a:solidFill>
                <a:srgbClr val="895B5D"/>
              </a:solidFill>
              <a:ea typeface="ＭＳ Ｐゴシック" pitchFamily="34" charset="-128"/>
            </a:endParaRPr>
          </a:p>
          <a:p>
            <a:pPr eaLnBrk="1" hangingPunct="1">
              <a:spcAft>
                <a:spcPts val="600"/>
              </a:spcAft>
            </a:pPr>
            <a:r>
              <a:rPr lang="en-US" sz="1600" dirty="0" smtClean="0">
                <a:solidFill>
                  <a:srgbClr val="7F8185"/>
                </a:solidFill>
                <a:ea typeface="ＭＳ Ｐゴシック" pitchFamily="34" charset="-128"/>
              </a:rPr>
              <a:t>…on </a:t>
            </a:r>
            <a:r>
              <a:rPr lang="en-US" sz="1600" dirty="0">
                <a:solidFill>
                  <a:srgbClr val="7F8185"/>
                </a:solidFill>
                <a:ea typeface="ＭＳ Ｐゴシック" pitchFamily="34" charset="-128"/>
              </a:rPr>
              <a:t>a defined product portfolio from the product idea to customer tailored solutions</a:t>
            </a:r>
            <a:endParaRPr lang="en-US" sz="4000" dirty="0">
              <a:solidFill>
                <a:srgbClr val="7F8185"/>
              </a:solidFill>
              <a:ea typeface="ＭＳ Ｐゴシック" pitchFamily="34" charset="-128"/>
            </a:endParaRPr>
          </a:p>
        </p:txBody>
      </p:sp>
      <p:sp>
        <p:nvSpPr>
          <p:cNvPr id="8204" name="Textfeld 7"/>
          <p:cNvSpPr txBox="1">
            <a:spLocks noChangeArrowheads="1"/>
          </p:cNvSpPr>
          <p:nvPr/>
        </p:nvSpPr>
        <p:spPr bwMode="auto">
          <a:xfrm>
            <a:off x="6933780" y="2576499"/>
            <a:ext cx="2228303" cy="338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prstTxWarp prst="textNoShape">
              <a:avLst/>
            </a:prstTxWarp>
            <a:spAutoFit/>
          </a:bodyPr>
          <a:lstStyle/>
          <a:p>
            <a:pPr eaLnBrk="1" hangingPunct="1"/>
            <a:r>
              <a:rPr lang="en-US" sz="1600" b="1" dirty="0">
                <a:solidFill>
                  <a:prstClr val="white"/>
                </a:solidFill>
                <a:ea typeface="Arial" pitchFamily="-84" charset="0"/>
                <a:cs typeface="Arial" pitchFamily="-84" charset="0"/>
              </a:rPr>
              <a:t>AEROSTRUCTURES</a:t>
            </a:r>
          </a:p>
        </p:txBody>
      </p:sp>
      <p:pic>
        <p:nvPicPr>
          <p:cNvPr id="8205" name="Bild 18" descr="Unbenannt.png"/>
          <p:cNvPicPr>
            <a:picLocks noChangeAspect="1"/>
          </p:cNvPicPr>
          <p:nvPr/>
        </p:nvPicPr>
        <p:blipFill rotWithShape="1"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1369157" y="2098675"/>
            <a:ext cx="5535501" cy="364410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Bild 27" descr="Flieger oben ppt.png"/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604" y="2354159"/>
            <a:ext cx="1651000" cy="10144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3" name="Bild 29" descr="Triebwerk-Seitlich PPT.png"/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51401" y="3594462"/>
            <a:ext cx="1119187" cy="7588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4" name="Bild 18" descr="Bildschirmfoto 2012-06-20 um 13.31.08.png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80425" y="4847622"/>
            <a:ext cx="823912" cy="752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41087418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Textfeld 14"/>
          <p:cNvSpPr txBox="1">
            <a:spLocks noChangeArrowheads="1"/>
          </p:cNvSpPr>
          <p:nvPr/>
        </p:nvSpPr>
        <p:spPr bwMode="auto">
          <a:xfrm>
            <a:off x="315913" y="523875"/>
            <a:ext cx="8586787" cy="64633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9pPr>
          </a:lstStyle>
          <a:p>
            <a:pPr eaLnBrk="1" hangingPunct="1">
              <a:spcAft>
                <a:spcPts val="600"/>
              </a:spcAft>
            </a:pPr>
            <a:r>
              <a:rPr lang="en-US" altLang="de-DE" sz="3600" dirty="0" smtClean="0">
                <a:solidFill>
                  <a:srgbClr val="895B5D"/>
                </a:solidFill>
                <a:cs typeface="Arial" panose="020B0604020202020204" pitchFamily="34" charset="0"/>
              </a:rPr>
              <a:t>Program portfolio (1) </a:t>
            </a:r>
            <a:endParaRPr lang="en-US" altLang="de-DE" sz="3600" dirty="0">
              <a:solidFill>
                <a:srgbClr val="895B5D"/>
              </a:solidFill>
              <a:cs typeface="Arial" panose="020B0604020202020204" pitchFamily="34" charset="0"/>
            </a:endParaRPr>
          </a:p>
        </p:txBody>
      </p:sp>
      <p:sp>
        <p:nvSpPr>
          <p:cNvPr id="18435" name="Text Box 2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441325" y="1716088"/>
            <a:ext cx="8401050" cy="360362"/>
          </a:xfrm>
          <a:prstGeom prst="rect">
            <a:avLst/>
          </a:prstGeom>
          <a:solidFill>
            <a:srgbClr val="895B5D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9pPr>
          </a:lstStyle>
          <a:p>
            <a:pPr algn="ctr" eaLnBrk="1" hangingPunct="1"/>
            <a:r>
              <a:rPr lang="en-US" altLang="de-DE" sz="1400" b="1" dirty="0" smtClean="0">
                <a:solidFill>
                  <a:prstClr val="white"/>
                </a:solidFill>
              </a:rPr>
              <a:t>CIVIL AEROSPACE</a:t>
            </a:r>
            <a:endParaRPr lang="en-US" altLang="de-DE" sz="1400" b="1" dirty="0">
              <a:solidFill>
                <a:prstClr val="white"/>
              </a:solidFill>
            </a:endParaRPr>
          </a:p>
        </p:txBody>
      </p:sp>
      <p:pic>
        <p:nvPicPr>
          <p:cNvPr id="18436" name="Grafik 51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1325" y="2133600"/>
            <a:ext cx="8405813" cy="44005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extplatzhalter 3"/>
          <p:cNvSpPr txBox="1">
            <a:spLocks/>
          </p:cNvSpPr>
          <p:nvPr/>
        </p:nvSpPr>
        <p:spPr>
          <a:xfrm>
            <a:off x="342820" y="1136873"/>
            <a:ext cx="8726751" cy="47625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de-DE"/>
            </a:defPPr>
            <a:lvl1pPr algn="l" defTabSz="457200" rtl="0" eaLnBrk="1" fontAlgn="base" hangingPunct="1">
              <a:spcBef>
                <a:spcPct val="0"/>
              </a:spcBef>
              <a:spcAft>
                <a:spcPct val="0"/>
              </a:spcAft>
              <a:defRPr sz="2400" kern="1200">
                <a:solidFill>
                  <a:srgbClr val="000000"/>
                </a:solidFill>
                <a:latin typeface="Arial" charset="0"/>
                <a:ea typeface="ＭＳ Ｐゴシック" charset="0"/>
                <a:cs typeface="ＭＳ Ｐゴシック" charset="0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r>
              <a:rPr lang="en-US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..</a:t>
            </a:r>
            <a:r>
              <a:rPr lang="en-US" dirty="0" smtClean="0"/>
              <a:t> </a:t>
            </a:r>
            <a:r>
              <a:rPr lang="en-US" sz="1800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we supply products for all modern aircraft models in a single source environmen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591919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Text Box 2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441325" y="1716088"/>
            <a:ext cx="8401050" cy="360362"/>
          </a:xfrm>
          <a:prstGeom prst="rect">
            <a:avLst/>
          </a:prstGeom>
          <a:solidFill>
            <a:srgbClr val="895B5D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9pPr>
          </a:lstStyle>
          <a:p>
            <a:pPr algn="ctr" eaLnBrk="1" hangingPunct="1"/>
            <a:r>
              <a:rPr lang="en-US" altLang="de-DE" sz="1400" b="1" dirty="0">
                <a:solidFill>
                  <a:prstClr val="white"/>
                </a:solidFill>
              </a:rPr>
              <a:t>BUSINESS JETS &amp; </a:t>
            </a:r>
            <a:r>
              <a:rPr lang="en-US" altLang="de-DE" sz="1400" b="1" dirty="0" smtClean="0">
                <a:solidFill>
                  <a:prstClr val="white"/>
                </a:solidFill>
              </a:rPr>
              <a:t>HELICOPTER</a:t>
            </a:r>
            <a:endParaRPr lang="en-US" altLang="de-DE" sz="1400" b="1" dirty="0">
              <a:solidFill>
                <a:prstClr val="white"/>
              </a:solidFill>
            </a:endParaRPr>
          </a:p>
        </p:txBody>
      </p:sp>
      <p:grpSp>
        <p:nvGrpSpPr>
          <p:cNvPr id="20483" name="Gruppieren 6"/>
          <p:cNvGrpSpPr>
            <a:grpSpLocks/>
          </p:cNvGrpSpPr>
          <p:nvPr/>
        </p:nvGrpSpPr>
        <p:grpSpPr bwMode="auto">
          <a:xfrm>
            <a:off x="441325" y="2170113"/>
            <a:ext cx="8401050" cy="4270375"/>
            <a:chOff x="441325" y="2170114"/>
            <a:chExt cx="8401238" cy="4269950"/>
          </a:xfrm>
        </p:grpSpPr>
        <p:pic>
          <p:nvPicPr>
            <p:cNvPr id="20485" name="Bild 31" descr="EC135.jpg"/>
            <p:cNvPicPr>
              <a:picLocks/>
            </p:cNvPicPr>
            <p:nvPr/>
          </p:nvPicPr>
          <p:blipFill>
            <a:blip r:embed="rId19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7294375" y="5432064"/>
              <a:ext cx="1547812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86" name="Grafik 2"/>
            <p:cNvPicPr>
              <a:picLocks/>
            </p:cNvPicPr>
            <p:nvPr/>
          </p:nvPicPr>
          <p:blipFill>
            <a:blip r:embed="rId20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582190" y="2516002"/>
              <a:ext cx="1547813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87" name="Bild 26" descr="Challenger 300.jpg"/>
            <p:cNvPicPr>
              <a:picLocks/>
            </p:cNvPicPr>
            <p:nvPr/>
          </p:nvPicPr>
          <p:blipFill>
            <a:blip r:embed="rId21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41325" y="2516002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88" name="Bild 27" descr="Learjet.jpg"/>
            <p:cNvPicPr>
              <a:picLocks/>
            </p:cNvPicPr>
            <p:nvPr/>
          </p:nvPicPr>
          <p:blipFill>
            <a:blip r:embed="rId22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154635" y="2516002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89" name="Bild 28" descr="Global 5000.jpg"/>
            <p:cNvPicPr>
              <a:picLocks/>
            </p:cNvPicPr>
            <p:nvPr/>
          </p:nvPicPr>
          <p:blipFill>
            <a:blip r:embed="rId23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867945" y="2516002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90" name="Bild 30" descr="Legacy450.jpg"/>
            <p:cNvPicPr>
              <a:picLocks/>
            </p:cNvPicPr>
            <p:nvPr/>
          </p:nvPicPr>
          <p:blipFill>
            <a:blip r:embed="rId24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7294376" y="2516002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91" name="Bild 31" descr="Lineage 1000.jpg"/>
            <p:cNvPicPr>
              <a:picLocks/>
            </p:cNvPicPr>
            <p:nvPr/>
          </p:nvPicPr>
          <p:blipFill>
            <a:blip r:embed="rId25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41326" y="3960805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92" name="Bild 32" descr="Phenom 100.jpg"/>
            <p:cNvPicPr>
              <a:picLocks/>
            </p:cNvPicPr>
            <p:nvPr/>
          </p:nvPicPr>
          <p:blipFill>
            <a:blip r:embed="rId26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154635" y="3960805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93" name="Bild 33" descr="G350.jpg"/>
            <p:cNvPicPr>
              <a:picLocks/>
            </p:cNvPicPr>
            <p:nvPr/>
          </p:nvPicPr>
          <p:blipFill>
            <a:blip r:embed="rId27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866091" y="3960805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94" name="Bild 34" descr="Cessna Citation.jpg"/>
            <p:cNvPicPr>
              <a:picLocks/>
            </p:cNvPicPr>
            <p:nvPr/>
          </p:nvPicPr>
          <p:blipFill>
            <a:blip r:embed="rId28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582003" y="3960805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95" name="Bild 35" descr="citation mustang.jpg"/>
            <p:cNvPicPr>
              <a:picLocks/>
            </p:cNvPicPr>
            <p:nvPr/>
          </p:nvPicPr>
          <p:blipFill>
            <a:blip r:embed="rId29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7294376" y="3960805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96" name="Bild 36" descr="Falcon 900 EX.jpg"/>
            <p:cNvPicPr>
              <a:picLocks/>
            </p:cNvPicPr>
            <p:nvPr/>
          </p:nvPicPr>
          <p:blipFill>
            <a:blip r:embed="rId30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41325" y="5417952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97" name="Bild 37" descr="Falcon 2000.jpg"/>
            <p:cNvPicPr>
              <a:picLocks/>
            </p:cNvPicPr>
            <p:nvPr/>
          </p:nvPicPr>
          <p:blipFill>
            <a:blip r:embed="rId31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151592" y="5417952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98" name="Bild 38" descr="Falcon 7x.jpg"/>
            <p:cNvPicPr>
              <a:picLocks/>
            </p:cNvPicPr>
            <p:nvPr/>
          </p:nvPicPr>
          <p:blipFill>
            <a:blip r:embed="rId32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863712" y="5417952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499" name="Bild 39" descr="Hawker 800.jpg"/>
            <p:cNvPicPr>
              <a:picLocks/>
            </p:cNvPicPr>
            <p:nvPr/>
          </p:nvPicPr>
          <p:blipFill>
            <a:blip r:embed="rId33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582190" y="5432064"/>
              <a:ext cx="1548000" cy="100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20500" name="Text Box 29"/>
            <p:cNvSpPr txBox="1">
              <a:spLocks noChangeArrowheads="1"/>
            </p:cNvSpPr>
            <p:nvPr>
              <p:custDataLst>
                <p:tags r:id="rId2"/>
              </p:custDataLst>
            </p:nvPr>
          </p:nvSpPr>
          <p:spPr bwMode="auto">
            <a:xfrm>
              <a:off x="441325" y="2187576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Challenger 350</a:t>
              </a:r>
            </a:p>
          </p:txBody>
        </p:sp>
        <p:sp>
          <p:nvSpPr>
            <p:cNvPr id="20501" name="Text Box 27"/>
            <p:cNvSpPr txBox="1">
              <a:spLocks noChangeArrowheads="1"/>
            </p:cNvSpPr>
            <p:nvPr>
              <p:custDataLst>
                <p:tags r:id="rId3"/>
              </p:custDataLst>
            </p:nvPr>
          </p:nvSpPr>
          <p:spPr bwMode="auto">
            <a:xfrm>
              <a:off x="2154635" y="2187576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Learjet 40/45</a:t>
              </a:r>
            </a:p>
          </p:txBody>
        </p:sp>
        <p:sp>
          <p:nvSpPr>
            <p:cNvPr id="20502" name="Text Box 24"/>
            <p:cNvSpPr txBox="1">
              <a:spLocks noChangeArrowheads="1"/>
            </p:cNvSpPr>
            <p:nvPr>
              <p:custDataLst>
                <p:tags r:id="rId4"/>
              </p:custDataLst>
            </p:nvPr>
          </p:nvSpPr>
          <p:spPr bwMode="auto">
            <a:xfrm>
              <a:off x="3867945" y="2187576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Global 5000</a:t>
              </a:r>
            </a:p>
          </p:txBody>
        </p:sp>
        <p:sp>
          <p:nvSpPr>
            <p:cNvPr id="20503" name="Text Box 28"/>
            <p:cNvSpPr txBox="1">
              <a:spLocks noChangeArrowheads="1"/>
            </p:cNvSpPr>
            <p:nvPr>
              <p:custDataLst>
                <p:tags r:id="rId5"/>
              </p:custDataLst>
            </p:nvPr>
          </p:nvSpPr>
          <p:spPr bwMode="auto">
            <a:xfrm>
              <a:off x="5581254" y="2185988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Global 7000/8000</a:t>
              </a:r>
            </a:p>
          </p:txBody>
        </p:sp>
        <p:sp>
          <p:nvSpPr>
            <p:cNvPr id="20504" name="Text Box 32"/>
            <p:cNvSpPr txBox="1">
              <a:spLocks noChangeArrowheads="1"/>
            </p:cNvSpPr>
            <p:nvPr>
              <p:custDataLst>
                <p:tags r:id="rId6"/>
              </p:custDataLst>
            </p:nvPr>
          </p:nvSpPr>
          <p:spPr bwMode="auto">
            <a:xfrm>
              <a:off x="7294563" y="2170114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Legacy 450/500</a:t>
              </a:r>
            </a:p>
          </p:txBody>
        </p:sp>
        <p:sp>
          <p:nvSpPr>
            <p:cNvPr id="20505" name="Text Box 24"/>
            <p:cNvSpPr txBox="1">
              <a:spLocks noChangeArrowheads="1"/>
            </p:cNvSpPr>
            <p:nvPr>
              <p:custDataLst>
                <p:tags r:id="rId7"/>
              </p:custDataLst>
            </p:nvPr>
          </p:nvSpPr>
          <p:spPr bwMode="auto">
            <a:xfrm>
              <a:off x="441325" y="3629820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Lineage 1000E</a:t>
              </a:r>
            </a:p>
          </p:txBody>
        </p:sp>
        <p:sp>
          <p:nvSpPr>
            <p:cNvPr id="20506" name="Text Box 27"/>
            <p:cNvSpPr txBox="1">
              <a:spLocks noChangeArrowheads="1"/>
            </p:cNvSpPr>
            <p:nvPr>
              <p:custDataLst>
                <p:tags r:id="rId8"/>
              </p:custDataLst>
            </p:nvPr>
          </p:nvSpPr>
          <p:spPr bwMode="auto">
            <a:xfrm>
              <a:off x="2154635" y="3629820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Phenom 100/300</a:t>
              </a:r>
            </a:p>
          </p:txBody>
        </p:sp>
        <p:sp>
          <p:nvSpPr>
            <p:cNvPr id="20507" name="Text Box 29"/>
            <p:cNvSpPr txBox="1">
              <a:spLocks noChangeArrowheads="1"/>
            </p:cNvSpPr>
            <p:nvPr>
              <p:custDataLst>
                <p:tags r:id="rId9"/>
              </p:custDataLst>
            </p:nvPr>
          </p:nvSpPr>
          <p:spPr bwMode="auto">
            <a:xfrm>
              <a:off x="3867945" y="3629820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Gulfstream G350/</a:t>
              </a:r>
            </a:p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450/550/650</a:t>
              </a:r>
            </a:p>
          </p:txBody>
        </p:sp>
        <p:sp>
          <p:nvSpPr>
            <p:cNvPr id="20508" name="Text Box 29"/>
            <p:cNvSpPr txBox="1">
              <a:spLocks noChangeArrowheads="1"/>
            </p:cNvSpPr>
            <p:nvPr>
              <p:custDataLst>
                <p:tags r:id="rId10"/>
              </p:custDataLst>
            </p:nvPr>
          </p:nvSpPr>
          <p:spPr bwMode="auto">
            <a:xfrm>
              <a:off x="5581254" y="3629027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Cessna Citation</a:t>
              </a:r>
            </a:p>
          </p:txBody>
        </p:sp>
        <p:sp>
          <p:nvSpPr>
            <p:cNvPr id="20509" name="Text Box 28"/>
            <p:cNvSpPr txBox="1">
              <a:spLocks noChangeArrowheads="1"/>
            </p:cNvSpPr>
            <p:nvPr>
              <p:custDataLst>
                <p:tags r:id="rId11"/>
              </p:custDataLst>
            </p:nvPr>
          </p:nvSpPr>
          <p:spPr bwMode="auto">
            <a:xfrm>
              <a:off x="7294563" y="3629820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Cessna Mustang</a:t>
              </a:r>
            </a:p>
          </p:txBody>
        </p:sp>
        <p:sp>
          <p:nvSpPr>
            <p:cNvPr id="20510" name="Text Box 32"/>
            <p:cNvSpPr txBox="1">
              <a:spLocks noChangeArrowheads="1"/>
            </p:cNvSpPr>
            <p:nvPr>
              <p:custDataLst>
                <p:tags r:id="rId12"/>
              </p:custDataLst>
            </p:nvPr>
          </p:nvSpPr>
          <p:spPr bwMode="auto">
            <a:xfrm>
              <a:off x="441325" y="5072064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Falcon 900</a:t>
              </a:r>
            </a:p>
          </p:txBody>
        </p:sp>
        <p:sp>
          <p:nvSpPr>
            <p:cNvPr id="20511" name="Text Box 29"/>
            <p:cNvSpPr txBox="1">
              <a:spLocks noChangeArrowheads="1"/>
            </p:cNvSpPr>
            <p:nvPr>
              <p:custDataLst>
                <p:tags r:id="rId13"/>
              </p:custDataLst>
            </p:nvPr>
          </p:nvSpPr>
          <p:spPr bwMode="auto">
            <a:xfrm>
              <a:off x="2151592" y="5072064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Falcon 2000</a:t>
              </a:r>
            </a:p>
          </p:txBody>
        </p:sp>
        <p:sp>
          <p:nvSpPr>
            <p:cNvPr id="20512" name="Text Box 29"/>
            <p:cNvSpPr txBox="1">
              <a:spLocks noChangeArrowheads="1"/>
            </p:cNvSpPr>
            <p:nvPr>
              <p:custDataLst>
                <p:tags r:id="rId14"/>
              </p:custDataLst>
            </p:nvPr>
          </p:nvSpPr>
          <p:spPr bwMode="auto">
            <a:xfrm>
              <a:off x="3861858" y="5072064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Falcon 7X</a:t>
              </a:r>
            </a:p>
          </p:txBody>
        </p:sp>
        <p:sp>
          <p:nvSpPr>
            <p:cNvPr id="20513" name="Text Box 29"/>
            <p:cNvSpPr txBox="1">
              <a:spLocks noChangeArrowheads="1"/>
            </p:cNvSpPr>
            <p:nvPr>
              <p:custDataLst>
                <p:tags r:id="rId15"/>
              </p:custDataLst>
            </p:nvPr>
          </p:nvSpPr>
          <p:spPr bwMode="auto">
            <a:xfrm>
              <a:off x="5582190" y="5072064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Hawker 800</a:t>
              </a:r>
            </a:p>
          </p:txBody>
        </p:sp>
        <p:sp>
          <p:nvSpPr>
            <p:cNvPr id="20514" name="Text Box 28"/>
            <p:cNvSpPr txBox="1">
              <a:spLocks noChangeArrowheads="1"/>
            </p:cNvSpPr>
            <p:nvPr>
              <p:custDataLst>
                <p:tags r:id="rId16"/>
              </p:custDataLst>
            </p:nvPr>
          </p:nvSpPr>
          <p:spPr bwMode="auto">
            <a:xfrm>
              <a:off x="7294375" y="5072064"/>
              <a:ext cx="1548000" cy="360000"/>
            </a:xfrm>
            <a:prstGeom prst="rect">
              <a:avLst/>
            </a:prstGeom>
            <a:solidFill>
              <a:srgbClr val="B4979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91432" tIns="45716" rIns="91432" bIns="45716" anchor="ctr"/>
            <a:lstStyle>
              <a:lvl1pPr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1pPr>
              <a:lvl2pPr marL="742950" indent="-28575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2pPr>
              <a:lvl3pPr marL="11430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3pPr>
              <a:lvl4pPr marL="16002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4pPr>
              <a:lvl5pPr marL="2057400" indent="-228600"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panose="020B0604020202020204" pitchFamily="34" charset="0"/>
                  <a:ea typeface="ＭＳ Ｐゴシック" panose="020B0600070205080204" pitchFamily="34" charset="-128"/>
                </a:defRPr>
              </a:lvl9pPr>
            </a:lstStyle>
            <a:p>
              <a:pPr algn="ctr" eaLnBrk="1" hangingPunct="1"/>
              <a:r>
                <a:rPr lang="en-US" altLang="de-DE" sz="1200">
                  <a:solidFill>
                    <a:prstClr val="white"/>
                  </a:solidFill>
                </a:rPr>
                <a:t>EC135/EC145</a:t>
              </a:r>
            </a:p>
          </p:txBody>
        </p:sp>
      </p:grpSp>
      <p:sp>
        <p:nvSpPr>
          <p:cNvPr id="35" name="Textfeld 14"/>
          <p:cNvSpPr txBox="1">
            <a:spLocks noChangeArrowheads="1"/>
          </p:cNvSpPr>
          <p:nvPr/>
        </p:nvSpPr>
        <p:spPr bwMode="auto">
          <a:xfrm>
            <a:off x="315913" y="523875"/>
            <a:ext cx="8586787" cy="64633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ＭＳ Ｐゴシック" panose="020B0600070205080204" pitchFamily="34" charset="-128"/>
              </a:defRPr>
            </a:lvl9pPr>
          </a:lstStyle>
          <a:p>
            <a:pPr eaLnBrk="1" hangingPunct="1">
              <a:spcAft>
                <a:spcPts val="600"/>
              </a:spcAft>
            </a:pPr>
            <a:r>
              <a:rPr lang="en-US" altLang="de-DE" sz="3600" dirty="0" smtClean="0">
                <a:solidFill>
                  <a:srgbClr val="895B5D"/>
                </a:solidFill>
                <a:cs typeface="Arial" panose="020B0604020202020204" pitchFamily="34" charset="0"/>
              </a:rPr>
              <a:t>Program portfolio (2) </a:t>
            </a:r>
            <a:endParaRPr lang="en-US" altLang="de-DE" sz="3600" dirty="0">
              <a:solidFill>
                <a:srgbClr val="895B5D"/>
              </a:solidFill>
              <a:cs typeface="Arial" panose="020B0604020202020204" pitchFamily="34" charset="0"/>
            </a:endParaRPr>
          </a:p>
        </p:txBody>
      </p:sp>
      <p:sp>
        <p:nvSpPr>
          <p:cNvPr id="36" name="Textplatzhalter 3"/>
          <p:cNvSpPr txBox="1">
            <a:spLocks/>
          </p:cNvSpPr>
          <p:nvPr/>
        </p:nvSpPr>
        <p:spPr>
          <a:xfrm>
            <a:off x="342820" y="1136873"/>
            <a:ext cx="8726751" cy="47625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de-DE"/>
            </a:defPPr>
            <a:lvl1pPr algn="l" defTabSz="457200" rtl="0" eaLnBrk="1" fontAlgn="base" hangingPunct="1">
              <a:spcBef>
                <a:spcPct val="0"/>
              </a:spcBef>
              <a:spcAft>
                <a:spcPct val="0"/>
              </a:spcAft>
              <a:defRPr sz="2400" kern="1200">
                <a:solidFill>
                  <a:srgbClr val="000000"/>
                </a:solidFill>
                <a:latin typeface="Arial" charset="0"/>
                <a:ea typeface="ＭＳ Ｐゴシック" charset="0"/>
                <a:cs typeface="ＭＳ Ｐゴシック" charset="0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r>
              <a:rPr lang="en-US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..</a:t>
            </a:r>
            <a:r>
              <a:rPr lang="en-US" dirty="0" smtClean="0"/>
              <a:t> </a:t>
            </a:r>
            <a:r>
              <a:rPr lang="en-US" sz="1800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Interior-, </a:t>
            </a:r>
            <a:r>
              <a:rPr lang="en-US" sz="1800" dirty="0" err="1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Aerostructures</a:t>
            </a:r>
            <a:r>
              <a:rPr lang="en-US" sz="1800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- and Engine application for Business Jet’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02741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2" name="Rectangle 22"/>
          <p:cNvSpPr>
            <a:spLocks noChangeArrowheads="1"/>
          </p:cNvSpPr>
          <p:nvPr/>
        </p:nvSpPr>
        <p:spPr bwMode="gray">
          <a:xfrm>
            <a:off x="6444959" y="2411177"/>
            <a:ext cx="1126800" cy="288000"/>
          </a:xfrm>
          <a:prstGeom prst="rect">
            <a:avLst/>
          </a:prstGeom>
          <a:solidFill>
            <a:srgbClr val="B49795">
              <a:alpha val="34000"/>
            </a:srgbClr>
          </a:solidFill>
          <a:ln w="9525">
            <a:solidFill>
              <a:srgbClr val="895B61"/>
            </a:solidFill>
            <a:miter lim="800000"/>
            <a:headEnd/>
            <a:tailEnd/>
          </a:ln>
          <a:effectLst/>
        </p:spPr>
        <p:txBody>
          <a:bodyPr vert="horz" wrap="square" lIns="45720" tIns="36575" rIns="3600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algn="ctr" defTabSz="1019175" eaLnBrk="1" hangingPunct="1">
              <a:lnSpc>
                <a:spcPct val="105000"/>
              </a:lnSpc>
              <a:spcBef>
                <a:spcPts val="50"/>
              </a:spcBef>
              <a:spcAft>
                <a:spcPts val="0"/>
              </a:spcAft>
              <a:buClr>
                <a:srgbClr val="67AD93"/>
              </a:buClr>
              <a:buSzPct val="92000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grpSp>
        <p:nvGrpSpPr>
          <p:cNvPr id="2" name="Group 293"/>
          <p:cNvGrpSpPr/>
          <p:nvPr/>
        </p:nvGrpSpPr>
        <p:grpSpPr>
          <a:xfrm>
            <a:off x="1475656" y="1803580"/>
            <a:ext cx="5628021" cy="2980818"/>
            <a:chOff x="1219200" y="1827213"/>
            <a:chExt cx="8080376" cy="3851276"/>
          </a:xfrm>
        </p:grpSpPr>
        <p:sp>
          <p:nvSpPr>
            <p:cNvPr id="683" name="Freeform 6"/>
            <p:cNvSpPr>
              <a:spLocks/>
            </p:cNvSpPr>
            <p:nvPr/>
          </p:nvSpPr>
          <p:spPr bwMode="auto">
            <a:xfrm>
              <a:off x="5470624" y="3096432"/>
              <a:ext cx="36526" cy="42056"/>
            </a:xfrm>
            <a:custGeom>
              <a:avLst/>
              <a:gdLst/>
              <a:ahLst/>
              <a:cxnLst>
                <a:cxn ang="0">
                  <a:pos x="0" y="772"/>
                </a:cxn>
                <a:cxn ang="0">
                  <a:pos x="116" y="766"/>
                </a:cxn>
                <a:cxn ang="0">
                  <a:pos x="248" y="744"/>
                </a:cxn>
                <a:cxn ang="0">
                  <a:pos x="312" y="664"/>
                </a:cxn>
                <a:cxn ang="0">
                  <a:pos x="388" y="630"/>
                </a:cxn>
                <a:cxn ang="0">
                  <a:pos x="472" y="490"/>
                </a:cxn>
                <a:cxn ang="0">
                  <a:pos x="588" y="376"/>
                </a:cxn>
                <a:cxn ang="0">
                  <a:pos x="674" y="288"/>
                </a:cxn>
                <a:cxn ang="0">
                  <a:pos x="620" y="136"/>
                </a:cxn>
                <a:cxn ang="0">
                  <a:pos x="744" y="28"/>
                </a:cxn>
                <a:cxn ang="0">
                  <a:pos x="886" y="58"/>
                </a:cxn>
                <a:cxn ang="0">
                  <a:pos x="936" y="174"/>
                </a:cxn>
                <a:cxn ang="0">
                  <a:pos x="966" y="196"/>
                </a:cxn>
                <a:cxn ang="0">
                  <a:pos x="1036" y="196"/>
                </a:cxn>
                <a:cxn ang="0">
                  <a:pos x="1154" y="232"/>
                </a:cxn>
                <a:cxn ang="0">
                  <a:pos x="1232" y="370"/>
                </a:cxn>
                <a:cxn ang="0">
                  <a:pos x="1292" y="536"/>
                </a:cxn>
                <a:cxn ang="0">
                  <a:pos x="1422" y="588"/>
                </a:cxn>
                <a:cxn ang="0">
                  <a:pos x="1434" y="754"/>
                </a:cxn>
                <a:cxn ang="0">
                  <a:pos x="1594" y="824"/>
                </a:cxn>
                <a:cxn ang="0">
                  <a:pos x="1810" y="968"/>
                </a:cxn>
                <a:cxn ang="0">
                  <a:pos x="1748" y="1048"/>
                </a:cxn>
                <a:cxn ang="0">
                  <a:pos x="1678" y="1194"/>
                </a:cxn>
                <a:cxn ang="0">
                  <a:pos x="1574" y="1298"/>
                </a:cxn>
                <a:cxn ang="0">
                  <a:pos x="1616" y="1398"/>
                </a:cxn>
                <a:cxn ang="0">
                  <a:pos x="1548" y="1420"/>
                </a:cxn>
                <a:cxn ang="0">
                  <a:pos x="1504" y="1490"/>
                </a:cxn>
                <a:cxn ang="0">
                  <a:pos x="1374" y="1550"/>
                </a:cxn>
                <a:cxn ang="0">
                  <a:pos x="1366" y="1682"/>
                </a:cxn>
                <a:cxn ang="0">
                  <a:pos x="1228" y="1598"/>
                </a:cxn>
                <a:cxn ang="0">
                  <a:pos x="1098" y="1602"/>
                </a:cxn>
                <a:cxn ang="0">
                  <a:pos x="994" y="1638"/>
                </a:cxn>
                <a:cxn ang="0">
                  <a:pos x="916" y="1718"/>
                </a:cxn>
                <a:cxn ang="0">
                  <a:pos x="820" y="1732"/>
                </a:cxn>
                <a:cxn ang="0">
                  <a:pos x="790" y="1934"/>
                </a:cxn>
                <a:cxn ang="0">
                  <a:pos x="714" y="2084"/>
                </a:cxn>
                <a:cxn ang="0">
                  <a:pos x="584" y="1992"/>
                </a:cxn>
                <a:cxn ang="0">
                  <a:pos x="562" y="1746"/>
                </a:cxn>
                <a:cxn ang="0">
                  <a:pos x="526" y="1542"/>
                </a:cxn>
                <a:cxn ang="0">
                  <a:pos x="394" y="1456"/>
                </a:cxn>
                <a:cxn ang="0">
                  <a:pos x="330" y="1382"/>
                </a:cxn>
                <a:cxn ang="0">
                  <a:pos x="222" y="1310"/>
                </a:cxn>
                <a:cxn ang="0">
                  <a:pos x="142" y="1138"/>
                </a:cxn>
                <a:cxn ang="0">
                  <a:pos x="40" y="964"/>
                </a:cxn>
              </a:cxnLst>
              <a:rect l="0" t="0" r="r" b="b"/>
              <a:pathLst>
                <a:path w="1810" h="2084">
                  <a:moveTo>
                    <a:pt x="80" y="900"/>
                  </a:moveTo>
                  <a:lnTo>
                    <a:pt x="2" y="830"/>
                  </a:lnTo>
                  <a:lnTo>
                    <a:pt x="0" y="772"/>
                  </a:lnTo>
                  <a:lnTo>
                    <a:pt x="12" y="736"/>
                  </a:lnTo>
                  <a:lnTo>
                    <a:pt x="60" y="740"/>
                  </a:lnTo>
                  <a:lnTo>
                    <a:pt x="116" y="766"/>
                  </a:lnTo>
                  <a:lnTo>
                    <a:pt x="138" y="736"/>
                  </a:lnTo>
                  <a:lnTo>
                    <a:pt x="190" y="790"/>
                  </a:lnTo>
                  <a:lnTo>
                    <a:pt x="248" y="744"/>
                  </a:lnTo>
                  <a:lnTo>
                    <a:pt x="248" y="674"/>
                  </a:lnTo>
                  <a:lnTo>
                    <a:pt x="292" y="630"/>
                  </a:lnTo>
                  <a:lnTo>
                    <a:pt x="312" y="664"/>
                  </a:lnTo>
                  <a:lnTo>
                    <a:pt x="336" y="630"/>
                  </a:lnTo>
                  <a:lnTo>
                    <a:pt x="342" y="622"/>
                  </a:lnTo>
                  <a:lnTo>
                    <a:pt x="388" y="630"/>
                  </a:lnTo>
                  <a:lnTo>
                    <a:pt x="428" y="638"/>
                  </a:lnTo>
                  <a:lnTo>
                    <a:pt x="518" y="556"/>
                  </a:lnTo>
                  <a:lnTo>
                    <a:pt x="472" y="490"/>
                  </a:lnTo>
                  <a:lnTo>
                    <a:pt x="498" y="442"/>
                  </a:lnTo>
                  <a:lnTo>
                    <a:pt x="552" y="448"/>
                  </a:lnTo>
                  <a:lnTo>
                    <a:pt x="588" y="376"/>
                  </a:lnTo>
                  <a:lnTo>
                    <a:pt x="632" y="382"/>
                  </a:lnTo>
                  <a:lnTo>
                    <a:pt x="680" y="324"/>
                  </a:lnTo>
                  <a:lnTo>
                    <a:pt x="674" y="288"/>
                  </a:lnTo>
                  <a:lnTo>
                    <a:pt x="702" y="270"/>
                  </a:lnTo>
                  <a:lnTo>
                    <a:pt x="700" y="218"/>
                  </a:lnTo>
                  <a:lnTo>
                    <a:pt x="620" y="136"/>
                  </a:lnTo>
                  <a:lnTo>
                    <a:pt x="620" y="82"/>
                  </a:lnTo>
                  <a:lnTo>
                    <a:pt x="690" y="84"/>
                  </a:lnTo>
                  <a:lnTo>
                    <a:pt x="744" y="28"/>
                  </a:lnTo>
                  <a:lnTo>
                    <a:pt x="804" y="34"/>
                  </a:lnTo>
                  <a:lnTo>
                    <a:pt x="830" y="0"/>
                  </a:lnTo>
                  <a:lnTo>
                    <a:pt x="886" y="58"/>
                  </a:lnTo>
                  <a:lnTo>
                    <a:pt x="878" y="88"/>
                  </a:lnTo>
                  <a:lnTo>
                    <a:pt x="858" y="120"/>
                  </a:lnTo>
                  <a:lnTo>
                    <a:pt x="936" y="174"/>
                  </a:lnTo>
                  <a:lnTo>
                    <a:pt x="936" y="174"/>
                  </a:lnTo>
                  <a:lnTo>
                    <a:pt x="966" y="196"/>
                  </a:lnTo>
                  <a:lnTo>
                    <a:pt x="966" y="196"/>
                  </a:lnTo>
                  <a:lnTo>
                    <a:pt x="980" y="196"/>
                  </a:lnTo>
                  <a:lnTo>
                    <a:pt x="1002" y="198"/>
                  </a:lnTo>
                  <a:lnTo>
                    <a:pt x="1036" y="196"/>
                  </a:lnTo>
                  <a:lnTo>
                    <a:pt x="1064" y="228"/>
                  </a:lnTo>
                  <a:lnTo>
                    <a:pt x="1096" y="192"/>
                  </a:lnTo>
                  <a:lnTo>
                    <a:pt x="1154" y="232"/>
                  </a:lnTo>
                  <a:lnTo>
                    <a:pt x="1160" y="326"/>
                  </a:lnTo>
                  <a:lnTo>
                    <a:pt x="1190" y="376"/>
                  </a:lnTo>
                  <a:lnTo>
                    <a:pt x="1232" y="370"/>
                  </a:lnTo>
                  <a:lnTo>
                    <a:pt x="1254" y="388"/>
                  </a:lnTo>
                  <a:lnTo>
                    <a:pt x="1260" y="486"/>
                  </a:lnTo>
                  <a:lnTo>
                    <a:pt x="1292" y="536"/>
                  </a:lnTo>
                  <a:lnTo>
                    <a:pt x="1348" y="538"/>
                  </a:lnTo>
                  <a:lnTo>
                    <a:pt x="1388" y="566"/>
                  </a:lnTo>
                  <a:lnTo>
                    <a:pt x="1422" y="588"/>
                  </a:lnTo>
                  <a:lnTo>
                    <a:pt x="1402" y="646"/>
                  </a:lnTo>
                  <a:lnTo>
                    <a:pt x="1400" y="690"/>
                  </a:lnTo>
                  <a:lnTo>
                    <a:pt x="1434" y="754"/>
                  </a:lnTo>
                  <a:lnTo>
                    <a:pt x="1518" y="754"/>
                  </a:lnTo>
                  <a:lnTo>
                    <a:pt x="1546" y="794"/>
                  </a:lnTo>
                  <a:lnTo>
                    <a:pt x="1594" y="824"/>
                  </a:lnTo>
                  <a:lnTo>
                    <a:pt x="1670" y="906"/>
                  </a:lnTo>
                  <a:lnTo>
                    <a:pt x="1776" y="894"/>
                  </a:lnTo>
                  <a:lnTo>
                    <a:pt x="1810" y="968"/>
                  </a:lnTo>
                  <a:lnTo>
                    <a:pt x="1768" y="1004"/>
                  </a:lnTo>
                  <a:lnTo>
                    <a:pt x="1760" y="1032"/>
                  </a:lnTo>
                  <a:lnTo>
                    <a:pt x="1748" y="1048"/>
                  </a:lnTo>
                  <a:lnTo>
                    <a:pt x="1756" y="1124"/>
                  </a:lnTo>
                  <a:lnTo>
                    <a:pt x="1728" y="1144"/>
                  </a:lnTo>
                  <a:lnTo>
                    <a:pt x="1678" y="1194"/>
                  </a:lnTo>
                  <a:lnTo>
                    <a:pt x="1680" y="1266"/>
                  </a:lnTo>
                  <a:lnTo>
                    <a:pt x="1604" y="1312"/>
                  </a:lnTo>
                  <a:lnTo>
                    <a:pt x="1574" y="1298"/>
                  </a:lnTo>
                  <a:lnTo>
                    <a:pt x="1562" y="1380"/>
                  </a:lnTo>
                  <a:lnTo>
                    <a:pt x="1578" y="1402"/>
                  </a:lnTo>
                  <a:lnTo>
                    <a:pt x="1616" y="1398"/>
                  </a:lnTo>
                  <a:lnTo>
                    <a:pt x="1630" y="1458"/>
                  </a:lnTo>
                  <a:lnTo>
                    <a:pt x="1554" y="1486"/>
                  </a:lnTo>
                  <a:lnTo>
                    <a:pt x="1548" y="1420"/>
                  </a:lnTo>
                  <a:lnTo>
                    <a:pt x="1496" y="1418"/>
                  </a:lnTo>
                  <a:lnTo>
                    <a:pt x="1480" y="1454"/>
                  </a:lnTo>
                  <a:lnTo>
                    <a:pt x="1504" y="1490"/>
                  </a:lnTo>
                  <a:lnTo>
                    <a:pt x="1486" y="1506"/>
                  </a:lnTo>
                  <a:lnTo>
                    <a:pt x="1432" y="1462"/>
                  </a:lnTo>
                  <a:lnTo>
                    <a:pt x="1374" y="1550"/>
                  </a:lnTo>
                  <a:lnTo>
                    <a:pt x="1362" y="1602"/>
                  </a:lnTo>
                  <a:lnTo>
                    <a:pt x="1356" y="1636"/>
                  </a:lnTo>
                  <a:lnTo>
                    <a:pt x="1366" y="1682"/>
                  </a:lnTo>
                  <a:lnTo>
                    <a:pt x="1268" y="1716"/>
                  </a:lnTo>
                  <a:lnTo>
                    <a:pt x="1250" y="1644"/>
                  </a:lnTo>
                  <a:lnTo>
                    <a:pt x="1228" y="1598"/>
                  </a:lnTo>
                  <a:lnTo>
                    <a:pt x="1198" y="1552"/>
                  </a:lnTo>
                  <a:lnTo>
                    <a:pt x="1126" y="1556"/>
                  </a:lnTo>
                  <a:lnTo>
                    <a:pt x="1098" y="1602"/>
                  </a:lnTo>
                  <a:lnTo>
                    <a:pt x="1074" y="1624"/>
                  </a:lnTo>
                  <a:lnTo>
                    <a:pt x="1040" y="1634"/>
                  </a:lnTo>
                  <a:lnTo>
                    <a:pt x="994" y="1638"/>
                  </a:lnTo>
                  <a:lnTo>
                    <a:pt x="966" y="1660"/>
                  </a:lnTo>
                  <a:lnTo>
                    <a:pt x="930" y="1680"/>
                  </a:lnTo>
                  <a:lnTo>
                    <a:pt x="916" y="1718"/>
                  </a:lnTo>
                  <a:lnTo>
                    <a:pt x="866" y="1710"/>
                  </a:lnTo>
                  <a:lnTo>
                    <a:pt x="844" y="1732"/>
                  </a:lnTo>
                  <a:lnTo>
                    <a:pt x="820" y="1732"/>
                  </a:lnTo>
                  <a:lnTo>
                    <a:pt x="772" y="1802"/>
                  </a:lnTo>
                  <a:lnTo>
                    <a:pt x="776" y="1896"/>
                  </a:lnTo>
                  <a:lnTo>
                    <a:pt x="790" y="1934"/>
                  </a:lnTo>
                  <a:lnTo>
                    <a:pt x="794" y="1986"/>
                  </a:lnTo>
                  <a:lnTo>
                    <a:pt x="758" y="2030"/>
                  </a:lnTo>
                  <a:lnTo>
                    <a:pt x="714" y="2084"/>
                  </a:lnTo>
                  <a:lnTo>
                    <a:pt x="676" y="2042"/>
                  </a:lnTo>
                  <a:lnTo>
                    <a:pt x="634" y="2084"/>
                  </a:lnTo>
                  <a:lnTo>
                    <a:pt x="584" y="1992"/>
                  </a:lnTo>
                  <a:lnTo>
                    <a:pt x="632" y="1942"/>
                  </a:lnTo>
                  <a:lnTo>
                    <a:pt x="634" y="1874"/>
                  </a:lnTo>
                  <a:lnTo>
                    <a:pt x="562" y="1746"/>
                  </a:lnTo>
                  <a:lnTo>
                    <a:pt x="574" y="1682"/>
                  </a:lnTo>
                  <a:lnTo>
                    <a:pt x="554" y="1606"/>
                  </a:lnTo>
                  <a:lnTo>
                    <a:pt x="526" y="1542"/>
                  </a:lnTo>
                  <a:lnTo>
                    <a:pt x="488" y="1494"/>
                  </a:lnTo>
                  <a:lnTo>
                    <a:pt x="444" y="1472"/>
                  </a:lnTo>
                  <a:lnTo>
                    <a:pt x="394" y="1456"/>
                  </a:lnTo>
                  <a:lnTo>
                    <a:pt x="384" y="1414"/>
                  </a:lnTo>
                  <a:lnTo>
                    <a:pt x="342" y="1412"/>
                  </a:lnTo>
                  <a:lnTo>
                    <a:pt x="330" y="1382"/>
                  </a:lnTo>
                  <a:lnTo>
                    <a:pt x="290" y="1412"/>
                  </a:lnTo>
                  <a:lnTo>
                    <a:pt x="228" y="1392"/>
                  </a:lnTo>
                  <a:lnTo>
                    <a:pt x="222" y="1310"/>
                  </a:lnTo>
                  <a:lnTo>
                    <a:pt x="184" y="1290"/>
                  </a:lnTo>
                  <a:lnTo>
                    <a:pt x="210" y="1240"/>
                  </a:lnTo>
                  <a:lnTo>
                    <a:pt x="142" y="1138"/>
                  </a:lnTo>
                  <a:lnTo>
                    <a:pt x="46" y="1056"/>
                  </a:lnTo>
                  <a:lnTo>
                    <a:pt x="46" y="1016"/>
                  </a:lnTo>
                  <a:lnTo>
                    <a:pt x="40" y="964"/>
                  </a:lnTo>
                  <a:lnTo>
                    <a:pt x="80" y="900"/>
                  </a:lnTo>
                  <a:close/>
                </a:path>
              </a:pathLst>
            </a:custGeom>
            <a:solidFill>
              <a:srgbClr val="EAEAEA"/>
            </a:solidFill>
            <a:ln w="6350">
              <a:solidFill>
                <a:srgbClr val="B3B3B3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20" name="Freeform 7"/>
            <p:cNvSpPr>
              <a:spLocks/>
            </p:cNvSpPr>
            <p:nvPr/>
          </p:nvSpPr>
          <p:spPr bwMode="auto">
            <a:xfrm>
              <a:off x="5445560" y="3012200"/>
              <a:ext cx="87986" cy="114301"/>
            </a:xfrm>
            <a:custGeom>
              <a:avLst/>
              <a:gdLst/>
              <a:ahLst/>
              <a:cxnLst>
                <a:cxn ang="0">
                  <a:pos x="1874" y="4556"/>
                </a:cxn>
                <a:cxn ang="0">
                  <a:pos x="1986" y="4202"/>
                </a:cxn>
                <a:cxn ang="0">
                  <a:pos x="2304" y="4402"/>
                </a:cxn>
                <a:cxn ang="0">
                  <a:pos x="2534" y="4710"/>
                </a:cxn>
                <a:cxn ang="0">
                  <a:pos x="2836" y="4998"/>
                </a:cxn>
                <a:cxn ang="0">
                  <a:pos x="2990" y="5222"/>
                </a:cxn>
                <a:cxn ang="0">
                  <a:pos x="2820" y="5576"/>
                </a:cxn>
                <a:cxn ang="0">
                  <a:pos x="3176" y="5564"/>
                </a:cxn>
                <a:cxn ang="0">
                  <a:pos x="3636" y="5522"/>
                </a:cxn>
                <a:cxn ang="0">
                  <a:pos x="3794" y="5490"/>
                </a:cxn>
                <a:cxn ang="0">
                  <a:pos x="3810" y="5080"/>
                </a:cxn>
                <a:cxn ang="0">
                  <a:pos x="3922" y="4710"/>
                </a:cxn>
                <a:cxn ang="0">
                  <a:pos x="4252" y="4446"/>
                </a:cxn>
                <a:cxn ang="0">
                  <a:pos x="4186" y="4086"/>
                </a:cxn>
                <a:cxn ang="0">
                  <a:pos x="3830" y="3760"/>
                </a:cxn>
                <a:cxn ang="0">
                  <a:pos x="3660" y="3214"/>
                </a:cxn>
                <a:cxn ang="0">
                  <a:pos x="3870" y="2884"/>
                </a:cxn>
                <a:cxn ang="0">
                  <a:pos x="3800" y="2582"/>
                </a:cxn>
                <a:cxn ang="0">
                  <a:pos x="3792" y="2328"/>
                </a:cxn>
                <a:cxn ang="0">
                  <a:pos x="3914" y="2272"/>
                </a:cxn>
                <a:cxn ang="0">
                  <a:pos x="3842" y="2144"/>
                </a:cxn>
                <a:cxn ang="0">
                  <a:pos x="3482" y="2246"/>
                </a:cxn>
                <a:cxn ang="0">
                  <a:pos x="3240" y="2164"/>
                </a:cxn>
                <a:cxn ang="0">
                  <a:pos x="2912" y="2008"/>
                </a:cxn>
                <a:cxn ang="0">
                  <a:pos x="2746" y="1850"/>
                </a:cxn>
                <a:cxn ang="0">
                  <a:pos x="2720" y="1712"/>
                </a:cxn>
                <a:cxn ang="0">
                  <a:pos x="2846" y="1452"/>
                </a:cxn>
                <a:cxn ang="0">
                  <a:pos x="2494" y="1288"/>
                </a:cxn>
                <a:cxn ang="0">
                  <a:pos x="2180" y="1110"/>
                </a:cxn>
                <a:cxn ang="0">
                  <a:pos x="2020" y="846"/>
                </a:cxn>
                <a:cxn ang="0">
                  <a:pos x="1938" y="552"/>
                </a:cxn>
                <a:cxn ang="0">
                  <a:pos x="1630" y="308"/>
                </a:cxn>
                <a:cxn ang="0">
                  <a:pos x="1330" y="40"/>
                </a:cxn>
                <a:cxn ang="0">
                  <a:pos x="1038" y="64"/>
                </a:cxn>
                <a:cxn ang="0">
                  <a:pos x="754" y="40"/>
                </a:cxn>
                <a:cxn ang="0">
                  <a:pos x="554" y="210"/>
                </a:cxn>
                <a:cxn ang="0">
                  <a:pos x="466" y="272"/>
                </a:cxn>
                <a:cxn ang="0">
                  <a:pos x="158" y="322"/>
                </a:cxn>
                <a:cxn ang="0">
                  <a:pos x="2" y="476"/>
                </a:cxn>
                <a:cxn ang="0">
                  <a:pos x="12" y="620"/>
                </a:cxn>
                <a:cxn ang="0">
                  <a:pos x="122" y="772"/>
                </a:cxn>
                <a:cxn ang="0">
                  <a:pos x="210" y="938"/>
                </a:cxn>
                <a:cxn ang="0">
                  <a:pos x="120" y="1142"/>
                </a:cxn>
                <a:cxn ang="0">
                  <a:pos x="412" y="1346"/>
                </a:cxn>
                <a:cxn ang="0">
                  <a:pos x="486" y="1386"/>
                </a:cxn>
                <a:cxn ang="0">
                  <a:pos x="246" y="1494"/>
                </a:cxn>
                <a:cxn ang="0">
                  <a:pos x="212" y="1814"/>
                </a:cxn>
                <a:cxn ang="0">
                  <a:pos x="380" y="1832"/>
                </a:cxn>
                <a:cxn ang="0">
                  <a:pos x="452" y="2102"/>
                </a:cxn>
                <a:cxn ang="0">
                  <a:pos x="264" y="2472"/>
                </a:cxn>
                <a:cxn ang="0">
                  <a:pos x="488" y="2768"/>
                </a:cxn>
                <a:cxn ang="0">
                  <a:pos x="742" y="3038"/>
                </a:cxn>
                <a:cxn ang="0">
                  <a:pos x="462" y="3132"/>
                </a:cxn>
                <a:cxn ang="0">
                  <a:pos x="620" y="3450"/>
                </a:cxn>
                <a:cxn ang="0">
                  <a:pos x="554" y="3670"/>
                </a:cxn>
                <a:cxn ang="0">
                  <a:pos x="504" y="3936"/>
                </a:cxn>
                <a:cxn ang="0">
                  <a:pos x="796" y="4236"/>
                </a:cxn>
                <a:cxn ang="0">
                  <a:pos x="1150" y="4426"/>
                </a:cxn>
                <a:cxn ang="0">
                  <a:pos x="1572" y="4720"/>
                </a:cxn>
              </a:cxnLst>
              <a:rect l="0" t="0" r="r" b="b"/>
              <a:pathLst>
                <a:path w="4360" h="5664">
                  <a:moveTo>
                    <a:pt x="1580" y="4796"/>
                  </a:moveTo>
                  <a:lnTo>
                    <a:pt x="1670" y="4812"/>
                  </a:lnTo>
                  <a:lnTo>
                    <a:pt x="1758" y="4730"/>
                  </a:lnTo>
                  <a:lnTo>
                    <a:pt x="1712" y="4666"/>
                  </a:lnTo>
                  <a:lnTo>
                    <a:pt x="1740" y="4616"/>
                  </a:lnTo>
                  <a:lnTo>
                    <a:pt x="1794" y="4622"/>
                  </a:lnTo>
                  <a:lnTo>
                    <a:pt x="1828" y="4552"/>
                  </a:lnTo>
                  <a:lnTo>
                    <a:pt x="1874" y="4556"/>
                  </a:lnTo>
                  <a:lnTo>
                    <a:pt x="1922" y="4498"/>
                  </a:lnTo>
                  <a:lnTo>
                    <a:pt x="1916" y="4462"/>
                  </a:lnTo>
                  <a:lnTo>
                    <a:pt x="1944" y="4446"/>
                  </a:lnTo>
                  <a:lnTo>
                    <a:pt x="1944" y="4394"/>
                  </a:lnTo>
                  <a:lnTo>
                    <a:pt x="1862" y="4312"/>
                  </a:lnTo>
                  <a:lnTo>
                    <a:pt x="1862" y="4256"/>
                  </a:lnTo>
                  <a:lnTo>
                    <a:pt x="1932" y="4256"/>
                  </a:lnTo>
                  <a:lnTo>
                    <a:pt x="1986" y="4202"/>
                  </a:lnTo>
                  <a:lnTo>
                    <a:pt x="2046" y="4208"/>
                  </a:lnTo>
                  <a:lnTo>
                    <a:pt x="2072" y="4174"/>
                  </a:lnTo>
                  <a:lnTo>
                    <a:pt x="2128" y="4232"/>
                  </a:lnTo>
                  <a:lnTo>
                    <a:pt x="2120" y="4262"/>
                  </a:lnTo>
                  <a:lnTo>
                    <a:pt x="2100" y="4292"/>
                  </a:lnTo>
                  <a:lnTo>
                    <a:pt x="2210" y="4370"/>
                  </a:lnTo>
                  <a:lnTo>
                    <a:pt x="2278" y="4370"/>
                  </a:lnTo>
                  <a:lnTo>
                    <a:pt x="2304" y="4402"/>
                  </a:lnTo>
                  <a:lnTo>
                    <a:pt x="2338" y="4366"/>
                  </a:lnTo>
                  <a:lnTo>
                    <a:pt x="2398" y="4408"/>
                  </a:lnTo>
                  <a:lnTo>
                    <a:pt x="2400" y="4496"/>
                  </a:lnTo>
                  <a:lnTo>
                    <a:pt x="2430" y="4552"/>
                  </a:lnTo>
                  <a:lnTo>
                    <a:pt x="2474" y="4544"/>
                  </a:lnTo>
                  <a:lnTo>
                    <a:pt x="2496" y="4562"/>
                  </a:lnTo>
                  <a:lnTo>
                    <a:pt x="2502" y="4660"/>
                  </a:lnTo>
                  <a:lnTo>
                    <a:pt x="2534" y="4710"/>
                  </a:lnTo>
                  <a:lnTo>
                    <a:pt x="2590" y="4712"/>
                  </a:lnTo>
                  <a:lnTo>
                    <a:pt x="2664" y="4762"/>
                  </a:lnTo>
                  <a:lnTo>
                    <a:pt x="2644" y="4822"/>
                  </a:lnTo>
                  <a:lnTo>
                    <a:pt x="2642" y="4864"/>
                  </a:lnTo>
                  <a:lnTo>
                    <a:pt x="2676" y="4928"/>
                  </a:lnTo>
                  <a:lnTo>
                    <a:pt x="2762" y="4928"/>
                  </a:lnTo>
                  <a:lnTo>
                    <a:pt x="2788" y="4968"/>
                  </a:lnTo>
                  <a:lnTo>
                    <a:pt x="2836" y="4998"/>
                  </a:lnTo>
                  <a:lnTo>
                    <a:pt x="2862" y="5026"/>
                  </a:lnTo>
                  <a:lnTo>
                    <a:pt x="2912" y="5080"/>
                  </a:lnTo>
                  <a:lnTo>
                    <a:pt x="2972" y="5072"/>
                  </a:lnTo>
                  <a:lnTo>
                    <a:pt x="3018" y="5068"/>
                  </a:lnTo>
                  <a:lnTo>
                    <a:pt x="3054" y="5144"/>
                  </a:lnTo>
                  <a:lnTo>
                    <a:pt x="3010" y="5178"/>
                  </a:lnTo>
                  <a:lnTo>
                    <a:pt x="3002" y="5206"/>
                  </a:lnTo>
                  <a:lnTo>
                    <a:pt x="2990" y="5222"/>
                  </a:lnTo>
                  <a:lnTo>
                    <a:pt x="2998" y="5300"/>
                  </a:lnTo>
                  <a:lnTo>
                    <a:pt x="2962" y="5324"/>
                  </a:lnTo>
                  <a:lnTo>
                    <a:pt x="2922" y="5366"/>
                  </a:lnTo>
                  <a:lnTo>
                    <a:pt x="2922" y="5440"/>
                  </a:lnTo>
                  <a:lnTo>
                    <a:pt x="2846" y="5488"/>
                  </a:lnTo>
                  <a:lnTo>
                    <a:pt x="2816" y="5480"/>
                  </a:lnTo>
                  <a:lnTo>
                    <a:pt x="2804" y="5554"/>
                  </a:lnTo>
                  <a:lnTo>
                    <a:pt x="2820" y="5576"/>
                  </a:lnTo>
                  <a:lnTo>
                    <a:pt x="2860" y="5574"/>
                  </a:lnTo>
                  <a:lnTo>
                    <a:pt x="2874" y="5634"/>
                  </a:lnTo>
                  <a:lnTo>
                    <a:pt x="2976" y="5664"/>
                  </a:lnTo>
                  <a:lnTo>
                    <a:pt x="3006" y="5664"/>
                  </a:lnTo>
                  <a:lnTo>
                    <a:pt x="3006" y="5628"/>
                  </a:lnTo>
                  <a:lnTo>
                    <a:pt x="3058" y="5624"/>
                  </a:lnTo>
                  <a:lnTo>
                    <a:pt x="3128" y="5546"/>
                  </a:lnTo>
                  <a:lnTo>
                    <a:pt x="3176" y="5564"/>
                  </a:lnTo>
                  <a:lnTo>
                    <a:pt x="3224" y="5546"/>
                  </a:lnTo>
                  <a:lnTo>
                    <a:pt x="3226" y="5514"/>
                  </a:lnTo>
                  <a:lnTo>
                    <a:pt x="3324" y="5558"/>
                  </a:lnTo>
                  <a:lnTo>
                    <a:pt x="3412" y="5552"/>
                  </a:lnTo>
                  <a:lnTo>
                    <a:pt x="3486" y="5526"/>
                  </a:lnTo>
                  <a:lnTo>
                    <a:pt x="3564" y="5498"/>
                  </a:lnTo>
                  <a:lnTo>
                    <a:pt x="3622" y="5462"/>
                  </a:lnTo>
                  <a:lnTo>
                    <a:pt x="3636" y="5522"/>
                  </a:lnTo>
                  <a:lnTo>
                    <a:pt x="3666" y="5538"/>
                  </a:lnTo>
                  <a:lnTo>
                    <a:pt x="3752" y="5504"/>
                  </a:lnTo>
                  <a:lnTo>
                    <a:pt x="3780" y="5512"/>
                  </a:lnTo>
                  <a:lnTo>
                    <a:pt x="3780" y="5512"/>
                  </a:lnTo>
                  <a:lnTo>
                    <a:pt x="3788" y="5504"/>
                  </a:lnTo>
                  <a:lnTo>
                    <a:pt x="3794" y="5496"/>
                  </a:lnTo>
                  <a:lnTo>
                    <a:pt x="3794" y="5494"/>
                  </a:lnTo>
                  <a:lnTo>
                    <a:pt x="3794" y="5490"/>
                  </a:lnTo>
                  <a:lnTo>
                    <a:pt x="3794" y="5490"/>
                  </a:lnTo>
                  <a:lnTo>
                    <a:pt x="3788" y="5454"/>
                  </a:lnTo>
                  <a:lnTo>
                    <a:pt x="3820" y="5418"/>
                  </a:lnTo>
                  <a:lnTo>
                    <a:pt x="3810" y="5322"/>
                  </a:lnTo>
                  <a:lnTo>
                    <a:pt x="3798" y="5266"/>
                  </a:lnTo>
                  <a:lnTo>
                    <a:pt x="3756" y="5224"/>
                  </a:lnTo>
                  <a:lnTo>
                    <a:pt x="3788" y="5168"/>
                  </a:lnTo>
                  <a:lnTo>
                    <a:pt x="3810" y="5080"/>
                  </a:lnTo>
                  <a:lnTo>
                    <a:pt x="3810" y="4978"/>
                  </a:lnTo>
                  <a:lnTo>
                    <a:pt x="3802" y="4920"/>
                  </a:lnTo>
                  <a:lnTo>
                    <a:pt x="3788" y="4858"/>
                  </a:lnTo>
                  <a:lnTo>
                    <a:pt x="3864" y="4798"/>
                  </a:lnTo>
                  <a:lnTo>
                    <a:pt x="3864" y="4762"/>
                  </a:lnTo>
                  <a:lnTo>
                    <a:pt x="3876" y="4734"/>
                  </a:lnTo>
                  <a:lnTo>
                    <a:pt x="3924" y="4784"/>
                  </a:lnTo>
                  <a:lnTo>
                    <a:pt x="3922" y="4710"/>
                  </a:lnTo>
                  <a:lnTo>
                    <a:pt x="3972" y="4720"/>
                  </a:lnTo>
                  <a:lnTo>
                    <a:pt x="4030" y="4762"/>
                  </a:lnTo>
                  <a:lnTo>
                    <a:pt x="4052" y="4722"/>
                  </a:lnTo>
                  <a:lnTo>
                    <a:pt x="4096" y="4722"/>
                  </a:lnTo>
                  <a:lnTo>
                    <a:pt x="4128" y="4656"/>
                  </a:lnTo>
                  <a:lnTo>
                    <a:pt x="4138" y="4566"/>
                  </a:lnTo>
                  <a:lnTo>
                    <a:pt x="4206" y="4520"/>
                  </a:lnTo>
                  <a:lnTo>
                    <a:pt x="4252" y="4446"/>
                  </a:lnTo>
                  <a:lnTo>
                    <a:pt x="4258" y="4394"/>
                  </a:lnTo>
                  <a:lnTo>
                    <a:pt x="4332" y="4348"/>
                  </a:lnTo>
                  <a:lnTo>
                    <a:pt x="4342" y="4234"/>
                  </a:lnTo>
                  <a:lnTo>
                    <a:pt x="4360" y="4214"/>
                  </a:lnTo>
                  <a:lnTo>
                    <a:pt x="4326" y="4188"/>
                  </a:lnTo>
                  <a:lnTo>
                    <a:pt x="4252" y="4184"/>
                  </a:lnTo>
                  <a:lnTo>
                    <a:pt x="4214" y="4144"/>
                  </a:lnTo>
                  <a:lnTo>
                    <a:pt x="4186" y="4086"/>
                  </a:lnTo>
                  <a:lnTo>
                    <a:pt x="4164" y="4010"/>
                  </a:lnTo>
                  <a:lnTo>
                    <a:pt x="4116" y="3956"/>
                  </a:lnTo>
                  <a:lnTo>
                    <a:pt x="4042" y="3892"/>
                  </a:lnTo>
                  <a:lnTo>
                    <a:pt x="3988" y="3890"/>
                  </a:lnTo>
                  <a:lnTo>
                    <a:pt x="3986" y="3858"/>
                  </a:lnTo>
                  <a:lnTo>
                    <a:pt x="3906" y="3862"/>
                  </a:lnTo>
                  <a:lnTo>
                    <a:pt x="3862" y="3810"/>
                  </a:lnTo>
                  <a:lnTo>
                    <a:pt x="3830" y="3760"/>
                  </a:lnTo>
                  <a:lnTo>
                    <a:pt x="3806" y="3692"/>
                  </a:lnTo>
                  <a:lnTo>
                    <a:pt x="3788" y="3584"/>
                  </a:lnTo>
                  <a:lnTo>
                    <a:pt x="3772" y="3526"/>
                  </a:lnTo>
                  <a:lnTo>
                    <a:pt x="3714" y="3482"/>
                  </a:lnTo>
                  <a:lnTo>
                    <a:pt x="3680" y="3386"/>
                  </a:lnTo>
                  <a:lnTo>
                    <a:pt x="3660" y="3328"/>
                  </a:lnTo>
                  <a:lnTo>
                    <a:pt x="3624" y="3284"/>
                  </a:lnTo>
                  <a:lnTo>
                    <a:pt x="3660" y="3214"/>
                  </a:lnTo>
                  <a:lnTo>
                    <a:pt x="3660" y="3140"/>
                  </a:lnTo>
                  <a:lnTo>
                    <a:pt x="3692" y="3102"/>
                  </a:lnTo>
                  <a:lnTo>
                    <a:pt x="3686" y="3026"/>
                  </a:lnTo>
                  <a:lnTo>
                    <a:pt x="3800" y="3008"/>
                  </a:lnTo>
                  <a:lnTo>
                    <a:pt x="3812" y="2968"/>
                  </a:lnTo>
                  <a:lnTo>
                    <a:pt x="3886" y="2956"/>
                  </a:lnTo>
                  <a:lnTo>
                    <a:pt x="3884" y="2908"/>
                  </a:lnTo>
                  <a:lnTo>
                    <a:pt x="3870" y="2884"/>
                  </a:lnTo>
                  <a:lnTo>
                    <a:pt x="3892" y="2838"/>
                  </a:lnTo>
                  <a:lnTo>
                    <a:pt x="3894" y="2814"/>
                  </a:lnTo>
                  <a:lnTo>
                    <a:pt x="3892" y="2776"/>
                  </a:lnTo>
                  <a:lnTo>
                    <a:pt x="3898" y="2742"/>
                  </a:lnTo>
                  <a:lnTo>
                    <a:pt x="3946" y="2724"/>
                  </a:lnTo>
                  <a:lnTo>
                    <a:pt x="3938" y="2634"/>
                  </a:lnTo>
                  <a:lnTo>
                    <a:pt x="3868" y="2616"/>
                  </a:lnTo>
                  <a:lnTo>
                    <a:pt x="3800" y="2582"/>
                  </a:lnTo>
                  <a:lnTo>
                    <a:pt x="3768" y="2528"/>
                  </a:lnTo>
                  <a:lnTo>
                    <a:pt x="3736" y="2456"/>
                  </a:lnTo>
                  <a:lnTo>
                    <a:pt x="3710" y="2402"/>
                  </a:lnTo>
                  <a:lnTo>
                    <a:pt x="3696" y="2374"/>
                  </a:lnTo>
                  <a:lnTo>
                    <a:pt x="3708" y="2342"/>
                  </a:lnTo>
                  <a:lnTo>
                    <a:pt x="3784" y="2342"/>
                  </a:lnTo>
                  <a:lnTo>
                    <a:pt x="3784" y="2342"/>
                  </a:lnTo>
                  <a:lnTo>
                    <a:pt x="3792" y="2328"/>
                  </a:lnTo>
                  <a:lnTo>
                    <a:pt x="3800" y="2316"/>
                  </a:lnTo>
                  <a:lnTo>
                    <a:pt x="3802" y="2306"/>
                  </a:lnTo>
                  <a:lnTo>
                    <a:pt x="3802" y="2306"/>
                  </a:lnTo>
                  <a:lnTo>
                    <a:pt x="3806" y="2276"/>
                  </a:lnTo>
                  <a:lnTo>
                    <a:pt x="3810" y="2252"/>
                  </a:lnTo>
                  <a:lnTo>
                    <a:pt x="3856" y="2240"/>
                  </a:lnTo>
                  <a:lnTo>
                    <a:pt x="3884" y="2240"/>
                  </a:lnTo>
                  <a:lnTo>
                    <a:pt x="3914" y="2272"/>
                  </a:lnTo>
                  <a:lnTo>
                    <a:pt x="3940" y="2292"/>
                  </a:lnTo>
                  <a:lnTo>
                    <a:pt x="3988" y="2258"/>
                  </a:lnTo>
                  <a:lnTo>
                    <a:pt x="3998" y="2224"/>
                  </a:lnTo>
                  <a:lnTo>
                    <a:pt x="3994" y="2196"/>
                  </a:lnTo>
                  <a:lnTo>
                    <a:pt x="3956" y="2168"/>
                  </a:lnTo>
                  <a:lnTo>
                    <a:pt x="3922" y="2146"/>
                  </a:lnTo>
                  <a:lnTo>
                    <a:pt x="3902" y="2144"/>
                  </a:lnTo>
                  <a:lnTo>
                    <a:pt x="3842" y="2144"/>
                  </a:lnTo>
                  <a:lnTo>
                    <a:pt x="3726" y="2030"/>
                  </a:lnTo>
                  <a:lnTo>
                    <a:pt x="3650" y="2024"/>
                  </a:lnTo>
                  <a:lnTo>
                    <a:pt x="3606" y="2070"/>
                  </a:lnTo>
                  <a:lnTo>
                    <a:pt x="3546" y="2086"/>
                  </a:lnTo>
                  <a:lnTo>
                    <a:pt x="3536" y="2128"/>
                  </a:lnTo>
                  <a:lnTo>
                    <a:pt x="3510" y="2150"/>
                  </a:lnTo>
                  <a:lnTo>
                    <a:pt x="3512" y="2188"/>
                  </a:lnTo>
                  <a:lnTo>
                    <a:pt x="3482" y="2246"/>
                  </a:lnTo>
                  <a:lnTo>
                    <a:pt x="3450" y="2310"/>
                  </a:lnTo>
                  <a:lnTo>
                    <a:pt x="3418" y="2372"/>
                  </a:lnTo>
                  <a:lnTo>
                    <a:pt x="3350" y="2384"/>
                  </a:lnTo>
                  <a:lnTo>
                    <a:pt x="3312" y="2342"/>
                  </a:lnTo>
                  <a:lnTo>
                    <a:pt x="3296" y="2300"/>
                  </a:lnTo>
                  <a:lnTo>
                    <a:pt x="3276" y="2274"/>
                  </a:lnTo>
                  <a:lnTo>
                    <a:pt x="3250" y="2228"/>
                  </a:lnTo>
                  <a:lnTo>
                    <a:pt x="3240" y="2164"/>
                  </a:lnTo>
                  <a:lnTo>
                    <a:pt x="3188" y="2152"/>
                  </a:lnTo>
                  <a:lnTo>
                    <a:pt x="3154" y="2138"/>
                  </a:lnTo>
                  <a:lnTo>
                    <a:pt x="3086" y="2128"/>
                  </a:lnTo>
                  <a:lnTo>
                    <a:pt x="3026" y="2120"/>
                  </a:lnTo>
                  <a:lnTo>
                    <a:pt x="2972" y="2118"/>
                  </a:lnTo>
                  <a:lnTo>
                    <a:pt x="2934" y="2118"/>
                  </a:lnTo>
                  <a:lnTo>
                    <a:pt x="2932" y="2046"/>
                  </a:lnTo>
                  <a:lnTo>
                    <a:pt x="2912" y="2008"/>
                  </a:lnTo>
                  <a:lnTo>
                    <a:pt x="2874" y="1988"/>
                  </a:lnTo>
                  <a:lnTo>
                    <a:pt x="2768" y="1988"/>
                  </a:lnTo>
                  <a:lnTo>
                    <a:pt x="2708" y="1984"/>
                  </a:lnTo>
                  <a:lnTo>
                    <a:pt x="2692" y="1950"/>
                  </a:lnTo>
                  <a:lnTo>
                    <a:pt x="2670" y="1918"/>
                  </a:lnTo>
                  <a:lnTo>
                    <a:pt x="2660" y="1884"/>
                  </a:lnTo>
                  <a:lnTo>
                    <a:pt x="2708" y="1856"/>
                  </a:lnTo>
                  <a:lnTo>
                    <a:pt x="2746" y="1850"/>
                  </a:lnTo>
                  <a:lnTo>
                    <a:pt x="2782" y="1848"/>
                  </a:lnTo>
                  <a:lnTo>
                    <a:pt x="2812" y="1848"/>
                  </a:lnTo>
                  <a:lnTo>
                    <a:pt x="2840" y="1834"/>
                  </a:lnTo>
                  <a:lnTo>
                    <a:pt x="2860" y="1816"/>
                  </a:lnTo>
                  <a:lnTo>
                    <a:pt x="2856" y="1766"/>
                  </a:lnTo>
                  <a:lnTo>
                    <a:pt x="2796" y="1740"/>
                  </a:lnTo>
                  <a:lnTo>
                    <a:pt x="2758" y="1724"/>
                  </a:lnTo>
                  <a:lnTo>
                    <a:pt x="2720" y="1712"/>
                  </a:lnTo>
                  <a:lnTo>
                    <a:pt x="2718" y="1686"/>
                  </a:lnTo>
                  <a:lnTo>
                    <a:pt x="2676" y="1664"/>
                  </a:lnTo>
                  <a:lnTo>
                    <a:pt x="2674" y="1634"/>
                  </a:lnTo>
                  <a:lnTo>
                    <a:pt x="2718" y="1624"/>
                  </a:lnTo>
                  <a:lnTo>
                    <a:pt x="2776" y="1618"/>
                  </a:lnTo>
                  <a:lnTo>
                    <a:pt x="2778" y="1520"/>
                  </a:lnTo>
                  <a:lnTo>
                    <a:pt x="2810" y="1482"/>
                  </a:lnTo>
                  <a:lnTo>
                    <a:pt x="2846" y="1452"/>
                  </a:lnTo>
                  <a:lnTo>
                    <a:pt x="2814" y="1416"/>
                  </a:lnTo>
                  <a:lnTo>
                    <a:pt x="2772" y="1384"/>
                  </a:lnTo>
                  <a:lnTo>
                    <a:pt x="2724" y="1356"/>
                  </a:lnTo>
                  <a:lnTo>
                    <a:pt x="2664" y="1352"/>
                  </a:lnTo>
                  <a:lnTo>
                    <a:pt x="2618" y="1330"/>
                  </a:lnTo>
                  <a:lnTo>
                    <a:pt x="2584" y="1334"/>
                  </a:lnTo>
                  <a:lnTo>
                    <a:pt x="2532" y="1330"/>
                  </a:lnTo>
                  <a:lnTo>
                    <a:pt x="2494" y="1288"/>
                  </a:lnTo>
                  <a:lnTo>
                    <a:pt x="2440" y="1202"/>
                  </a:lnTo>
                  <a:lnTo>
                    <a:pt x="2426" y="1268"/>
                  </a:lnTo>
                  <a:lnTo>
                    <a:pt x="2380" y="1252"/>
                  </a:lnTo>
                  <a:lnTo>
                    <a:pt x="2352" y="1226"/>
                  </a:lnTo>
                  <a:lnTo>
                    <a:pt x="2326" y="1198"/>
                  </a:lnTo>
                  <a:lnTo>
                    <a:pt x="2282" y="1210"/>
                  </a:lnTo>
                  <a:lnTo>
                    <a:pt x="2236" y="1168"/>
                  </a:lnTo>
                  <a:lnTo>
                    <a:pt x="2180" y="1110"/>
                  </a:lnTo>
                  <a:lnTo>
                    <a:pt x="2132" y="1072"/>
                  </a:lnTo>
                  <a:lnTo>
                    <a:pt x="2122" y="1014"/>
                  </a:lnTo>
                  <a:lnTo>
                    <a:pt x="2080" y="1000"/>
                  </a:lnTo>
                  <a:lnTo>
                    <a:pt x="2040" y="1000"/>
                  </a:lnTo>
                  <a:lnTo>
                    <a:pt x="2030" y="964"/>
                  </a:lnTo>
                  <a:lnTo>
                    <a:pt x="2084" y="920"/>
                  </a:lnTo>
                  <a:lnTo>
                    <a:pt x="2054" y="846"/>
                  </a:lnTo>
                  <a:lnTo>
                    <a:pt x="2020" y="846"/>
                  </a:lnTo>
                  <a:lnTo>
                    <a:pt x="2024" y="804"/>
                  </a:lnTo>
                  <a:lnTo>
                    <a:pt x="2058" y="754"/>
                  </a:lnTo>
                  <a:lnTo>
                    <a:pt x="2058" y="632"/>
                  </a:lnTo>
                  <a:lnTo>
                    <a:pt x="2076" y="572"/>
                  </a:lnTo>
                  <a:lnTo>
                    <a:pt x="2040" y="560"/>
                  </a:lnTo>
                  <a:lnTo>
                    <a:pt x="2006" y="614"/>
                  </a:lnTo>
                  <a:lnTo>
                    <a:pt x="1960" y="614"/>
                  </a:lnTo>
                  <a:lnTo>
                    <a:pt x="1938" y="552"/>
                  </a:lnTo>
                  <a:lnTo>
                    <a:pt x="1912" y="544"/>
                  </a:lnTo>
                  <a:lnTo>
                    <a:pt x="1882" y="498"/>
                  </a:lnTo>
                  <a:lnTo>
                    <a:pt x="1858" y="456"/>
                  </a:lnTo>
                  <a:lnTo>
                    <a:pt x="1824" y="464"/>
                  </a:lnTo>
                  <a:lnTo>
                    <a:pt x="1820" y="384"/>
                  </a:lnTo>
                  <a:lnTo>
                    <a:pt x="1762" y="414"/>
                  </a:lnTo>
                  <a:lnTo>
                    <a:pt x="1718" y="306"/>
                  </a:lnTo>
                  <a:lnTo>
                    <a:pt x="1630" y="308"/>
                  </a:lnTo>
                  <a:lnTo>
                    <a:pt x="1584" y="262"/>
                  </a:lnTo>
                  <a:lnTo>
                    <a:pt x="1570" y="206"/>
                  </a:lnTo>
                  <a:lnTo>
                    <a:pt x="1530" y="162"/>
                  </a:lnTo>
                  <a:lnTo>
                    <a:pt x="1466" y="106"/>
                  </a:lnTo>
                  <a:lnTo>
                    <a:pt x="1418" y="50"/>
                  </a:lnTo>
                  <a:lnTo>
                    <a:pt x="1392" y="38"/>
                  </a:lnTo>
                  <a:lnTo>
                    <a:pt x="1358" y="44"/>
                  </a:lnTo>
                  <a:lnTo>
                    <a:pt x="1330" y="40"/>
                  </a:lnTo>
                  <a:lnTo>
                    <a:pt x="1318" y="12"/>
                  </a:lnTo>
                  <a:lnTo>
                    <a:pt x="1288" y="46"/>
                  </a:lnTo>
                  <a:lnTo>
                    <a:pt x="1260" y="54"/>
                  </a:lnTo>
                  <a:lnTo>
                    <a:pt x="1236" y="2"/>
                  </a:lnTo>
                  <a:lnTo>
                    <a:pt x="1154" y="2"/>
                  </a:lnTo>
                  <a:lnTo>
                    <a:pt x="1134" y="24"/>
                  </a:lnTo>
                  <a:lnTo>
                    <a:pt x="1072" y="38"/>
                  </a:lnTo>
                  <a:lnTo>
                    <a:pt x="1038" y="64"/>
                  </a:lnTo>
                  <a:lnTo>
                    <a:pt x="1020" y="78"/>
                  </a:lnTo>
                  <a:lnTo>
                    <a:pt x="958" y="32"/>
                  </a:lnTo>
                  <a:lnTo>
                    <a:pt x="904" y="8"/>
                  </a:lnTo>
                  <a:lnTo>
                    <a:pt x="852" y="0"/>
                  </a:lnTo>
                  <a:lnTo>
                    <a:pt x="808" y="34"/>
                  </a:lnTo>
                  <a:lnTo>
                    <a:pt x="802" y="8"/>
                  </a:lnTo>
                  <a:lnTo>
                    <a:pt x="760" y="6"/>
                  </a:lnTo>
                  <a:lnTo>
                    <a:pt x="754" y="40"/>
                  </a:lnTo>
                  <a:lnTo>
                    <a:pt x="712" y="40"/>
                  </a:lnTo>
                  <a:lnTo>
                    <a:pt x="694" y="62"/>
                  </a:lnTo>
                  <a:lnTo>
                    <a:pt x="700" y="92"/>
                  </a:lnTo>
                  <a:lnTo>
                    <a:pt x="674" y="118"/>
                  </a:lnTo>
                  <a:lnTo>
                    <a:pt x="654" y="160"/>
                  </a:lnTo>
                  <a:lnTo>
                    <a:pt x="600" y="202"/>
                  </a:lnTo>
                  <a:lnTo>
                    <a:pt x="554" y="210"/>
                  </a:lnTo>
                  <a:lnTo>
                    <a:pt x="554" y="210"/>
                  </a:lnTo>
                  <a:lnTo>
                    <a:pt x="548" y="198"/>
                  </a:lnTo>
                  <a:lnTo>
                    <a:pt x="542" y="190"/>
                  </a:lnTo>
                  <a:lnTo>
                    <a:pt x="540" y="188"/>
                  </a:lnTo>
                  <a:lnTo>
                    <a:pt x="538" y="188"/>
                  </a:lnTo>
                  <a:lnTo>
                    <a:pt x="538" y="188"/>
                  </a:lnTo>
                  <a:lnTo>
                    <a:pt x="490" y="218"/>
                  </a:lnTo>
                  <a:lnTo>
                    <a:pt x="444" y="246"/>
                  </a:lnTo>
                  <a:lnTo>
                    <a:pt x="466" y="272"/>
                  </a:lnTo>
                  <a:lnTo>
                    <a:pt x="314" y="274"/>
                  </a:lnTo>
                  <a:lnTo>
                    <a:pt x="304" y="244"/>
                  </a:lnTo>
                  <a:lnTo>
                    <a:pt x="290" y="212"/>
                  </a:lnTo>
                  <a:lnTo>
                    <a:pt x="244" y="220"/>
                  </a:lnTo>
                  <a:lnTo>
                    <a:pt x="234" y="250"/>
                  </a:lnTo>
                  <a:lnTo>
                    <a:pt x="228" y="282"/>
                  </a:lnTo>
                  <a:lnTo>
                    <a:pt x="228" y="314"/>
                  </a:lnTo>
                  <a:lnTo>
                    <a:pt x="158" y="322"/>
                  </a:lnTo>
                  <a:lnTo>
                    <a:pt x="158" y="380"/>
                  </a:lnTo>
                  <a:lnTo>
                    <a:pt x="134" y="358"/>
                  </a:lnTo>
                  <a:lnTo>
                    <a:pt x="90" y="364"/>
                  </a:lnTo>
                  <a:lnTo>
                    <a:pt x="48" y="366"/>
                  </a:lnTo>
                  <a:lnTo>
                    <a:pt x="48" y="410"/>
                  </a:lnTo>
                  <a:lnTo>
                    <a:pt x="14" y="414"/>
                  </a:lnTo>
                  <a:lnTo>
                    <a:pt x="46" y="460"/>
                  </a:lnTo>
                  <a:lnTo>
                    <a:pt x="2" y="476"/>
                  </a:lnTo>
                  <a:lnTo>
                    <a:pt x="0" y="526"/>
                  </a:lnTo>
                  <a:lnTo>
                    <a:pt x="4" y="544"/>
                  </a:lnTo>
                  <a:lnTo>
                    <a:pt x="50" y="530"/>
                  </a:lnTo>
                  <a:lnTo>
                    <a:pt x="72" y="554"/>
                  </a:lnTo>
                  <a:lnTo>
                    <a:pt x="70" y="576"/>
                  </a:lnTo>
                  <a:lnTo>
                    <a:pt x="30" y="576"/>
                  </a:lnTo>
                  <a:lnTo>
                    <a:pt x="16" y="572"/>
                  </a:lnTo>
                  <a:lnTo>
                    <a:pt x="12" y="620"/>
                  </a:lnTo>
                  <a:lnTo>
                    <a:pt x="44" y="630"/>
                  </a:lnTo>
                  <a:lnTo>
                    <a:pt x="74" y="626"/>
                  </a:lnTo>
                  <a:lnTo>
                    <a:pt x="104" y="604"/>
                  </a:lnTo>
                  <a:lnTo>
                    <a:pt x="110" y="646"/>
                  </a:lnTo>
                  <a:lnTo>
                    <a:pt x="80" y="658"/>
                  </a:lnTo>
                  <a:lnTo>
                    <a:pt x="66" y="690"/>
                  </a:lnTo>
                  <a:lnTo>
                    <a:pt x="126" y="718"/>
                  </a:lnTo>
                  <a:lnTo>
                    <a:pt x="122" y="772"/>
                  </a:lnTo>
                  <a:lnTo>
                    <a:pt x="104" y="782"/>
                  </a:lnTo>
                  <a:lnTo>
                    <a:pt x="74" y="828"/>
                  </a:lnTo>
                  <a:lnTo>
                    <a:pt x="50" y="878"/>
                  </a:lnTo>
                  <a:lnTo>
                    <a:pt x="84" y="904"/>
                  </a:lnTo>
                  <a:lnTo>
                    <a:pt x="88" y="938"/>
                  </a:lnTo>
                  <a:lnTo>
                    <a:pt x="148" y="932"/>
                  </a:lnTo>
                  <a:lnTo>
                    <a:pt x="164" y="904"/>
                  </a:lnTo>
                  <a:lnTo>
                    <a:pt x="210" y="938"/>
                  </a:lnTo>
                  <a:lnTo>
                    <a:pt x="242" y="950"/>
                  </a:lnTo>
                  <a:lnTo>
                    <a:pt x="240" y="982"/>
                  </a:lnTo>
                  <a:lnTo>
                    <a:pt x="200" y="1008"/>
                  </a:lnTo>
                  <a:lnTo>
                    <a:pt x="170" y="988"/>
                  </a:lnTo>
                  <a:lnTo>
                    <a:pt x="144" y="998"/>
                  </a:lnTo>
                  <a:lnTo>
                    <a:pt x="144" y="1066"/>
                  </a:lnTo>
                  <a:lnTo>
                    <a:pt x="174" y="1102"/>
                  </a:lnTo>
                  <a:lnTo>
                    <a:pt x="120" y="1142"/>
                  </a:lnTo>
                  <a:lnTo>
                    <a:pt x="164" y="1190"/>
                  </a:lnTo>
                  <a:lnTo>
                    <a:pt x="234" y="1210"/>
                  </a:lnTo>
                  <a:lnTo>
                    <a:pt x="256" y="1264"/>
                  </a:lnTo>
                  <a:lnTo>
                    <a:pt x="304" y="1300"/>
                  </a:lnTo>
                  <a:lnTo>
                    <a:pt x="362" y="1320"/>
                  </a:lnTo>
                  <a:lnTo>
                    <a:pt x="410" y="1296"/>
                  </a:lnTo>
                  <a:lnTo>
                    <a:pt x="438" y="1310"/>
                  </a:lnTo>
                  <a:lnTo>
                    <a:pt x="412" y="1346"/>
                  </a:lnTo>
                  <a:lnTo>
                    <a:pt x="456" y="1352"/>
                  </a:lnTo>
                  <a:lnTo>
                    <a:pt x="500" y="1368"/>
                  </a:lnTo>
                  <a:lnTo>
                    <a:pt x="562" y="1370"/>
                  </a:lnTo>
                  <a:lnTo>
                    <a:pt x="596" y="1366"/>
                  </a:lnTo>
                  <a:lnTo>
                    <a:pt x="612" y="1428"/>
                  </a:lnTo>
                  <a:lnTo>
                    <a:pt x="604" y="1454"/>
                  </a:lnTo>
                  <a:lnTo>
                    <a:pt x="522" y="1452"/>
                  </a:lnTo>
                  <a:lnTo>
                    <a:pt x="486" y="1386"/>
                  </a:lnTo>
                  <a:lnTo>
                    <a:pt x="454" y="1394"/>
                  </a:lnTo>
                  <a:lnTo>
                    <a:pt x="448" y="1442"/>
                  </a:lnTo>
                  <a:lnTo>
                    <a:pt x="398" y="1430"/>
                  </a:lnTo>
                  <a:lnTo>
                    <a:pt x="354" y="1398"/>
                  </a:lnTo>
                  <a:lnTo>
                    <a:pt x="322" y="1424"/>
                  </a:lnTo>
                  <a:lnTo>
                    <a:pt x="346" y="1450"/>
                  </a:lnTo>
                  <a:lnTo>
                    <a:pt x="310" y="1498"/>
                  </a:lnTo>
                  <a:lnTo>
                    <a:pt x="246" y="1494"/>
                  </a:lnTo>
                  <a:lnTo>
                    <a:pt x="246" y="1536"/>
                  </a:lnTo>
                  <a:lnTo>
                    <a:pt x="260" y="1584"/>
                  </a:lnTo>
                  <a:lnTo>
                    <a:pt x="258" y="1658"/>
                  </a:lnTo>
                  <a:lnTo>
                    <a:pt x="196" y="1712"/>
                  </a:lnTo>
                  <a:lnTo>
                    <a:pt x="306" y="1718"/>
                  </a:lnTo>
                  <a:lnTo>
                    <a:pt x="300" y="1770"/>
                  </a:lnTo>
                  <a:lnTo>
                    <a:pt x="252" y="1774"/>
                  </a:lnTo>
                  <a:lnTo>
                    <a:pt x="212" y="1814"/>
                  </a:lnTo>
                  <a:lnTo>
                    <a:pt x="170" y="1788"/>
                  </a:lnTo>
                  <a:lnTo>
                    <a:pt x="136" y="1818"/>
                  </a:lnTo>
                  <a:lnTo>
                    <a:pt x="174" y="1878"/>
                  </a:lnTo>
                  <a:lnTo>
                    <a:pt x="226" y="1860"/>
                  </a:lnTo>
                  <a:lnTo>
                    <a:pt x="272" y="1834"/>
                  </a:lnTo>
                  <a:lnTo>
                    <a:pt x="324" y="1798"/>
                  </a:lnTo>
                  <a:lnTo>
                    <a:pt x="358" y="1792"/>
                  </a:lnTo>
                  <a:lnTo>
                    <a:pt x="380" y="1832"/>
                  </a:lnTo>
                  <a:lnTo>
                    <a:pt x="416" y="1800"/>
                  </a:lnTo>
                  <a:lnTo>
                    <a:pt x="456" y="1814"/>
                  </a:lnTo>
                  <a:lnTo>
                    <a:pt x="512" y="1826"/>
                  </a:lnTo>
                  <a:lnTo>
                    <a:pt x="518" y="1902"/>
                  </a:lnTo>
                  <a:lnTo>
                    <a:pt x="450" y="1972"/>
                  </a:lnTo>
                  <a:lnTo>
                    <a:pt x="476" y="1994"/>
                  </a:lnTo>
                  <a:lnTo>
                    <a:pt x="470" y="2066"/>
                  </a:lnTo>
                  <a:lnTo>
                    <a:pt x="452" y="2102"/>
                  </a:lnTo>
                  <a:lnTo>
                    <a:pt x="352" y="2196"/>
                  </a:lnTo>
                  <a:lnTo>
                    <a:pt x="366" y="2234"/>
                  </a:lnTo>
                  <a:lnTo>
                    <a:pt x="314" y="2266"/>
                  </a:lnTo>
                  <a:lnTo>
                    <a:pt x="328" y="2304"/>
                  </a:lnTo>
                  <a:lnTo>
                    <a:pt x="304" y="2336"/>
                  </a:lnTo>
                  <a:lnTo>
                    <a:pt x="256" y="2344"/>
                  </a:lnTo>
                  <a:lnTo>
                    <a:pt x="264" y="2386"/>
                  </a:lnTo>
                  <a:lnTo>
                    <a:pt x="264" y="2472"/>
                  </a:lnTo>
                  <a:lnTo>
                    <a:pt x="236" y="2562"/>
                  </a:lnTo>
                  <a:lnTo>
                    <a:pt x="256" y="2606"/>
                  </a:lnTo>
                  <a:lnTo>
                    <a:pt x="264" y="2648"/>
                  </a:lnTo>
                  <a:lnTo>
                    <a:pt x="290" y="2680"/>
                  </a:lnTo>
                  <a:lnTo>
                    <a:pt x="342" y="2678"/>
                  </a:lnTo>
                  <a:lnTo>
                    <a:pt x="340" y="2708"/>
                  </a:lnTo>
                  <a:lnTo>
                    <a:pt x="458" y="2718"/>
                  </a:lnTo>
                  <a:lnTo>
                    <a:pt x="488" y="2768"/>
                  </a:lnTo>
                  <a:lnTo>
                    <a:pt x="496" y="2806"/>
                  </a:lnTo>
                  <a:lnTo>
                    <a:pt x="546" y="2862"/>
                  </a:lnTo>
                  <a:lnTo>
                    <a:pt x="588" y="2918"/>
                  </a:lnTo>
                  <a:lnTo>
                    <a:pt x="626" y="2896"/>
                  </a:lnTo>
                  <a:lnTo>
                    <a:pt x="626" y="2940"/>
                  </a:lnTo>
                  <a:lnTo>
                    <a:pt x="712" y="3016"/>
                  </a:lnTo>
                  <a:lnTo>
                    <a:pt x="718" y="3072"/>
                  </a:lnTo>
                  <a:lnTo>
                    <a:pt x="742" y="3038"/>
                  </a:lnTo>
                  <a:lnTo>
                    <a:pt x="760" y="3010"/>
                  </a:lnTo>
                  <a:lnTo>
                    <a:pt x="784" y="3084"/>
                  </a:lnTo>
                  <a:lnTo>
                    <a:pt x="752" y="3112"/>
                  </a:lnTo>
                  <a:lnTo>
                    <a:pt x="720" y="3128"/>
                  </a:lnTo>
                  <a:lnTo>
                    <a:pt x="718" y="3162"/>
                  </a:lnTo>
                  <a:lnTo>
                    <a:pt x="688" y="3180"/>
                  </a:lnTo>
                  <a:lnTo>
                    <a:pt x="550" y="3178"/>
                  </a:lnTo>
                  <a:lnTo>
                    <a:pt x="462" y="3132"/>
                  </a:lnTo>
                  <a:lnTo>
                    <a:pt x="414" y="3126"/>
                  </a:lnTo>
                  <a:lnTo>
                    <a:pt x="378" y="3108"/>
                  </a:lnTo>
                  <a:lnTo>
                    <a:pt x="378" y="3144"/>
                  </a:lnTo>
                  <a:lnTo>
                    <a:pt x="418" y="3224"/>
                  </a:lnTo>
                  <a:lnTo>
                    <a:pt x="470" y="3284"/>
                  </a:lnTo>
                  <a:lnTo>
                    <a:pt x="518" y="3344"/>
                  </a:lnTo>
                  <a:lnTo>
                    <a:pt x="514" y="3402"/>
                  </a:lnTo>
                  <a:lnTo>
                    <a:pt x="620" y="3450"/>
                  </a:lnTo>
                  <a:lnTo>
                    <a:pt x="648" y="3508"/>
                  </a:lnTo>
                  <a:lnTo>
                    <a:pt x="680" y="3536"/>
                  </a:lnTo>
                  <a:lnTo>
                    <a:pt x="680" y="3618"/>
                  </a:lnTo>
                  <a:lnTo>
                    <a:pt x="660" y="3666"/>
                  </a:lnTo>
                  <a:lnTo>
                    <a:pt x="632" y="3642"/>
                  </a:lnTo>
                  <a:lnTo>
                    <a:pt x="638" y="3714"/>
                  </a:lnTo>
                  <a:lnTo>
                    <a:pt x="600" y="3736"/>
                  </a:lnTo>
                  <a:lnTo>
                    <a:pt x="554" y="3670"/>
                  </a:lnTo>
                  <a:lnTo>
                    <a:pt x="514" y="3702"/>
                  </a:lnTo>
                  <a:lnTo>
                    <a:pt x="458" y="3682"/>
                  </a:lnTo>
                  <a:lnTo>
                    <a:pt x="416" y="3700"/>
                  </a:lnTo>
                  <a:lnTo>
                    <a:pt x="430" y="3796"/>
                  </a:lnTo>
                  <a:lnTo>
                    <a:pt x="396" y="3810"/>
                  </a:lnTo>
                  <a:lnTo>
                    <a:pt x="394" y="3866"/>
                  </a:lnTo>
                  <a:lnTo>
                    <a:pt x="462" y="3904"/>
                  </a:lnTo>
                  <a:lnTo>
                    <a:pt x="504" y="3936"/>
                  </a:lnTo>
                  <a:lnTo>
                    <a:pt x="518" y="3968"/>
                  </a:lnTo>
                  <a:lnTo>
                    <a:pt x="566" y="3972"/>
                  </a:lnTo>
                  <a:lnTo>
                    <a:pt x="584" y="4000"/>
                  </a:lnTo>
                  <a:lnTo>
                    <a:pt x="630" y="4000"/>
                  </a:lnTo>
                  <a:lnTo>
                    <a:pt x="648" y="4080"/>
                  </a:lnTo>
                  <a:lnTo>
                    <a:pt x="718" y="4114"/>
                  </a:lnTo>
                  <a:lnTo>
                    <a:pt x="728" y="4228"/>
                  </a:lnTo>
                  <a:lnTo>
                    <a:pt x="796" y="4236"/>
                  </a:lnTo>
                  <a:lnTo>
                    <a:pt x="862" y="4346"/>
                  </a:lnTo>
                  <a:lnTo>
                    <a:pt x="960" y="4350"/>
                  </a:lnTo>
                  <a:lnTo>
                    <a:pt x="962" y="4386"/>
                  </a:lnTo>
                  <a:lnTo>
                    <a:pt x="1010" y="4420"/>
                  </a:lnTo>
                  <a:lnTo>
                    <a:pt x="1012" y="4450"/>
                  </a:lnTo>
                  <a:lnTo>
                    <a:pt x="1056" y="4418"/>
                  </a:lnTo>
                  <a:lnTo>
                    <a:pt x="1096" y="4460"/>
                  </a:lnTo>
                  <a:lnTo>
                    <a:pt x="1150" y="4426"/>
                  </a:lnTo>
                  <a:lnTo>
                    <a:pt x="1170" y="4478"/>
                  </a:lnTo>
                  <a:lnTo>
                    <a:pt x="1238" y="4558"/>
                  </a:lnTo>
                  <a:lnTo>
                    <a:pt x="1248" y="4596"/>
                  </a:lnTo>
                  <a:lnTo>
                    <a:pt x="1298" y="4614"/>
                  </a:lnTo>
                  <a:lnTo>
                    <a:pt x="1326" y="4588"/>
                  </a:lnTo>
                  <a:lnTo>
                    <a:pt x="1356" y="4620"/>
                  </a:lnTo>
                  <a:lnTo>
                    <a:pt x="1554" y="4702"/>
                  </a:lnTo>
                  <a:lnTo>
                    <a:pt x="1572" y="4720"/>
                  </a:lnTo>
                  <a:lnTo>
                    <a:pt x="1580" y="4796"/>
                  </a:lnTo>
                  <a:close/>
                </a:path>
              </a:pathLst>
            </a:custGeom>
            <a:solidFill>
              <a:srgbClr val="EAEAEA"/>
            </a:solidFill>
            <a:ln w="6350">
              <a:solidFill>
                <a:srgbClr val="B3B3B3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22" name="Freeform 5"/>
            <p:cNvSpPr>
              <a:spLocks noChangeAspect="1"/>
            </p:cNvSpPr>
            <p:nvPr/>
          </p:nvSpPr>
          <p:spPr bwMode="gray">
            <a:xfrm>
              <a:off x="6386513" y="3298826"/>
              <a:ext cx="328613" cy="330200"/>
            </a:xfrm>
            <a:custGeom>
              <a:avLst/>
              <a:gdLst>
                <a:gd name="T0" fmla="*/ 0 w 3825"/>
                <a:gd name="T1" fmla="*/ 0 h 3752"/>
                <a:gd name="T2" fmla="*/ 0 w 3825"/>
                <a:gd name="T3" fmla="*/ 0 h 3752"/>
                <a:gd name="T4" fmla="*/ 0 w 3825"/>
                <a:gd name="T5" fmla="*/ 0 h 3752"/>
                <a:gd name="T6" fmla="*/ 0 w 3825"/>
                <a:gd name="T7" fmla="*/ 0 h 3752"/>
                <a:gd name="T8" fmla="*/ 0 w 3825"/>
                <a:gd name="T9" fmla="*/ 0 h 3752"/>
                <a:gd name="T10" fmla="*/ 0 w 3825"/>
                <a:gd name="T11" fmla="*/ 0 h 3752"/>
                <a:gd name="T12" fmla="*/ 0 w 3825"/>
                <a:gd name="T13" fmla="*/ 0 h 3752"/>
                <a:gd name="T14" fmla="*/ 0 w 3825"/>
                <a:gd name="T15" fmla="*/ 0 h 3752"/>
                <a:gd name="T16" fmla="*/ 0 w 3825"/>
                <a:gd name="T17" fmla="*/ 0 h 3752"/>
                <a:gd name="T18" fmla="*/ 0 w 3825"/>
                <a:gd name="T19" fmla="*/ 0 h 3752"/>
                <a:gd name="T20" fmla="*/ 0 w 3825"/>
                <a:gd name="T21" fmla="*/ 0 h 3752"/>
                <a:gd name="T22" fmla="*/ 0 w 3825"/>
                <a:gd name="T23" fmla="*/ 0 h 3752"/>
                <a:gd name="T24" fmla="*/ 0 w 3825"/>
                <a:gd name="T25" fmla="*/ 0 h 3752"/>
                <a:gd name="T26" fmla="*/ 0 w 3825"/>
                <a:gd name="T27" fmla="*/ 0 h 3752"/>
                <a:gd name="T28" fmla="*/ 0 w 3825"/>
                <a:gd name="T29" fmla="*/ 0 h 3752"/>
                <a:gd name="T30" fmla="*/ 0 w 3825"/>
                <a:gd name="T31" fmla="*/ 0 h 3752"/>
                <a:gd name="T32" fmla="*/ 0 w 3825"/>
                <a:gd name="T33" fmla="*/ 0 h 3752"/>
                <a:gd name="T34" fmla="*/ 0 w 3825"/>
                <a:gd name="T35" fmla="*/ 0 h 3752"/>
                <a:gd name="T36" fmla="*/ 0 w 3825"/>
                <a:gd name="T37" fmla="*/ 0 h 3752"/>
                <a:gd name="T38" fmla="*/ 1 w 3825"/>
                <a:gd name="T39" fmla="*/ 0 h 3752"/>
                <a:gd name="T40" fmla="*/ 1 w 3825"/>
                <a:gd name="T41" fmla="*/ 0 h 3752"/>
                <a:gd name="T42" fmla="*/ 1 w 3825"/>
                <a:gd name="T43" fmla="*/ 0 h 3752"/>
                <a:gd name="T44" fmla="*/ 1 w 3825"/>
                <a:gd name="T45" fmla="*/ 0 h 3752"/>
                <a:gd name="T46" fmla="*/ 1 w 3825"/>
                <a:gd name="T47" fmla="*/ 0 h 3752"/>
                <a:gd name="T48" fmla="*/ 1 w 3825"/>
                <a:gd name="T49" fmla="*/ 0 h 3752"/>
                <a:gd name="T50" fmla="*/ 1 w 3825"/>
                <a:gd name="T51" fmla="*/ 0 h 3752"/>
                <a:gd name="T52" fmla="*/ 1 w 3825"/>
                <a:gd name="T53" fmla="*/ 0 h 3752"/>
                <a:gd name="T54" fmla="*/ 1 w 3825"/>
                <a:gd name="T55" fmla="*/ 0 h 3752"/>
                <a:gd name="T56" fmla="*/ 1 w 3825"/>
                <a:gd name="T57" fmla="*/ 0 h 3752"/>
                <a:gd name="T58" fmla="*/ 1 w 3825"/>
                <a:gd name="T59" fmla="*/ 0 h 3752"/>
                <a:gd name="T60" fmla="*/ 1 w 3825"/>
                <a:gd name="T61" fmla="*/ 0 h 3752"/>
                <a:gd name="T62" fmla="*/ 1 w 3825"/>
                <a:gd name="T63" fmla="*/ 0 h 3752"/>
                <a:gd name="T64" fmla="*/ 1 w 3825"/>
                <a:gd name="T65" fmla="*/ 0 h 3752"/>
                <a:gd name="T66" fmla="*/ 0 w 3825"/>
                <a:gd name="T67" fmla="*/ 0 h 3752"/>
                <a:gd name="T68" fmla="*/ 0 w 3825"/>
                <a:gd name="T69" fmla="*/ 0 h 3752"/>
                <a:gd name="T70" fmla="*/ 0 w 3825"/>
                <a:gd name="T71" fmla="*/ 0 h 3752"/>
                <a:gd name="T72" fmla="*/ 0 w 3825"/>
                <a:gd name="T73" fmla="*/ 0 h 3752"/>
                <a:gd name="T74" fmla="*/ 0 w 3825"/>
                <a:gd name="T75" fmla="*/ 1 h 3752"/>
                <a:gd name="T76" fmla="*/ 0 w 3825"/>
                <a:gd name="T77" fmla="*/ 1 h 3752"/>
                <a:gd name="T78" fmla="*/ 0 w 3825"/>
                <a:gd name="T79" fmla="*/ 1 h 3752"/>
                <a:gd name="T80" fmla="*/ 0 w 3825"/>
                <a:gd name="T81" fmla="*/ 1 h 3752"/>
                <a:gd name="T82" fmla="*/ 0 w 3825"/>
                <a:gd name="T83" fmla="*/ 1 h 3752"/>
                <a:gd name="T84" fmla="*/ 0 w 3825"/>
                <a:gd name="T85" fmla="*/ 1 h 3752"/>
                <a:gd name="T86" fmla="*/ 0 w 3825"/>
                <a:gd name="T87" fmla="*/ 1 h 3752"/>
                <a:gd name="T88" fmla="*/ 0 w 3825"/>
                <a:gd name="T89" fmla="*/ 1 h 3752"/>
                <a:gd name="T90" fmla="*/ 0 w 3825"/>
                <a:gd name="T91" fmla="*/ 1 h 3752"/>
                <a:gd name="T92" fmla="*/ 0 w 3825"/>
                <a:gd name="T93" fmla="*/ 1 h 3752"/>
                <a:gd name="T94" fmla="*/ 0 w 3825"/>
                <a:gd name="T95" fmla="*/ 1 h 3752"/>
                <a:gd name="T96" fmla="*/ 0 w 3825"/>
                <a:gd name="T97" fmla="*/ 1 h 3752"/>
                <a:gd name="T98" fmla="*/ 0 w 3825"/>
                <a:gd name="T99" fmla="*/ 1 h 3752"/>
                <a:gd name="T100" fmla="*/ 0 w 3825"/>
                <a:gd name="T101" fmla="*/ 1 h 3752"/>
                <a:gd name="T102" fmla="*/ 0 w 3825"/>
                <a:gd name="T103" fmla="*/ 1 h 3752"/>
                <a:gd name="T104" fmla="*/ 0 w 3825"/>
                <a:gd name="T105" fmla="*/ 1 h 3752"/>
                <a:gd name="T106" fmla="*/ 0 w 3825"/>
                <a:gd name="T107" fmla="*/ 0 h 3752"/>
                <a:gd name="T108" fmla="*/ 0 w 3825"/>
                <a:gd name="T109" fmla="*/ 0 h 3752"/>
                <a:gd name="T110" fmla="*/ 0 w 3825"/>
                <a:gd name="T111" fmla="*/ 0 h 3752"/>
                <a:gd name="T112" fmla="*/ 0 w 3825"/>
                <a:gd name="T113" fmla="*/ 0 h 3752"/>
                <a:gd name="T114" fmla="*/ 0 w 3825"/>
                <a:gd name="T115" fmla="*/ 0 h 3752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w 3825"/>
                <a:gd name="T175" fmla="*/ 0 h 3752"/>
                <a:gd name="T176" fmla="*/ 3825 w 3825"/>
                <a:gd name="T177" fmla="*/ 3752 h 3752"/>
              </a:gdLst>
              <a:ahLst/>
              <a:cxnLst>
                <a:cxn ang="T116">
                  <a:pos x="T0" y="T1"/>
                </a:cxn>
                <a:cxn ang="T117">
                  <a:pos x="T2" y="T3"/>
                </a:cxn>
                <a:cxn ang="T118">
                  <a:pos x="T4" y="T5"/>
                </a:cxn>
                <a:cxn ang="T119">
                  <a:pos x="T6" y="T7"/>
                </a:cxn>
                <a:cxn ang="T120">
                  <a:pos x="T8" y="T9"/>
                </a:cxn>
                <a:cxn ang="T121">
                  <a:pos x="T10" y="T11"/>
                </a:cxn>
                <a:cxn ang="T122">
                  <a:pos x="T12" y="T13"/>
                </a:cxn>
                <a:cxn ang="T123">
                  <a:pos x="T14" y="T15"/>
                </a:cxn>
                <a:cxn ang="T124">
                  <a:pos x="T16" y="T17"/>
                </a:cxn>
                <a:cxn ang="T125">
                  <a:pos x="T18" y="T19"/>
                </a:cxn>
                <a:cxn ang="T126">
                  <a:pos x="T20" y="T21"/>
                </a:cxn>
                <a:cxn ang="T127">
                  <a:pos x="T22" y="T23"/>
                </a:cxn>
                <a:cxn ang="T128">
                  <a:pos x="T24" y="T25"/>
                </a:cxn>
                <a:cxn ang="T129">
                  <a:pos x="T26" y="T27"/>
                </a:cxn>
                <a:cxn ang="T130">
                  <a:pos x="T28" y="T29"/>
                </a:cxn>
                <a:cxn ang="T131">
                  <a:pos x="T30" y="T31"/>
                </a:cxn>
                <a:cxn ang="T132">
                  <a:pos x="T32" y="T33"/>
                </a:cxn>
                <a:cxn ang="T133">
                  <a:pos x="T34" y="T35"/>
                </a:cxn>
                <a:cxn ang="T134">
                  <a:pos x="T36" y="T37"/>
                </a:cxn>
                <a:cxn ang="T135">
                  <a:pos x="T38" y="T39"/>
                </a:cxn>
                <a:cxn ang="T136">
                  <a:pos x="T40" y="T41"/>
                </a:cxn>
                <a:cxn ang="T137">
                  <a:pos x="T42" y="T43"/>
                </a:cxn>
                <a:cxn ang="T138">
                  <a:pos x="T44" y="T45"/>
                </a:cxn>
                <a:cxn ang="T139">
                  <a:pos x="T46" y="T47"/>
                </a:cxn>
                <a:cxn ang="T140">
                  <a:pos x="T48" y="T49"/>
                </a:cxn>
                <a:cxn ang="T141">
                  <a:pos x="T50" y="T51"/>
                </a:cxn>
                <a:cxn ang="T142">
                  <a:pos x="T52" y="T53"/>
                </a:cxn>
                <a:cxn ang="T143">
                  <a:pos x="T54" y="T55"/>
                </a:cxn>
                <a:cxn ang="T144">
                  <a:pos x="T56" y="T57"/>
                </a:cxn>
                <a:cxn ang="T145">
                  <a:pos x="T58" y="T59"/>
                </a:cxn>
                <a:cxn ang="T146">
                  <a:pos x="T60" y="T61"/>
                </a:cxn>
                <a:cxn ang="T147">
                  <a:pos x="T62" y="T63"/>
                </a:cxn>
                <a:cxn ang="T148">
                  <a:pos x="T64" y="T65"/>
                </a:cxn>
                <a:cxn ang="T149">
                  <a:pos x="T66" y="T67"/>
                </a:cxn>
                <a:cxn ang="T150">
                  <a:pos x="T68" y="T69"/>
                </a:cxn>
                <a:cxn ang="T151">
                  <a:pos x="T70" y="T71"/>
                </a:cxn>
                <a:cxn ang="T152">
                  <a:pos x="T72" y="T73"/>
                </a:cxn>
                <a:cxn ang="T153">
                  <a:pos x="T74" y="T75"/>
                </a:cxn>
                <a:cxn ang="T154">
                  <a:pos x="T76" y="T77"/>
                </a:cxn>
                <a:cxn ang="T155">
                  <a:pos x="T78" y="T79"/>
                </a:cxn>
                <a:cxn ang="T156">
                  <a:pos x="T80" y="T81"/>
                </a:cxn>
                <a:cxn ang="T157">
                  <a:pos x="T82" y="T83"/>
                </a:cxn>
                <a:cxn ang="T158">
                  <a:pos x="T84" y="T85"/>
                </a:cxn>
                <a:cxn ang="T159">
                  <a:pos x="T86" y="T87"/>
                </a:cxn>
                <a:cxn ang="T160">
                  <a:pos x="T88" y="T89"/>
                </a:cxn>
                <a:cxn ang="T161">
                  <a:pos x="T90" y="T91"/>
                </a:cxn>
                <a:cxn ang="T162">
                  <a:pos x="T92" y="T93"/>
                </a:cxn>
                <a:cxn ang="T163">
                  <a:pos x="T94" y="T95"/>
                </a:cxn>
                <a:cxn ang="T164">
                  <a:pos x="T96" y="T97"/>
                </a:cxn>
                <a:cxn ang="T165">
                  <a:pos x="T98" y="T99"/>
                </a:cxn>
                <a:cxn ang="T166">
                  <a:pos x="T100" y="T101"/>
                </a:cxn>
                <a:cxn ang="T167">
                  <a:pos x="T102" y="T103"/>
                </a:cxn>
                <a:cxn ang="T168">
                  <a:pos x="T104" y="T105"/>
                </a:cxn>
                <a:cxn ang="T169">
                  <a:pos x="T106" y="T107"/>
                </a:cxn>
                <a:cxn ang="T170">
                  <a:pos x="T108" y="T109"/>
                </a:cxn>
                <a:cxn ang="T171">
                  <a:pos x="T110" y="T111"/>
                </a:cxn>
                <a:cxn ang="T172">
                  <a:pos x="T112" y="T113"/>
                </a:cxn>
                <a:cxn ang="T173">
                  <a:pos x="T114" y="T115"/>
                </a:cxn>
              </a:cxnLst>
              <a:rect l="T174" t="T175" r="T176" b="T177"/>
              <a:pathLst>
                <a:path w="3825" h="3752">
                  <a:moveTo>
                    <a:pt x="297" y="2111"/>
                  </a:moveTo>
                  <a:lnTo>
                    <a:pt x="419" y="2165"/>
                  </a:lnTo>
                  <a:lnTo>
                    <a:pt x="477" y="2138"/>
                  </a:lnTo>
                  <a:lnTo>
                    <a:pt x="689" y="2129"/>
                  </a:lnTo>
                  <a:lnTo>
                    <a:pt x="765" y="2129"/>
                  </a:lnTo>
                  <a:lnTo>
                    <a:pt x="846" y="2156"/>
                  </a:lnTo>
                  <a:lnTo>
                    <a:pt x="900" y="2111"/>
                  </a:lnTo>
                  <a:lnTo>
                    <a:pt x="923" y="2107"/>
                  </a:lnTo>
                  <a:lnTo>
                    <a:pt x="1107" y="2111"/>
                  </a:lnTo>
                  <a:lnTo>
                    <a:pt x="1292" y="2062"/>
                  </a:lnTo>
                  <a:lnTo>
                    <a:pt x="1404" y="2044"/>
                  </a:lnTo>
                  <a:lnTo>
                    <a:pt x="1449" y="2008"/>
                  </a:lnTo>
                  <a:lnTo>
                    <a:pt x="1449" y="1981"/>
                  </a:lnTo>
                  <a:lnTo>
                    <a:pt x="1431" y="1949"/>
                  </a:lnTo>
                  <a:lnTo>
                    <a:pt x="1449" y="1859"/>
                  </a:lnTo>
                  <a:lnTo>
                    <a:pt x="1440" y="1801"/>
                  </a:lnTo>
                  <a:lnTo>
                    <a:pt x="1458" y="1738"/>
                  </a:lnTo>
                  <a:lnTo>
                    <a:pt x="1481" y="1711"/>
                  </a:lnTo>
                  <a:lnTo>
                    <a:pt x="1535" y="1670"/>
                  </a:lnTo>
                  <a:lnTo>
                    <a:pt x="1562" y="1625"/>
                  </a:lnTo>
                  <a:lnTo>
                    <a:pt x="1598" y="1598"/>
                  </a:lnTo>
                  <a:lnTo>
                    <a:pt x="1616" y="1616"/>
                  </a:lnTo>
                  <a:lnTo>
                    <a:pt x="1616" y="1625"/>
                  </a:lnTo>
                  <a:lnTo>
                    <a:pt x="1674" y="1634"/>
                  </a:lnTo>
                  <a:lnTo>
                    <a:pt x="1805" y="1607"/>
                  </a:lnTo>
                  <a:lnTo>
                    <a:pt x="1823" y="1580"/>
                  </a:lnTo>
                  <a:lnTo>
                    <a:pt x="1778" y="1563"/>
                  </a:lnTo>
                  <a:lnTo>
                    <a:pt x="1913" y="1477"/>
                  </a:lnTo>
                  <a:lnTo>
                    <a:pt x="2025" y="1495"/>
                  </a:lnTo>
                  <a:lnTo>
                    <a:pt x="1998" y="1477"/>
                  </a:lnTo>
                  <a:lnTo>
                    <a:pt x="2016" y="1459"/>
                  </a:lnTo>
                  <a:lnTo>
                    <a:pt x="2034" y="1459"/>
                  </a:lnTo>
                  <a:lnTo>
                    <a:pt x="2075" y="1486"/>
                  </a:lnTo>
                  <a:lnTo>
                    <a:pt x="2093" y="1522"/>
                  </a:lnTo>
                  <a:lnTo>
                    <a:pt x="2111" y="1531"/>
                  </a:lnTo>
                  <a:lnTo>
                    <a:pt x="2223" y="1432"/>
                  </a:lnTo>
                  <a:lnTo>
                    <a:pt x="2205" y="1293"/>
                  </a:lnTo>
                  <a:lnTo>
                    <a:pt x="2223" y="1248"/>
                  </a:lnTo>
                  <a:lnTo>
                    <a:pt x="2250" y="1234"/>
                  </a:lnTo>
                  <a:lnTo>
                    <a:pt x="2250" y="1180"/>
                  </a:lnTo>
                  <a:lnTo>
                    <a:pt x="2259" y="1153"/>
                  </a:lnTo>
                  <a:lnTo>
                    <a:pt x="2286" y="1153"/>
                  </a:lnTo>
                  <a:lnTo>
                    <a:pt x="2295" y="1095"/>
                  </a:lnTo>
                  <a:lnTo>
                    <a:pt x="2354" y="1077"/>
                  </a:lnTo>
                  <a:lnTo>
                    <a:pt x="2390" y="1077"/>
                  </a:lnTo>
                  <a:lnTo>
                    <a:pt x="2493" y="1005"/>
                  </a:lnTo>
                  <a:lnTo>
                    <a:pt x="2453" y="893"/>
                  </a:lnTo>
                  <a:lnTo>
                    <a:pt x="2426" y="893"/>
                  </a:lnTo>
                  <a:lnTo>
                    <a:pt x="2399" y="848"/>
                  </a:lnTo>
                  <a:lnTo>
                    <a:pt x="2390" y="839"/>
                  </a:lnTo>
                  <a:lnTo>
                    <a:pt x="2408" y="812"/>
                  </a:lnTo>
                  <a:lnTo>
                    <a:pt x="2435" y="807"/>
                  </a:lnTo>
                  <a:lnTo>
                    <a:pt x="2583" y="830"/>
                  </a:lnTo>
                  <a:lnTo>
                    <a:pt x="2669" y="807"/>
                  </a:lnTo>
                  <a:lnTo>
                    <a:pt x="2705" y="762"/>
                  </a:lnTo>
                  <a:lnTo>
                    <a:pt x="2705" y="735"/>
                  </a:lnTo>
                  <a:lnTo>
                    <a:pt x="2714" y="708"/>
                  </a:lnTo>
                  <a:lnTo>
                    <a:pt x="2678" y="690"/>
                  </a:lnTo>
                  <a:lnTo>
                    <a:pt x="2678" y="668"/>
                  </a:lnTo>
                  <a:lnTo>
                    <a:pt x="2750" y="569"/>
                  </a:lnTo>
                  <a:lnTo>
                    <a:pt x="2817" y="519"/>
                  </a:lnTo>
                  <a:lnTo>
                    <a:pt x="2835" y="483"/>
                  </a:lnTo>
                  <a:lnTo>
                    <a:pt x="2826" y="430"/>
                  </a:lnTo>
                  <a:lnTo>
                    <a:pt x="2853" y="380"/>
                  </a:lnTo>
                  <a:lnTo>
                    <a:pt x="2808" y="272"/>
                  </a:lnTo>
                  <a:lnTo>
                    <a:pt x="2732" y="214"/>
                  </a:lnTo>
                  <a:lnTo>
                    <a:pt x="2750" y="169"/>
                  </a:lnTo>
                  <a:lnTo>
                    <a:pt x="2835" y="106"/>
                  </a:lnTo>
                  <a:lnTo>
                    <a:pt x="2844" y="83"/>
                  </a:lnTo>
                  <a:lnTo>
                    <a:pt x="2916" y="92"/>
                  </a:lnTo>
                  <a:lnTo>
                    <a:pt x="2916" y="65"/>
                  </a:lnTo>
                  <a:lnTo>
                    <a:pt x="2957" y="56"/>
                  </a:lnTo>
                  <a:lnTo>
                    <a:pt x="2966" y="20"/>
                  </a:lnTo>
                  <a:lnTo>
                    <a:pt x="3047" y="0"/>
                  </a:lnTo>
                  <a:lnTo>
                    <a:pt x="3066" y="149"/>
                  </a:lnTo>
                  <a:lnTo>
                    <a:pt x="3102" y="230"/>
                  </a:lnTo>
                  <a:lnTo>
                    <a:pt x="3150" y="288"/>
                  </a:lnTo>
                  <a:lnTo>
                    <a:pt x="3201" y="336"/>
                  </a:lnTo>
                  <a:lnTo>
                    <a:pt x="3299" y="366"/>
                  </a:lnTo>
                  <a:lnTo>
                    <a:pt x="3386" y="378"/>
                  </a:lnTo>
                  <a:lnTo>
                    <a:pt x="3440" y="380"/>
                  </a:lnTo>
                  <a:lnTo>
                    <a:pt x="3488" y="398"/>
                  </a:lnTo>
                  <a:cubicBezTo>
                    <a:pt x="3513" y="404"/>
                    <a:pt x="3568" y="394"/>
                    <a:pt x="3588" y="419"/>
                  </a:cubicBezTo>
                  <a:cubicBezTo>
                    <a:pt x="3617" y="437"/>
                    <a:pt x="3589" y="501"/>
                    <a:pt x="3608" y="551"/>
                  </a:cubicBezTo>
                  <a:cubicBezTo>
                    <a:pt x="3590" y="567"/>
                    <a:pt x="3565" y="535"/>
                    <a:pt x="3546" y="540"/>
                  </a:cubicBezTo>
                  <a:lnTo>
                    <a:pt x="3485" y="576"/>
                  </a:lnTo>
                  <a:lnTo>
                    <a:pt x="3462" y="557"/>
                  </a:lnTo>
                  <a:lnTo>
                    <a:pt x="3425" y="581"/>
                  </a:lnTo>
                  <a:lnTo>
                    <a:pt x="3426" y="618"/>
                  </a:lnTo>
                  <a:lnTo>
                    <a:pt x="3387" y="674"/>
                  </a:lnTo>
                  <a:lnTo>
                    <a:pt x="3438" y="708"/>
                  </a:lnTo>
                  <a:lnTo>
                    <a:pt x="3407" y="758"/>
                  </a:lnTo>
                  <a:lnTo>
                    <a:pt x="3443" y="774"/>
                  </a:lnTo>
                  <a:lnTo>
                    <a:pt x="3486" y="780"/>
                  </a:lnTo>
                  <a:lnTo>
                    <a:pt x="3519" y="794"/>
                  </a:lnTo>
                  <a:lnTo>
                    <a:pt x="3462" y="858"/>
                  </a:lnTo>
                  <a:lnTo>
                    <a:pt x="3441" y="857"/>
                  </a:lnTo>
                  <a:lnTo>
                    <a:pt x="3507" y="923"/>
                  </a:lnTo>
                  <a:lnTo>
                    <a:pt x="3515" y="938"/>
                  </a:lnTo>
                  <a:lnTo>
                    <a:pt x="3524" y="969"/>
                  </a:lnTo>
                  <a:lnTo>
                    <a:pt x="3525" y="954"/>
                  </a:lnTo>
                  <a:lnTo>
                    <a:pt x="3426" y="1037"/>
                  </a:lnTo>
                  <a:lnTo>
                    <a:pt x="3488" y="1059"/>
                  </a:lnTo>
                  <a:lnTo>
                    <a:pt x="3486" y="1080"/>
                  </a:lnTo>
                  <a:lnTo>
                    <a:pt x="3549" y="1122"/>
                  </a:lnTo>
                  <a:lnTo>
                    <a:pt x="3543" y="1137"/>
                  </a:lnTo>
                  <a:lnTo>
                    <a:pt x="3566" y="1139"/>
                  </a:lnTo>
                  <a:lnTo>
                    <a:pt x="3594" y="1157"/>
                  </a:lnTo>
                  <a:lnTo>
                    <a:pt x="3644" y="1160"/>
                  </a:lnTo>
                  <a:lnTo>
                    <a:pt x="3645" y="1262"/>
                  </a:lnTo>
                  <a:lnTo>
                    <a:pt x="3788" y="1278"/>
                  </a:lnTo>
                  <a:lnTo>
                    <a:pt x="3810" y="1302"/>
                  </a:lnTo>
                  <a:lnTo>
                    <a:pt x="3825" y="1337"/>
                  </a:lnTo>
                  <a:lnTo>
                    <a:pt x="3783" y="1376"/>
                  </a:lnTo>
                  <a:lnTo>
                    <a:pt x="3684" y="1379"/>
                  </a:lnTo>
                  <a:lnTo>
                    <a:pt x="3632" y="1430"/>
                  </a:lnTo>
                  <a:lnTo>
                    <a:pt x="3603" y="1458"/>
                  </a:lnTo>
                  <a:lnTo>
                    <a:pt x="3611" y="1505"/>
                  </a:lnTo>
                  <a:lnTo>
                    <a:pt x="3647" y="1584"/>
                  </a:lnTo>
                  <a:lnTo>
                    <a:pt x="3605" y="1643"/>
                  </a:lnTo>
                  <a:lnTo>
                    <a:pt x="3663" y="1640"/>
                  </a:lnTo>
                  <a:lnTo>
                    <a:pt x="3672" y="1661"/>
                  </a:lnTo>
                  <a:lnTo>
                    <a:pt x="3684" y="1676"/>
                  </a:lnTo>
                  <a:lnTo>
                    <a:pt x="3656" y="1677"/>
                  </a:lnTo>
                  <a:lnTo>
                    <a:pt x="3624" y="1680"/>
                  </a:lnTo>
                  <a:lnTo>
                    <a:pt x="3605" y="1720"/>
                  </a:lnTo>
                  <a:lnTo>
                    <a:pt x="3542" y="1747"/>
                  </a:lnTo>
                  <a:lnTo>
                    <a:pt x="3480" y="1805"/>
                  </a:lnTo>
                  <a:lnTo>
                    <a:pt x="3438" y="1850"/>
                  </a:lnTo>
                  <a:lnTo>
                    <a:pt x="3411" y="1913"/>
                  </a:lnTo>
                  <a:lnTo>
                    <a:pt x="3407" y="1953"/>
                  </a:lnTo>
                  <a:lnTo>
                    <a:pt x="3383" y="1964"/>
                  </a:lnTo>
                  <a:lnTo>
                    <a:pt x="3287" y="2022"/>
                  </a:lnTo>
                  <a:lnTo>
                    <a:pt x="3222" y="2168"/>
                  </a:lnTo>
                  <a:lnTo>
                    <a:pt x="3144" y="2256"/>
                  </a:lnTo>
                  <a:lnTo>
                    <a:pt x="3006" y="2358"/>
                  </a:lnTo>
                  <a:lnTo>
                    <a:pt x="2871" y="2571"/>
                  </a:lnTo>
                  <a:lnTo>
                    <a:pt x="2835" y="2601"/>
                  </a:lnTo>
                  <a:lnTo>
                    <a:pt x="2705" y="2601"/>
                  </a:lnTo>
                  <a:lnTo>
                    <a:pt x="2631" y="2634"/>
                  </a:lnTo>
                  <a:lnTo>
                    <a:pt x="2565" y="2565"/>
                  </a:lnTo>
                  <a:lnTo>
                    <a:pt x="2528" y="2543"/>
                  </a:lnTo>
                  <a:lnTo>
                    <a:pt x="2396" y="2669"/>
                  </a:lnTo>
                  <a:lnTo>
                    <a:pt x="2289" y="2781"/>
                  </a:lnTo>
                  <a:lnTo>
                    <a:pt x="2289" y="2822"/>
                  </a:lnTo>
                  <a:lnTo>
                    <a:pt x="2268" y="2907"/>
                  </a:lnTo>
                  <a:lnTo>
                    <a:pt x="2295" y="2943"/>
                  </a:lnTo>
                  <a:lnTo>
                    <a:pt x="2313" y="2961"/>
                  </a:lnTo>
                  <a:lnTo>
                    <a:pt x="2427" y="2960"/>
                  </a:lnTo>
                  <a:lnTo>
                    <a:pt x="2456" y="2993"/>
                  </a:lnTo>
                  <a:lnTo>
                    <a:pt x="2466" y="3026"/>
                  </a:lnTo>
                  <a:lnTo>
                    <a:pt x="2430" y="3125"/>
                  </a:lnTo>
                  <a:lnTo>
                    <a:pt x="2429" y="3161"/>
                  </a:lnTo>
                  <a:lnTo>
                    <a:pt x="2493" y="3221"/>
                  </a:lnTo>
                  <a:lnTo>
                    <a:pt x="2546" y="3203"/>
                  </a:lnTo>
                  <a:lnTo>
                    <a:pt x="2562" y="3219"/>
                  </a:lnTo>
                  <a:lnTo>
                    <a:pt x="2567" y="3315"/>
                  </a:lnTo>
                  <a:lnTo>
                    <a:pt x="2610" y="3388"/>
                  </a:lnTo>
                  <a:lnTo>
                    <a:pt x="2688" y="3461"/>
                  </a:lnTo>
                  <a:lnTo>
                    <a:pt x="2684" y="3483"/>
                  </a:lnTo>
                  <a:lnTo>
                    <a:pt x="2648" y="3500"/>
                  </a:lnTo>
                  <a:lnTo>
                    <a:pt x="2643" y="3557"/>
                  </a:lnTo>
                  <a:lnTo>
                    <a:pt x="2687" y="3558"/>
                  </a:lnTo>
                  <a:lnTo>
                    <a:pt x="2684" y="3579"/>
                  </a:lnTo>
                  <a:lnTo>
                    <a:pt x="2649" y="3584"/>
                  </a:lnTo>
                  <a:lnTo>
                    <a:pt x="2624" y="3602"/>
                  </a:lnTo>
                  <a:lnTo>
                    <a:pt x="2597" y="3620"/>
                  </a:lnTo>
                  <a:lnTo>
                    <a:pt x="2570" y="3605"/>
                  </a:lnTo>
                  <a:lnTo>
                    <a:pt x="2565" y="3568"/>
                  </a:lnTo>
                  <a:lnTo>
                    <a:pt x="2531" y="3563"/>
                  </a:lnTo>
                  <a:lnTo>
                    <a:pt x="2445" y="3581"/>
                  </a:lnTo>
                  <a:lnTo>
                    <a:pt x="2426" y="3621"/>
                  </a:lnTo>
                  <a:lnTo>
                    <a:pt x="2408" y="3640"/>
                  </a:lnTo>
                  <a:lnTo>
                    <a:pt x="2340" y="3640"/>
                  </a:lnTo>
                  <a:lnTo>
                    <a:pt x="2301" y="3609"/>
                  </a:lnTo>
                  <a:lnTo>
                    <a:pt x="2271" y="3602"/>
                  </a:lnTo>
                  <a:lnTo>
                    <a:pt x="2250" y="3604"/>
                  </a:lnTo>
                  <a:lnTo>
                    <a:pt x="2151" y="3605"/>
                  </a:lnTo>
                  <a:lnTo>
                    <a:pt x="2129" y="3604"/>
                  </a:lnTo>
                  <a:lnTo>
                    <a:pt x="2115" y="3602"/>
                  </a:lnTo>
                  <a:lnTo>
                    <a:pt x="2093" y="3586"/>
                  </a:lnTo>
                  <a:lnTo>
                    <a:pt x="2070" y="3672"/>
                  </a:lnTo>
                  <a:lnTo>
                    <a:pt x="1926" y="3678"/>
                  </a:lnTo>
                  <a:lnTo>
                    <a:pt x="1901" y="3729"/>
                  </a:lnTo>
                  <a:lnTo>
                    <a:pt x="1886" y="3752"/>
                  </a:lnTo>
                  <a:lnTo>
                    <a:pt x="1764" y="3734"/>
                  </a:lnTo>
                  <a:lnTo>
                    <a:pt x="1746" y="3716"/>
                  </a:lnTo>
                  <a:lnTo>
                    <a:pt x="1683" y="3595"/>
                  </a:lnTo>
                  <a:lnTo>
                    <a:pt x="1647" y="3491"/>
                  </a:lnTo>
                  <a:lnTo>
                    <a:pt x="1544" y="3455"/>
                  </a:lnTo>
                  <a:lnTo>
                    <a:pt x="1526" y="3361"/>
                  </a:lnTo>
                  <a:lnTo>
                    <a:pt x="1481" y="3307"/>
                  </a:lnTo>
                  <a:lnTo>
                    <a:pt x="1404" y="3280"/>
                  </a:lnTo>
                  <a:lnTo>
                    <a:pt x="1301" y="3298"/>
                  </a:lnTo>
                  <a:lnTo>
                    <a:pt x="1202" y="3298"/>
                  </a:lnTo>
                  <a:lnTo>
                    <a:pt x="1134" y="3325"/>
                  </a:lnTo>
                  <a:lnTo>
                    <a:pt x="1089" y="3325"/>
                  </a:lnTo>
                  <a:lnTo>
                    <a:pt x="1013" y="3316"/>
                  </a:lnTo>
                  <a:lnTo>
                    <a:pt x="986" y="3370"/>
                  </a:lnTo>
                  <a:lnTo>
                    <a:pt x="959" y="3343"/>
                  </a:lnTo>
                  <a:lnTo>
                    <a:pt x="900" y="3343"/>
                  </a:lnTo>
                  <a:lnTo>
                    <a:pt x="855" y="3307"/>
                  </a:lnTo>
                  <a:lnTo>
                    <a:pt x="783" y="3316"/>
                  </a:lnTo>
                  <a:lnTo>
                    <a:pt x="725" y="3307"/>
                  </a:lnTo>
                  <a:lnTo>
                    <a:pt x="689" y="3343"/>
                  </a:lnTo>
                  <a:lnTo>
                    <a:pt x="626" y="3352"/>
                  </a:lnTo>
                  <a:lnTo>
                    <a:pt x="437" y="3334"/>
                  </a:lnTo>
                  <a:lnTo>
                    <a:pt x="356" y="3379"/>
                  </a:lnTo>
                  <a:lnTo>
                    <a:pt x="329" y="3352"/>
                  </a:lnTo>
                  <a:lnTo>
                    <a:pt x="297" y="3379"/>
                  </a:lnTo>
                  <a:lnTo>
                    <a:pt x="225" y="3406"/>
                  </a:lnTo>
                  <a:lnTo>
                    <a:pt x="207" y="3379"/>
                  </a:lnTo>
                  <a:lnTo>
                    <a:pt x="198" y="3361"/>
                  </a:lnTo>
                  <a:lnTo>
                    <a:pt x="207" y="3239"/>
                  </a:lnTo>
                  <a:lnTo>
                    <a:pt x="270" y="3100"/>
                  </a:lnTo>
                  <a:lnTo>
                    <a:pt x="374" y="3001"/>
                  </a:lnTo>
                  <a:lnTo>
                    <a:pt x="504" y="2952"/>
                  </a:lnTo>
                  <a:lnTo>
                    <a:pt x="567" y="2943"/>
                  </a:lnTo>
                  <a:lnTo>
                    <a:pt x="626" y="2880"/>
                  </a:lnTo>
                  <a:lnTo>
                    <a:pt x="644" y="2853"/>
                  </a:lnTo>
                  <a:lnTo>
                    <a:pt x="635" y="2812"/>
                  </a:lnTo>
                  <a:lnTo>
                    <a:pt x="612" y="2785"/>
                  </a:lnTo>
                  <a:lnTo>
                    <a:pt x="513" y="2767"/>
                  </a:lnTo>
                  <a:lnTo>
                    <a:pt x="513" y="2628"/>
                  </a:lnTo>
                  <a:lnTo>
                    <a:pt x="495" y="2516"/>
                  </a:lnTo>
                  <a:lnTo>
                    <a:pt x="464" y="2480"/>
                  </a:lnTo>
                  <a:lnTo>
                    <a:pt x="338" y="2444"/>
                  </a:lnTo>
                  <a:lnTo>
                    <a:pt x="207" y="2358"/>
                  </a:lnTo>
                  <a:lnTo>
                    <a:pt x="95" y="2156"/>
                  </a:lnTo>
                  <a:lnTo>
                    <a:pt x="0" y="2062"/>
                  </a:lnTo>
                  <a:lnTo>
                    <a:pt x="18" y="2044"/>
                  </a:lnTo>
                  <a:lnTo>
                    <a:pt x="297" y="211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23" name="Freeform 7"/>
            <p:cNvSpPr>
              <a:spLocks noChangeAspect="1"/>
            </p:cNvSpPr>
            <p:nvPr/>
          </p:nvSpPr>
          <p:spPr bwMode="gray">
            <a:xfrm>
              <a:off x="5432425" y="3090863"/>
              <a:ext cx="42863" cy="52388"/>
            </a:xfrm>
            <a:custGeom>
              <a:avLst/>
              <a:gdLst>
                <a:gd name="T0" fmla="*/ 0 w 785"/>
                <a:gd name="T1" fmla="*/ 0 h 954"/>
                <a:gd name="T2" fmla="*/ 0 w 785"/>
                <a:gd name="T3" fmla="*/ 0 h 954"/>
                <a:gd name="T4" fmla="*/ 0 w 785"/>
                <a:gd name="T5" fmla="*/ 0 h 954"/>
                <a:gd name="T6" fmla="*/ 0 w 785"/>
                <a:gd name="T7" fmla="*/ 0 h 954"/>
                <a:gd name="T8" fmla="*/ 0 w 785"/>
                <a:gd name="T9" fmla="*/ 0 h 954"/>
                <a:gd name="T10" fmla="*/ 0 w 785"/>
                <a:gd name="T11" fmla="*/ 0 h 954"/>
                <a:gd name="T12" fmla="*/ 0 w 785"/>
                <a:gd name="T13" fmla="*/ 0 h 954"/>
                <a:gd name="T14" fmla="*/ 0 w 785"/>
                <a:gd name="T15" fmla="*/ 0 h 954"/>
                <a:gd name="T16" fmla="*/ 0 w 785"/>
                <a:gd name="T17" fmla="*/ 0 h 954"/>
                <a:gd name="T18" fmla="*/ 0 w 785"/>
                <a:gd name="T19" fmla="*/ 0 h 954"/>
                <a:gd name="T20" fmla="*/ 0 w 785"/>
                <a:gd name="T21" fmla="*/ 0 h 954"/>
                <a:gd name="T22" fmla="*/ 0 w 785"/>
                <a:gd name="T23" fmla="*/ 0 h 954"/>
                <a:gd name="T24" fmla="*/ 0 w 785"/>
                <a:gd name="T25" fmla="*/ 0 h 954"/>
                <a:gd name="T26" fmla="*/ 0 w 785"/>
                <a:gd name="T27" fmla="*/ 0 h 954"/>
                <a:gd name="T28" fmla="*/ 0 w 785"/>
                <a:gd name="T29" fmla="*/ 0 h 954"/>
                <a:gd name="T30" fmla="*/ 0 w 785"/>
                <a:gd name="T31" fmla="*/ 0 h 954"/>
                <a:gd name="T32" fmla="*/ 0 w 785"/>
                <a:gd name="T33" fmla="*/ 0 h 954"/>
                <a:gd name="T34" fmla="*/ 0 w 785"/>
                <a:gd name="T35" fmla="*/ 0 h 954"/>
                <a:gd name="T36" fmla="*/ 0 w 785"/>
                <a:gd name="T37" fmla="*/ 0 h 954"/>
                <a:gd name="T38" fmla="*/ 0 w 785"/>
                <a:gd name="T39" fmla="*/ 0 h 954"/>
                <a:gd name="T40" fmla="*/ 0 w 785"/>
                <a:gd name="T41" fmla="*/ 0 h 954"/>
                <a:gd name="T42" fmla="*/ 0 w 785"/>
                <a:gd name="T43" fmla="*/ 0 h 954"/>
                <a:gd name="T44" fmla="*/ 0 w 785"/>
                <a:gd name="T45" fmla="*/ 0 h 954"/>
                <a:gd name="T46" fmla="*/ 0 w 785"/>
                <a:gd name="T47" fmla="*/ 0 h 954"/>
                <a:gd name="T48" fmla="*/ 0 w 785"/>
                <a:gd name="T49" fmla="*/ 0 h 954"/>
                <a:gd name="T50" fmla="*/ 0 w 785"/>
                <a:gd name="T51" fmla="*/ 0 h 954"/>
                <a:gd name="T52" fmla="*/ 0 w 785"/>
                <a:gd name="T53" fmla="*/ 0 h 954"/>
                <a:gd name="T54" fmla="*/ 0 w 785"/>
                <a:gd name="T55" fmla="*/ 0 h 954"/>
                <a:gd name="T56" fmla="*/ 0 w 785"/>
                <a:gd name="T57" fmla="*/ 0 h 954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785"/>
                <a:gd name="T88" fmla="*/ 0 h 954"/>
                <a:gd name="T89" fmla="*/ 785 w 785"/>
                <a:gd name="T90" fmla="*/ 954 h 954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785" h="954">
                  <a:moveTo>
                    <a:pt x="266" y="0"/>
                  </a:moveTo>
                  <a:lnTo>
                    <a:pt x="207" y="22"/>
                  </a:lnTo>
                  <a:lnTo>
                    <a:pt x="252" y="108"/>
                  </a:lnTo>
                  <a:lnTo>
                    <a:pt x="252" y="144"/>
                  </a:lnTo>
                  <a:lnTo>
                    <a:pt x="225" y="144"/>
                  </a:lnTo>
                  <a:lnTo>
                    <a:pt x="206" y="102"/>
                  </a:lnTo>
                  <a:lnTo>
                    <a:pt x="158" y="100"/>
                  </a:lnTo>
                  <a:lnTo>
                    <a:pt x="78" y="193"/>
                  </a:lnTo>
                  <a:lnTo>
                    <a:pt x="69" y="276"/>
                  </a:lnTo>
                  <a:lnTo>
                    <a:pt x="32" y="279"/>
                  </a:lnTo>
                  <a:lnTo>
                    <a:pt x="2" y="376"/>
                  </a:lnTo>
                  <a:lnTo>
                    <a:pt x="38" y="456"/>
                  </a:lnTo>
                  <a:lnTo>
                    <a:pt x="36" y="489"/>
                  </a:lnTo>
                  <a:lnTo>
                    <a:pt x="5" y="544"/>
                  </a:lnTo>
                  <a:lnTo>
                    <a:pt x="0" y="602"/>
                  </a:lnTo>
                  <a:lnTo>
                    <a:pt x="126" y="692"/>
                  </a:lnTo>
                  <a:lnTo>
                    <a:pt x="216" y="772"/>
                  </a:lnTo>
                  <a:lnTo>
                    <a:pt x="270" y="817"/>
                  </a:lnTo>
                  <a:lnTo>
                    <a:pt x="324" y="925"/>
                  </a:lnTo>
                  <a:lnTo>
                    <a:pt x="360" y="954"/>
                  </a:lnTo>
                  <a:lnTo>
                    <a:pt x="408" y="657"/>
                  </a:lnTo>
                  <a:lnTo>
                    <a:pt x="522" y="521"/>
                  </a:lnTo>
                  <a:lnTo>
                    <a:pt x="684" y="593"/>
                  </a:lnTo>
                  <a:lnTo>
                    <a:pt x="681" y="469"/>
                  </a:lnTo>
                  <a:lnTo>
                    <a:pt x="785" y="419"/>
                  </a:lnTo>
                  <a:lnTo>
                    <a:pt x="681" y="307"/>
                  </a:lnTo>
                  <a:lnTo>
                    <a:pt x="561" y="226"/>
                  </a:lnTo>
                  <a:lnTo>
                    <a:pt x="450" y="109"/>
                  </a:lnTo>
                  <a:lnTo>
                    <a:pt x="266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grpSp>
          <p:nvGrpSpPr>
            <p:cNvPr id="3" name="Group 8"/>
            <p:cNvGrpSpPr>
              <a:grpSpLocks/>
            </p:cNvGrpSpPr>
            <p:nvPr/>
          </p:nvGrpSpPr>
          <p:grpSpPr bwMode="auto">
            <a:xfrm>
              <a:off x="8574088" y="3917951"/>
              <a:ext cx="363538" cy="274638"/>
              <a:chOff x="4999" y="2272"/>
              <a:chExt cx="229" cy="173"/>
            </a:xfrm>
          </p:grpSpPr>
          <p:sp>
            <p:nvSpPr>
              <p:cNvPr id="1002" name="Freeform 9"/>
              <p:cNvSpPr>
                <a:spLocks/>
              </p:cNvSpPr>
              <p:nvPr/>
            </p:nvSpPr>
            <p:spPr bwMode="gray">
              <a:xfrm>
                <a:off x="5122" y="2303"/>
                <a:ext cx="10" cy="8"/>
              </a:xfrm>
              <a:custGeom>
                <a:avLst/>
                <a:gdLst>
                  <a:gd name="T0" fmla="*/ 0 w 10"/>
                  <a:gd name="T1" fmla="*/ 0 h 8"/>
                  <a:gd name="T2" fmla="*/ 7 w 10"/>
                  <a:gd name="T3" fmla="*/ 0 h 8"/>
                  <a:gd name="T4" fmla="*/ 10 w 10"/>
                  <a:gd name="T5" fmla="*/ 4 h 8"/>
                  <a:gd name="T6" fmla="*/ 10 w 10"/>
                  <a:gd name="T7" fmla="*/ 8 h 8"/>
                  <a:gd name="T8" fmla="*/ 6 w 10"/>
                  <a:gd name="T9" fmla="*/ 2 h 8"/>
                  <a:gd name="T10" fmla="*/ 0 w 10"/>
                  <a:gd name="T11" fmla="*/ 0 h 8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0"/>
                  <a:gd name="T19" fmla="*/ 0 h 8"/>
                  <a:gd name="T20" fmla="*/ 10 w 10"/>
                  <a:gd name="T21" fmla="*/ 8 h 8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0" h="8">
                    <a:moveTo>
                      <a:pt x="0" y="0"/>
                    </a:moveTo>
                    <a:lnTo>
                      <a:pt x="7" y="0"/>
                    </a:lnTo>
                    <a:lnTo>
                      <a:pt x="10" y="4"/>
                    </a:lnTo>
                    <a:lnTo>
                      <a:pt x="10" y="8"/>
                    </a:lnTo>
                    <a:lnTo>
                      <a:pt x="6" y="2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1003" name="Freeform 10"/>
              <p:cNvSpPr>
                <a:spLocks/>
              </p:cNvSpPr>
              <p:nvPr/>
            </p:nvSpPr>
            <p:spPr bwMode="gray">
              <a:xfrm>
                <a:off x="4999" y="2335"/>
                <a:ext cx="2" cy="2"/>
              </a:xfrm>
              <a:custGeom>
                <a:avLst/>
                <a:gdLst>
                  <a:gd name="T0" fmla="*/ 0 w 2"/>
                  <a:gd name="T1" fmla="*/ 0 h 2"/>
                  <a:gd name="T2" fmla="*/ 2 w 2"/>
                  <a:gd name="T3" fmla="*/ 2 h 2"/>
                  <a:gd name="T4" fmla="*/ 0 w 2"/>
                  <a:gd name="T5" fmla="*/ 2 h 2"/>
                  <a:gd name="T6" fmla="*/ 0 w 2"/>
                  <a:gd name="T7" fmla="*/ 0 h 2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2"/>
                  <a:gd name="T13" fmla="*/ 0 h 2"/>
                  <a:gd name="T14" fmla="*/ 2 w 2"/>
                  <a:gd name="T15" fmla="*/ 2 h 2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2" h="2">
                    <a:moveTo>
                      <a:pt x="0" y="0"/>
                    </a:moveTo>
                    <a:lnTo>
                      <a:pt x="2" y="2"/>
                    </a:lnTo>
                    <a:lnTo>
                      <a:pt x="0" y="2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1004" name="Freeform 11"/>
              <p:cNvSpPr>
                <a:spLocks/>
              </p:cNvSpPr>
              <p:nvPr/>
            </p:nvSpPr>
            <p:spPr bwMode="gray">
              <a:xfrm>
                <a:off x="5227" y="2441"/>
                <a:ext cx="1" cy="3"/>
              </a:xfrm>
              <a:custGeom>
                <a:avLst/>
                <a:gdLst>
                  <a:gd name="T0" fmla="*/ 0 w 1"/>
                  <a:gd name="T1" fmla="*/ 0 h 3"/>
                  <a:gd name="T2" fmla="*/ 1 w 1"/>
                  <a:gd name="T3" fmla="*/ 3 h 3"/>
                  <a:gd name="T4" fmla="*/ 0 w 1"/>
                  <a:gd name="T5" fmla="*/ 0 h 3"/>
                  <a:gd name="T6" fmla="*/ 0 60000 65536"/>
                  <a:gd name="T7" fmla="*/ 0 60000 65536"/>
                  <a:gd name="T8" fmla="*/ 0 60000 65536"/>
                  <a:gd name="T9" fmla="*/ 0 w 1"/>
                  <a:gd name="T10" fmla="*/ 0 h 3"/>
                  <a:gd name="T11" fmla="*/ 1 w 1"/>
                  <a:gd name="T12" fmla="*/ 3 h 3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1" h="3">
                    <a:moveTo>
                      <a:pt x="0" y="0"/>
                    </a:moveTo>
                    <a:lnTo>
                      <a:pt x="1" y="3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1005" name="Freeform 12"/>
              <p:cNvSpPr>
                <a:spLocks/>
              </p:cNvSpPr>
              <p:nvPr/>
            </p:nvSpPr>
            <p:spPr bwMode="gray">
              <a:xfrm>
                <a:off x="5206" y="2406"/>
                <a:ext cx="3" cy="8"/>
              </a:xfrm>
              <a:custGeom>
                <a:avLst/>
                <a:gdLst>
                  <a:gd name="T0" fmla="*/ 0 w 3"/>
                  <a:gd name="T1" fmla="*/ 0 h 8"/>
                  <a:gd name="T2" fmla="*/ 3 w 3"/>
                  <a:gd name="T3" fmla="*/ 8 h 8"/>
                  <a:gd name="T4" fmla="*/ 1 w 3"/>
                  <a:gd name="T5" fmla="*/ 7 h 8"/>
                  <a:gd name="T6" fmla="*/ 0 w 3"/>
                  <a:gd name="T7" fmla="*/ 0 h 8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3"/>
                  <a:gd name="T13" fmla="*/ 0 h 8"/>
                  <a:gd name="T14" fmla="*/ 3 w 3"/>
                  <a:gd name="T15" fmla="*/ 8 h 8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3" h="8">
                    <a:moveTo>
                      <a:pt x="0" y="0"/>
                    </a:moveTo>
                    <a:lnTo>
                      <a:pt x="3" y="8"/>
                    </a:lnTo>
                    <a:lnTo>
                      <a:pt x="1" y="7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1006" name="Freeform 13"/>
              <p:cNvSpPr>
                <a:spLocks/>
              </p:cNvSpPr>
              <p:nvPr/>
            </p:nvSpPr>
            <p:spPr bwMode="gray">
              <a:xfrm>
                <a:off x="5159" y="2444"/>
                <a:ext cx="1" cy="1"/>
              </a:xfrm>
              <a:custGeom>
                <a:avLst/>
                <a:gdLst>
                  <a:gd name="T0" fmla="*/ 0 w 1"/>
                  <a:gd name="T1" fmla="*/ 0 h 1"/>
                  <a:gd name="T2" fmla="*/ 1 w 1"/>
                  <a:gd name="T3" fmla="*/ 1 h 1"/>
                  <a:gd name="T4" fmla="*/ 0 w 1"/>
                  <a:gd name="T5" fmla="*/ 0 h 1"/>
                  <a:gd name="T6" fmla="*/ 0 60000 65536"/>
                  <a:gd name="T7" fmla="*/ 0 60000 65536"/>
                  <a:gd name="T8" fmla="*/ 0 60000 65536"/>
                  <a:gd name="T9" fmla="*/ 0 w 1"/>
                  <a:gd name="T10" fmla="*/ 0 h 1"/>
                  <a:gd name="T11" fmla="*/ 1 w 1"/>
                  <a:gd name="T12" fmla="*/ 1 h 1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1" h="1">
                    <a:moveTo>
                      <a:pt x="0" y="0"/>
                    </a:moveTo>
                    <a:lnTo>
                      <a:pt x="1" y="1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1007" name="Freeform 14"/>
              <p:cNvSpPr>
                <a:spLocks/>
              </p:cNvSpPr>
              <p:nvPr/>
            </p:nvSpPr>
            <p:spPr bwMode="gray">
              <a:xfrm>
                <a:off x="5066" y="2358"/>
                <a:ext cx="2" cy="1"/>
              </a:xfrm>
              <a:custGeom>
                <a:avLst/>
                <a:gdLst>
                  <a:gd name="T0" fmla="*/ 2 w 2"/>
                  <a:gd name="T1" fmla="*/ 0 h 1"/>
                  <a:gd name="T2" fmla="*/ 0 w 2"/>
                  <a:gd name="T3" fmla="*/ 1 h 1"/>
                  <a:gd name="T4" fmla="*/ 2 w 2"/>
                  <a:gd name="T5" fmla="*/ 0 h 1"/>
                  <a:gd name="T6" fmla="*/ 0 60000 65536"/>
                  <a:gd name="T7" fmla="*/ 0 60000 65536"/>
                  <a:gd name="T8" fmla="*/ 0 60000 65536"/>
                  <a:gd name="T9" fmla="*/ 0 w 2"/>
                  <a:gd name="T10" fmla="*/ 0 h 1"/>
                  <a:gd name="T11" fmla="*/ 2 w 2"/>
                  <a:gd name="T12" fmla="*/ 1 h 1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2" h="1">
                    <a:moveTo>
                      <a:pt x="2" y="0"/>
                    </a:moveTo>
                    <a:lnTo>
                      <a:pt x="0" y="1"/>
                    </a:lnTo>
                    <a:lnTo>
                      <a:pt x="2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1008" name="Freeform 15"/>
              <p:cNvSpPr>
                <a:spLocks/>
              </p:cNvSpPr>
              <p:nvPr/>
            </p:nvSpPr>
            <p:spPr bwMode="gray">
              <a:xfrm>
                <a:off x="5178" y="2309"/>
                <a:ext cx="4" cy="5"/>
              </a:xfrm>
              <a:custGeom>
                <a:avLst/>
                <a:gdLst>
                  <a:gd name="T0" fmla="*/ 0 w 4"/>
                  <a:gd name="T1" fmla="*/ 0 h 5"/>
                  <a:gd name="T2" fmla="*/ 4 w 4"/>
                  <a:gd name="T3" fmla="*/ 2 h 5"/>
                  <a:gd name="T4" fmla="*/ 3 w 4"/>
                  <a:gd name="T5" fmla="*/ 5 h 5"/>
                  <a:gd name="T6" fmla="*/ 0 w 4"/>
                  <a:gd name="T7" fmla="*/ 2 h 5"/>
                  <a:gd name="T8" fmla="*/ 0 w 4"/>
                  <a:gd name="T9" fmla="*/ 0 h 5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4"/>
                  <a:gd name="T16" fmla="*/ 0 h 5"/>
                  <a:gd name="T17" fmla="*/ 4 w 4"/>
                  <a:gd name="T18" fmla="*/ 5 h 5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4" h="5">
                    <a:moveTo>
                      <a:pt x="0" y="0"/>
                    </a:moveTo>
                    <a:lnTo>
                      <a:pt x="4" y="2"/>
                    </a:lnTo>
                    <a:lnTo>
                      <a:pt x="3" y="5"/>
                    </a:lnTo>
                    <a:lnTo>
                      <a:pt x="0" y="2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1009" name="Freeform 16"/>
              <p:cNvSpPr>
                <a:spLocks/>
              </p:cNvSpPr>
              <p:nvPr/>
            </p:nvSpPr>
            <p:spPr bwMode="gray">
              <a:xfrm>
                <a:off x="5119" y="2272"/>
                <a:ext cx="5" cy="5"/>
              </a:xfrm>
              <a:custGeom>
                <a:avLst/>
                <a:gdLst>
                  <a:gd name="T0" fmla="*/ 3 w 5"/>
                  <a:gd name="T1" fmla="*/ 0 h 5"/>
                  <a:gd name="T2" fmla="*/ 5 w 5"/>
                  <a:gd name="T3" fmla="*/ 1 h 5"/>
                  <a:gd name="T4" fmla="*/ 2 w 5"/>
                  <a:gd name="T5" fmla="*/ 5 h 5"/>
                  <a:gd name="T6" fmla="*/ 0 w 5"/>
                  <a:gd name="T7" fmla="*/ 5 h 5"/>
                  <a:gd name="T8" fmla="*/ 0 w 5"/>
                  <a:gd name="T9" fmla="*/ 1 h 5"/>
                  <a:gd name="T10" fmla="*/ 3 w 5"/>
                  <a:gd name="T11" fmla="*/ 0 h 5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5"/>
                  <a:gd name="T19" fmla="*/ 0 h 5"/>
                  <a:gd name="T20" fmla="*/ 5 w 5"/>
                  <a:gd name="T21" fmla="*/ 5 h 5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5" h="5">
                    <a:moveTo>
                      <a:pt x="3" y="0"/>
                    </a:moveTo>
                    <a:lnTo>
                      <a:pt x="5" y="1"/>
                    </a:lnTo>
                    <a:lnTo>
                      <a:pt x="2" y="5"/>
                    </a:lnTo>
                    <a:lnTo>
                      <a:pt x="0" y="5"/>
                    </a:lnTo>
                    <a:lnTo>
                      <a:pt x="0" y="1"/>
                    </a:lnTo>
                    <a:lnTo>
                      <a:pt x="3" y="0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</p:grpSp>
        <p:sp>
          <p:nvSpPr>
            <p:cNvPr id="725" name="Freeform 17"/>
            <p:cNvSpPr>
              <a:spLocks noChangeAspect="1"/>
            </p:cNvSpPr>
            <p:nvPr/>
          </p:nvSpPr>
          <p:spPr bwMode="gray">
            <a:xfrm>
              <a:off x="4791075" y="2687638"/>
              <a:ext cx="95250" cy="146050"/>
            </a:xfrm>
            <a:custGeom>
              <a:avLst/>
              <a:gdLst>
                <a:gd name="T0" fmla="*/ 0 w 871"/>
                <a:gd name="T1" fmla="*/ 0 h 1327"/>
                <a:gd name="T2" fmla="*/ 0 w 871"/>
                <a:gd name="T3" fmla="*/ 0 h 1327"/>
                <a:gd name="T4" fmla="*/ 0 w 871"/>
                <a:gd name="T5" fmla="*/ 0 h 1327"/>
                <a:gd name="T6" fmla="*/ 0 w 871"/>
                <a:gd name="T7" fmla="*/ 0 h 1327"/>
                <a:gd name="T8" fmla="*/ 0 w 871"/>
                <a:gd name="T9" fmla="*/ 0 h 1327"/>
                <a:gd name="T10" fmla="*/ 0 w 871"/>
                <a:gd name="T11" fmla="*/ 0 h 1327"/>
                <a:gd name="T12" fmla="*/ 0 w 871"/>
                <a:gd name="T13" fmla="*/ 0 h 1327"/>
                <a:gd name="T14" fmla="*/ 0 w 871"/>
                <a:gd name="T15" fmla="*/ 0 h 1327"/>
                <a:gd name="T16" fmla="*/ 0 w 871"/>
                <a:gd name="T17" fmla="*/ 0 h 1327"/>
                <a:gd name="T18" fmla="*/ 0 w 871"/>
                <a:gd name="T19" fmla="*/ 0 h 1327"/>
                <a:gd name="T20" fmla="*/ 0 w 871"/>
                <a:gd name="T21" fmla="*/ 0 h 1327"/>
                <a:gd name="T22" fmla="*/ 0 w 871"/>
                <a:gd name="T23" fmla="*/ 0 h 1327"/>
                <a:gd name="T24" fmla="*/ 0 w 871"/>
                <a:gd name="T25" fmla="*/ 0 h 1327"/>
                <a:gd name="T26" fmla="*/ 0 w 871"/>
                <a:gd name="T27" fmla="*/ 0 h 1327"/>
                <a:gd name="T28" fmla="*/ 0 w 871"/>
                <a:gd name="T29" fmla="*/ 0 h 1327"/>
                <a:gd name="T30" fmla="*/ 0 w 871"/>
                <a:gd name="T31" fmla="*/ 0 h 1327"/>
                <a:gd name="T32" fmla="*/ 0 w 871"/>
                <a:gd name="T33" fmla="*/ 0 h 1327"/>
                <a:gd name="T34" fmla="*/ 0 w 871"/>
                <a:gd name="T35" fmla="*/ 0 h 1327"/>
                <a:gd name="T36" fmla="*/ 0 w 871"/>
                <a:gd name="T37" fmla="*/ 0 h 1327"/>
                <a:gd name="T38" fmla="*/ 0 w 871"/>
                <a:gd name="T39" fmla="*/ 0 h 1327"/>
                <a:gd name="T40" fmla="*/ 0 w 871"/>
                <a:gd name="T41" fmla="*/ 0 h 1327"/>
                <a:gd name="T42" fmla="*/ 0 w 871"/>
                <a:gd name="T43" fmla="*/ 0 h 1327"/>
                <a:gd name="T44" fmla="*/ 0 w 871"/>
                <a:gd name="T45" fmla="*/ 0 h 1327"/>
                <a:gd name="T46" fmla="*/ 0 w 871"/>
                <a:gd name="T47" fmla="*/ 0 h 1327"/>
                <a:gd name="T48" fmla="*/ 0 w 871"/>
                <a:gd name="T49" fmla="*/ 0 h 1327"/>
                <a:gd name="T50" fmla="*/ 0 w 871"/>
                <a:gd name="T51" fmla="*/ 0 h 1327"/>
                <a:gd name="T52" fmla="*/ 0 w 871"/>
                <a:gd name="T53" fmla="*/ 0 h 1327"/>
                <a:gd name="T54" fmla="*/ 0 w 871"/>
                <a:gd name="T55" fmla="*/ 0 h 1327"/>
                <a:gd name="T56" fmla="*/ 0 w 871"/>
                <a:gd name="T57" fmla="*/ 0 h 1327"/>
                <a:gd name="T58" fmla="*/ 0 w 871"/>
                <a:gd name="T59" fmla="*/ 0 h 1327"/>
                <a:gd name="T60" fmla="*/ 0 w 871"/>
                <a:gd name="T61" fmla="*/ 0 h 1327"/>
                <a:gd name="T62" fmla="*/ 0 w 871"/>
                <a:gd name="T63" fmla="*/ 0 h 1327"/>
                <a:gd name="T64" fmla="*/ 0 w 871"/>
                <a:gd name="T65" fmla="*/ 0 h 1327"/>
                <a:gd name="T66" fmla="*/ 0 w 871"/>
                <a:gd name="T67" fmla="*/ 0 h 1327"/>
                <a:gd name="T68" fmla="*/ 0 w 871"/>
                <a:gd name="T69" fmla="*/ 0 h 1327"/>
                <a:gd name="T70" fmla="*/ 0 w 871"/>
                <a:gd name="T71" fmla="*/ 0 h 1327"/>
                <a:gd name="T72" fmla="*/ 0 w 871"/>
                <a:gd name="T73" fmla="*/ 0 h 1327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w 871"/>
                <a:gd name="T112" fmla="*/ 0 h 1327"/>
                <a:gd name="T113" fmla="*/ 871 w 871"/>
                <a:gd name="T114" fmla="*/ 1327 h 1327"/>
              </a:gdLst>
              <a:ahLst/>
              <a:cxnLst>
                <a:cxn ang="T74">
                  <a:pos x="T0" y="T1"/>
                </a:cxn>
                <a:cxn ang="T75">
                  <a:pos x="T2" y="T3"/>
                </a:cxn>
                <a:cxn ang="T76">
                  <a:pos x="T4" y="T5"/>
                </a:cxn>
                <a:cxn ang="T77">
                  <a:pos x="T6" y="T7"/>
                </a:cxn>
                <a:cxn ang="T78">
                  <a:pos x="T8" y="T9"/>
                </a:cxn>
                <a:cxn ang="T79">
                  <a:pos x="T10" y="T11"/>
                </a:cxn>
                <a:cxn ang="T80">
                  <a:pos x="T12" y="T13"/>
                </a:cxn>
                <a:cxn ang="T81">
                  <a:pos x="T14" y="T15"/>
                </a:cxn>
                <a:cxn ang="T82">
                  <a:pos x="T16" y="T17"/>
                </a:cxn>
                <a:cxn ang="T83">
                  <a:pos x="T18" y="T19"/>
                </a:cxn>
                <a:cxn ang="T84">
                  <a:pos x="T20" y="T21"/>
                </a:cxn>
                <a:cxn ang="T85">
                  <a:pos x="T22" y="T23"/>
                </a:cxn>
                <a:cxn ang="T86">
                  <a:pos x="T24" y="T25"/>
                </a:cxn>
                <a:cxn ang="T87">
                  <a:pos x="T26" y="T27"/>
                </a:cxn>
                <a:cxn ang="T88">
                  <a:pos x="T28" y="T29"/>
                </a:cxn>
                <a:cxn ang="T89">
                  <a:pos x="T30" y="T31"/>
                </a:cxn>
                <a:cxn ang="T90">
                  <a:pos x="T32" y="T33"/>
                </a:cxn>
                <a:cxn ang="T91">
                  <a:pos x="T34" y="T35"/>
                </a:cxn>
                <a:cxn ang="T92">
                  <a:pos x="T36" y="T37"/>
                </a:cxn>
                <a:cxn ang="T93">
                  <a:pos x="T38" y="T39"/>
                </a:cxn>
                <a:cxn ang="T94">
                  <a:pos x="T40" y="T41"/>
                </a:cxn>
                <a:cxn ang="T95">
                  <a:pos x="T42" y="T43"/>
                </a:cxn>
                <a:cxn ang="T96">
                  <a:pos x="T44" y="T45"/>
                </a:cxn>
                <a:cxn ang="T97">
                  <a:pos x="T46" y="T47"/>
                </a:cxn>
                <a:cxn ang="T98">
                  <a:pos x="T48" y="T49"/>
                </a:cxn>
                <a:cxn ang="T99">
                  <a:pos x="T50" y="T51"/>
                </a:cxn>
                <a:cxn ang="T100">
                  <a:pos x="T52" y="T53"/>
                </a:cxn>
                <a:cxn ang="T101">
                  <a:pos x="T54" y="T55"/>
                </a:cxn>
                <a:cxn ang="T102">
                  <a:pos x="T56" y="T57"/>
                </a:cxn>
                <a:cxn ang="T103">
                  <a:pos x="T58" y="T59"/>
                </a:cxn>
                <a:cxn ang="T104">
                  <a:pos x="T60" y="T61"/>
                </a:cxn>
                <a:cxn ang="T105">
                  <a:pos x="T62" y="T63"/>
                </a:cxn>
                <a:cxn ang="T106">
                  <a:pos x="T64" y="T65"/>
                </a:cxn>
                <a:cxn ang="T107">
                  <a:pos x="T66" y="T67"/>
                </a:cxn>
                <a:cxn ang="T108">
                  <a:pos x="T68" y="T69"/>
                </a:cxn>
                <a:cxn ang="T109">
                  <a:pos x="T70" y="T71"/>
                </a:cxn>
                <a:cxn ang="T110">
                  <a:pos x="T72" y="T73"/>
                </a:cxn>
              </a:cxnLst>
              <a:rect l="T111" t="T112" r="T113" b="T114"/>
              <a:pathLst>
                <a:path w="871" h="1327">
                  <a:moveTo>
                    <a:pt x="578" y="126"/>
                  </a:moveTo>
                  <a:lnTo>
                    <a:pt x="560" y="31"/>
                  </a:lnTo>
                  <a:lnTo>
                    <a:pt x="444" y="72"/>
                  </a:lnTo>
                  <a:lnTo>
                    <a:pt x="329" y="229"/>
                  </a:lnTo>
                  <a:lnTo>
                    <a:pt x="444" y="251"/>
                  </a:lnTo>
                  <a:lnTo>
                    <a:pt x="431" y="305"/>
                  </a:lnTo>
                  <a:lnTo>
                    <a:pt x="364" y="350"/>
                  </a:lnTo>
                  <a:lnTo>
                    <a:pt x="364" y="390"/>
                  </a:lnTo>
                  <a:lnTo>
                    <a:pt x="129" y="363"/>
                  </a:lnTo>
                  <a:lnTo>
                    <a:pt x="93" y="426"/>
                  </a:lnTo>
                  <a:lnTo>
                    <a:pt x="111" y="489"/>
                  </a:lnTo>
                  <a:lnTo>
                    <a:pt x="49" y="489"/>
                  </a:lnTo>
                  <a:lnTo>
                    <a:pt x="164" y="547"/>
                  </a:lnTo>
                  <a:lnTo>
                    <a:pt x="67" y="632"/>
                  </a:lnTo>
                  <a:lnTo>
                    <a:pt x="102" y="708"/>
                  </a:lnTo>
                  <a:lnTo>
                    <a:pt x="289" y="758"/>
                  </a:lnTo>
                  <a:lnTo>
                    <a:pt x="200" y="820"/>
                  </a:lnTo>
                  <a:lnTo>
                    <a:pt x="178" y="910"/>
                  </a:lnTo>
                  <a:lnTo>
                    <a:pt x="116" y="964"/>
                  </a:lnTo>
                  <a:lnTo>
                    <a:pt x="240" y="950"/>
                  </a:lnTo>
                  <a:lnTo>
                    <a:pt x="302" y="888"/>
                  </a:lnTo>
                  <a:lnTo>
                    <a:pt x="307" y="924"/>
                  </a:lnTo>
                  <a:lnTo>
                    <a:pt x="338" y="946"/>
                  </a:lnTo>
                  <a:lnTo>
                    <a:pt x="156" y="982"/>
                  </a:lnTo>
                  <a:lnTo>
                    <a:pt x="102" y="1076"/>
                  </a:lnTo>
                  <a:lnTo>
                    <a:pt x="4" y="1098"/>
                  </a:lnTo>
                  <a:lnTo>
                    <a:pt x="0" y="1134"/>
                  </a:lnTo>
                  <a:lnTo>
                    <a:pt x="93" y="1139"/>
                  </a:lnTo>
                  <a:lnTo>
                    <a:pt x="13" y="1215"/>
                  </a:lnTo>
                  <a:lnTo>
                    <a:pt x="142" y="1210"/>
                  </a:lnTo>
                  <a:lnTo>
                    <a:pt x="58" y="1291"/>
                  </a:lnTo>
                  <a:lnTo>
                    <a:pt x="169" y="1251"/>
                  </a:lnTo>
                  <a:lnTo>
                    <a:pt x="169" y="1291"/>
                  </a:lnTo>
                  <a:lnTo>
                    <a:pt x="124" y="1305"/>
                  </a:lnTo>
                  <a:lnTo>
                    <a:pt x="129" y="1327"/>
                  </a:lnTo>
                  <a:lnTo>
                    <a:pt x="227" y="1318"/>
                  </a:lnTo>
                  <a:lnTo>
                    <a:pt x="382" y="1269"/>
                  </a:lnTo>
                  <a:lnTo>
                    <a:pt x="409" y="1246"/>
                  </a:lnTo>
                  <a:lnTo>
                    <a:pt x="409" y="1193"/>
                  </a:lnTo>
                  <a:lnTo>
                    <a:pt x="444" y="1228"/>
                  </a:lnTo>
                  <a:lnTo>
                    <a:pt x="542" y="1188"/>
                  </a:lnTo>
                  <a:lnTo>
                    <a:pt x="569" y="1125"/>
                  </a:lnTo>
                  <a:lnTo>
                    <a:pt x="809" y="1098"/>
                  </a:lnTo>
                  <a:lnTo>
                    <a:pt x="804" y="1040"/>
                  </a:lnTo>
                  <a:lnTo>
                    <a:pt x="871" y="847"/>
                  </a:lnTo>
                  <a:lnTo>
                    <a:pt x="844" y="699"/>
                  </a:lnTo>
                  <a:lnTo>
                    <a:pt x="871" y="641"/>
                  </a:lnTo>
                  <a:lnTo>
                    <a:pt x="818" y="516"/>
                  </a:lnTo>
                  <a:lnTo>
                    <a:pt x="858" y="471"/>
                  </a:lnTo>
                  <a:lnTo>
                    <a:pt x="837" y="434"/>
                  </a:lnTo>
                  <a:lnTo>
                    <a:pt x="775" y="444"/>
                  </a:lnTo>
                  <a:lnTo>
                    <a:pt x="773" y="408"/>
                  </a:lnTo>
                  <a:lnTo>
                    <a:pt x="749" y="402"/>
                  </a:lnTo>
                  <a:lnTo>
                    <a:pt x="725" y="356"/>
                  </a:lnTo>
                  <a:lnTo>
                    <a:pt x="695" y="322"/>
                  </a:lnTo>
                  <a:lnTo>
                    <a:pt x="665" y="364"/>
                  </a:lnTo>
                  <a:lnTo>
                    <a:pt x="645" y="424"/>
                  </a:lnTo>
                  <a:lnTo>
                    <a:pt x="583" y="422"/>
                  </a:lnTo>
                  <a:lnTo>
                    <a:pt x="525" y="382"/>
                  </a:lnTo>
                  <a:lnTo>
                    <a:pt x="465" y="304"/>
                  </a:lnTo>
                  <a:lnTo>
                    <a:pt x="497" y="278"/>
                  </a:lnTo>
                  <a:lnTo>
                    <a:pt x="533" y="272"/>
                  </a:lnTo>
                  <a:lnTo>
                    <a:pt x="551" y="254"/>
                  </a:lnTo>
                  <a:lnTo>
                    <a:pt x="515" y="234"/>
                  </a:lnTo>
                  <a:lnTo>
                    <a:pt x="527" y="210"/>
                  </a:lnTo>
                  <a:lnTo>
                    <a:pt x="589" y="200"/>
                  </a:lnTo>
                  <a:lnTo>
                    <a:pt x="621" y="104"/>
                  </a:lnTo>
                  <a:lnTo>
                    <a:pt x="653" y="99"/>
                  </a:lnTo>
                  <a:lnTo>
                    <a:pt x="653" y="85"/>
                  </a:lnTo>
                  <a:lnTo>
                    <a:pt x="693" y="36"/>
                  </a:lnTo>
                  <a:lnTo>
                    <a:pt x="653" y="0"/>
                  </a:lnTo>
                  <a:lnTo>
                    <a:pt x="618" y="0"/>
                  </a:lnTo>
                  <a:lnTo>
                    <a:pt x="591" y="45"/>
                  </a:lnTo>
                  <a:lnTo>
                    <a:pt x="591" y="121"/>
                  </a:lnTo>
                  <a:lnTo>
                    <a:pt x="578" y="12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grpSp>
          <p:nvGrpSpPr>
            <p:cNvPr id="4" name="Group 18"/>
            <p:cNvGrpSpPr>
              <a:grpSpLocks/>
            </p:cNvGrpSpPr>
            <p:nvPr/>
          </p:nvGrpSpPr>
          <p:grpSpPr bwMode="auto">
            <a:xfrm>
              <a:off x="1852613" y="1827213"/>
              <a:ext cx="1984375" cy="1314450"/>
              <a:chOff x="1087" y="1265"/>
              <a:chExt cx="1250" cy="828"/>
            </a:xfrm>
          </p:grpSpPr>
          <p:sp>
            <p:nvSpPr>
              <p:cNvPr id="955" name="Freeform 19"/>
              <p:cNvSpPr>
                <a:spLocks/>
              </p:cNvSpPr>
              <p:nvPr/>
            </p:nvSpPr>
            <p:spPr bwMode="auto">
              <a:xfrm>
                <a:off x="1087" y="1265"/>
                <a:ext cx="1209" cy="828"/>
              </a:xfrm>
              <a:custGeom>
                <a:avLst/>
                <a:gdLst>
                  <a:gd name="T0" fmla="*/ 860 w 1209"/>
                  <a:gd name="T1" fmla="*/ 813 h 828"/>
                  <a:gd name="T2" fmla="*/ 844 w 1209"/>
                  <a:gd name="T3" fmla="*/ 775 h 828"/>
                  <a:gd name="T4" fmla="*/ 856 w 1209"/>
                  <a:gd name="T5" fmla="*/ 757 h 828"/>
                  <a:gd name="T6" fmla="*/ 794 w 1209"/>
                  <a:gd name="T7" fmla="*/ 708 h 828"/>
                  <a:gd name="T8" fmla="*/ 702 w 1209"/>
                  <a:gd name="T9" fmla="*/ 707 h 828"/>
                  <a:gd name="T10" fmla="*/ 399 w 1209"/>
                  <a:gd name="T11" fmla="*/ 687 h 828"/>
                  <a:gd name="T12" fmla="*/ 246 w 1209"/>
                  <a:gd name="T13" fmla="*/ 671 h 828"/>
                  <a:gd name="T14" fmla="*/ 211 w 1209"/>
                  <a:gd name="T15" fmla="*/ 649 h 828"/>
                  <a:gd name="T16" fmla="*/ 189 w 1209"/>
                  <a:gd name="T17" fmla="*/ 629 h 828"/>
                  <a:gd name="T18" fmla="*/ 150 w 1209"/>
                  <a:gd name="T19" fmla="*/ 563 h 828"/>
                  <a:gd name="T20" fmla="*/ 140 w 1209"/>
                  <a:gd name="T21" fmla="*/ 525 h 828"/>
                  <a:gd name="T22" fmla="*/ 107 w 1209"/>
                  <a:gd name="T23" fmla="*/ 491 h 828"/>
                  <a:gd name="T24" fmla="*/ 77 w 1209"/>
                  <a:gd name="T25" fmla="*/ 439 h 828"/>
                  <a:gd name="T26" fmla="*/ 64 w 1209"/>
                  <a:gd name="T27" fmla="*/ 464 h 828"/>
                  <a:gd name="T28" fmla="*/ 0 w 1209"/>
                  <a:gd name="T29" fmla="*/ 409 h 828"/>
                  <a:gd name="T30" fmla="*/ 38 w 1209"/>
                  <a:gd name="T31" fmla="*/ 109 h 828"/>
                  <a:gd name="T32" fmla="*/ 135 w 1209"/>
                  <a:gd name="T33" fmla="*/ 81 h 828"/>
                  <a:gd name="T34" fmla="*/ 134 w 1209"/>
                  <a:gd name="T35" fmla="*/ 106 h 828"/>
                  <a:gd name="T36" fmla="*/ 217 w 1209"/>
                  <a:gd name="T37" fmla="*/ 102 h 828"/>
                  <a:gd name="T38" fmla="*/ 252 w 1209"/>
                  <a:gd name="T39" fmla="*/ 99 h 828"/>
                  <a:gd name="T40" fmla="*/ 364 w 1209"/>
                  <a:gd name="T41" fmla="*/ 149 h 828"/>
                  <a:gd name="T42" fmla="*/ 453 w 1209"/>
                  <a:gd name="T43" fmla="*/ 171 h 828"/>
                  <a:gd name="T44" fmla="*/ 470 w 1209"/>
                  <a:gd name="T45" fmla="*/ 179 h 828"/>
                  <a:gd name="T46" fmla="*/ 486 w 1209"/>
                  <a:gd name="T47" fmla="*/ 146 h 828"/>
                  <a:gd name="T48" fmla="*/ 514 w 1209"/>
                  <a:gd name="T49" fmla="*/ 153 h 828"/>
                  <a:gd name="T50" fmla="*/ 601 w 1209"/>
                  <a:gd name="T51" fmla="*/ 155 h 828"/>
                  <a:gd name="T52" fmla="*/ 610 w 1209"/>
                  <a:gd name="T53" fmla="*/ 136 h 828"/>
                  <a:gd name="T54" fmla="*/ 644 w 1209"/>
                  <a:gd name="T55" fmla="*/ 179 h 828"/>
                  <a:gd name="T56" fmla="*/ 657 w 1209"/>
                  <a:gd name="T57" fmla="*/ 121 h 828"/>
                  <a:gd name="T58" fmla="*/ 628 w 1209"/>
                  <a:gd name="T59" fmla="*/ 62 h 828"/>
                  <a:gd name="T60" fmla="*/ 669 w 1209"/>
                  <a:gd name="T61" fmla="*/ 4 h 828"/>
                  <a:gd name="T62" fmla="*/ 695 w 1209"/>
                  <a:gd name="T63" fmla="*/ 100 h 828"/>
                  <a:gd name="T64" fmla="*/ 740 w 1209"/>
                  <a:gd name="T65" fmla="*/ 118 h 828"/>
                  <a:gd name="T66" fmla="*/ 793 w 1209"/>
                  <a:gd name="T67" fmla="*/ 120 h 828"/>
                  <a:gd name="T68" fmla="*/ 844 w 1209"/>
                  <a:gd name="T69" fmla="*/ 127 h 828"/>
                  <a:gd name="T70" fmla="*/ 818 w 1209"/>
                  <a:gd name="T71" fmla="*/ 216 h 828"/>
                  <a:gd name="T72" fmla="*/ 751 w 1209"/>
                  <a:gd name="T73" fmla="*/ 252 h 828"/>
                  <a:gd name="T74" fmla="*/ 721 w 1209"/>
                  <a:gd name="T75" fmla="*/ 300 h 828"/>
                  <a:gd name="T76" fmla="*/ 710 w 1209"/>
                  <a:gd name="T77" fmla="*/ 313 h 828"/>
                  <a:gd name="T78" fmla="*/ 657 w 1209"/>
                  <a:gd name="T79" fmla="*/ 378 h 828"/>
                  <a:gd name="T80" fmla="*/ 687 w 1209"/>
                  <a:gd name="T81" fmla="*/ 495 h 828"/>
                  <a:gd name="T82" fmla="*/ 830 w 1209"/>
                  <a:gd name="T83" fmla="*/ 546 h 828"/>
                  <a:gd name="T84" fmla="*/ 874 w 1209"/>
                  <a:gd name="T85" fmla="*/ 629 h 828"/>
                  <a:gd name="T86" fmla="*/ 893 w 1209"/>
                  <a:gd name="T87" fmla="*/ 544 h 828"/>
                  <a:gd name="T88" fmla="*/ 900 w 1209"/>
                  <a:gd name="T89" fmla="*/ 426 h 828"/>
                  <a:gd name="T90" fmla="*/ 890 w 1209"/>
                  <a:gd name="T91" fmla="*/ 365 h 828"/>
                  <a:gd name="T92" fmla="*/ 973 w 1209"/>
                  <a:gd name="T93" fmla="*/ 361 h 828"/>
                  <a:gd name="T94" fmla="*/ 1009 w 1209"/>
                  <a:gd name="T95" fmla="*/ 398 h 828"/>
                  <a:gd name="T96" fmla="*/ 1027 w 1209"/>
                  <a:gd name="T97" fmla="*/ 449 h 828"/>
                  <a:gd name="T98" fmla="*/ 1064 w 1209"/>
                  <a:gd name="T99" fmla="*/ 444 h 828"/>
                  <a:gd name="T100" fmla="*/ 1090 w 1209"/>
                  <a:gd name="T101" fmla="*/ 435 h 828"/>
                  <a:gd name="T102" fmla="*/ 1102 w 1209"/>
                  <a:gd name="T103" fmla="*/ 471 h 828"/>
                  <a:gd name="T104" fmla="*/ 1118 w 1209"/>
                  <a:gd name="T105" fmla="*/ 513 h 828"/>
                  <a:gd name="T106" fmla="*/ 1159 w 1209"/>
                  <a:gd name="T107" fmla="*/ 544 h 828"/>
                  <a:gd name="T108" fmla="*/ 1132 w 1209"/>
                  <a:gd name="T109" fmla="*/ 578 h 828"/>
                  <a:gd name="T110" fmla="*/ 1199 w 1209"/>
                  <a:gd name="T111" fmla="*/ 592 h 828"/>
                  <a:gd name="T112" fmla="*/ 1147 w 1209"/>
                  <a:gd name="T113" fmla="*/ 659 h 828"/>
                  <a:gd name="T114" fmla="*/ 1003 w 1209"/>
                  <a:gd name="T115" fmla="*/ 718 h 828"/>
                  <a:gd name="T116" fmla="*/ 1079 w 1209"/>
                  <a:gd name="T117" fmla="*/ 713 h 828"/>
                  <a:gd name="T118" fmla="*/ 1130 w 1209"/>
                  <a:gd name="T119" fmla="*/ 759 h 828"/>
                  <a:gd name="T120" fmla="*/ 1064 w 1209"/>
                  <a:gd name="T121" fmla="*/ 792 h 828"/>
                  <a:gd name="T122" fmla="*/ 1083 w 1209"/>
                  <a:gd name="T123" fmla="*/ 751 h 828"/>
                  <a:gd name="T124" fmla="*/ 1015 w 1209"/>
                  <a:gd name="T125" fmla="*/ 720 h 828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60000 65536"/>
                  <a:gd name="T181" fmla="*/ 0 60000 65536"/>
                  <a:gd name="T182" fmla="*/ 0 60000 65536"/>
                  <a:gd name="T183" fmla="*/ 0 60000 65536"/>
                  <a:gd name="T184" fmla="*/ 0 60000 65536"/>
                  <a:gd name="T185" fmla="*/ 0 60000 65536"/>
                  <a:gd name="T186" fmla="*/ 0 60000 65536"/>
                  <a:gd name="T187" fmla="*/ 0 60000 65536"/>
                  <a:gd name="T188" fmla="*/ 0 60000 65536"/>
                  <a:gd name="T189" fmla="*/ 0 w 1209"/>
                  <a:gd name="T190" fmla="*/ 0 h 828"/>
                  <a:gd name="T191" fmla="*/ 1209 w 1209"/>
                  <a:gd name="T192" fmla="*/ 828 h 828"/>
                </a:gdLst>
                <a:ahLst/>
                <a:cxnLst>
                  <a:cxn ang="T126">
                    <a:pos x="T0" y="T1"/>
                  </a:cxn>
                  <a:cxn ang="T127">
                    <a:pos x="T2" y="T3"/>
                  </a:cxn>
                  <a:cxn ang="T128">
                    <a:pos x="T4" y="T5"/>
                  </a:cxn>
                  <a:cxn ang="T129">
                    <a:pos x="T6" y="T7"/>
                  </a:cxn>
                  <a:cxn ang="T130">
                    <a:pos x="T8" y="T9"/>
                  </a:cxn>
                  <a:cxn ang="T131">
                    <a:pos x="T10" y="T11"/>
                  </a:cxn>
                  <a:cxn ang="T132">
                    <a:pos x="T12" y="T13"/>
                  </a:cxn>
                  <a:cxn ang="T133">
                    <a:pos x="T14" y="T15"/>
                  </a:cxn>
                  <a:cxn ang="T134">
                    <a:pos x="T16" y="T17"/>
                  </a:cxn>
                  <a:cxn ang="T135">
                    <a:pos x="T18" y="T19"/>
                  </a:cxn>
                  <a:cxn ang="T136">
                    <a:pos x="T20" y="T21"/>
                  </a:cxn>
                  <a:cxn ang="T137">
                    <a:pos x="T22" y="T23"/>
                  </a:cxn>
                  <a:cxn ang="T138">
                    <a:pos x="T24" y="T25"/>
                  </a:cxn>
                  <a:cxn ang="T139">
                    <a:pos x="T26" y="T27"/>
                  </a:cxn>
                  <a:cxn ang="T140">
                    <a:pos x="T28" y="T29"/>
                  </a:cxn>
                  <a:cxn ang="T141">
                    <a:pos x="T30" y="T31"/>
                  </a:cxn>
                  <a:cxn ang="T142">
                    <a:pos x="T32" y="T33"/>
                  </a:cxn>
                  <a:cxn ang="T143">
                    <a:pos x="T34" y="T35"/>
                  </a:cxn>
                  <a:cxn ang="T144">
                    <a:pos x="T36" y="T37"/>
                  </a:cxn>
                  <a:cxn ang="T145">
                    <a:pos x="T38" y="T39"/>
                  </a:cxn>
                  <a:cxn ang="T146">
                    <a:pos x="T40" y="T41"/>
                  </a:cxn>
                  <a:cxn ang="T147">
                    <a:pos x="T42" y="T43"/>
                  </a:cxn>
                  <a:cxn ang="T148">
                    <a:pos x="T44" y="T45"/>
                  </a:cxn>
                  <a:cxn ang="T149">
                    <a:pos x="T46" y="T47"/>
                  </a:cxn>
                  <a:cxn ang="T150">
                    <a:pos x="T48" y="T49"/>
                  </a:cxn>
                  <a:cxn ang="T151">
                    <a:pos x="T50" y="T51"/>
                  </a:cxn>
                  <a:cxn ang="T152">
                    <a:pos x="T52" y="T53"/>
                  </a:cxn>
                  <a:cxn ang="T153">
                    <a:pos x="T54" y="T55"/>
                  </a:cxn>
                  <a:cxn ang="T154">
                    <a:pos x="T56" y="T57"/>
                  </a:cxn>
                  <a:cxn ang="T155">
                    <a:pos x="T58" y="T59"/>
                  </a:cxn>
                  <a:cxn ang="T156">
                    <a:pos x="T60" y="T61"/>
                  </a:cxn>
                  <a:cxn ang="T157">
                    <a:pos x="T62" y="T63"/>
                  </a:cxn>
                  <a:cxn ang="T158">
                    <a:pos x="T64" y="T65"/>
                  </a:cxn>
                  <a:cxn ang="T159">
                    <a:pos x="T66" y="T67"/>
                  </a:cxn>
                  <a:cxn ang="T160">
                    <a:pos x="T68" y="T69"/>
                  </a:cxn>
                  <a:cxn ang="T161">
                    <a:pos x="T70" y="T71"/>
                  </a:cxn>
                  <a:cxn ang="T162">
                    <a:pos x="T72" y="T73"/>
                  </a:cxn>
                  <a:cxn ang="T163">
                    <a:pos x="T74" y="T75"/>
                  </a:cxn>
                  <a:cxn ang="T164">
                    <a:pos x="T76" y="T77"/>
                  </a:cxn>
                  <a:cxn ang="T165">
                    <a:pos x="T78" y="T79"/>
                  </a:cxn>
                  <a:cxn ang="T166">
                    <a:pos x="T80" y="T81"/>
                  </a:cxn>
                  <a:cxn ang="T167">
                    <a:pos x="T82" y="T83"/>
                  </a:cxn>
                  <a:cxn ang="T168">
                    <a:pos x="T84" y="T85"/>
                  </a:cxn>
                  <a:cxn ang="T169">
                    <a:pos x="T86" y="T87"/>
                  </a:cxn>
                  <a:cxn ang="T170">
                    <a:pos x="T88" y="T89"/>
                  </a:cxn>
                  <a:cxn ang="T171">
                    <a:pos x="T90" y="T91"/>
                  </a:cxn>
                  <a:cxn ang="T172">
                    <a:pos x="T92" y="T93"/>
                  </a:cxn>
                  <a:cxn ang="T173">
                    <a:pos x="T94" y="T95"/>
                  </a:cxn>
                  <a:cxn ang="T174">
                    <a:pos x="T96" y="T97"/>
                  </a:cxn>
                  <a:cxn ang="T175">
                    <a:pos x="T98" y="T99"/>
                  </a:cxn>
                  <a:cxn ang="T176">
                    <a:pos x="T100" y="T101"/>
                  </a:cxn>
                  <a:cxn ang="T177">
                    <a:pos x="T102" y="T103"/>
                  </a:cxn>
                  <a:cxn ang="T178">
                    <a:pos x="T104" y="T105"/>
                  </a:cxn>
                  <a:cxn ang="T179">
                    <a:pos x="T106" y="T107"/>
                  </a:cxn>
                  <a:cxn ang="T180">
                    <a:pos x="T108" y="T109"/>
                  </a:cxn>
                  <a:cxn ang="T181">
                    <a:pos x="T110" y="T111"/>
                  </a:cxn>
                  <a:cxn ang="T182">
                    <a:pos x="T112" y="T113"/>
                  </a:cxn>
                  <a:cxn ang="T183">
                    <a:pos x="T114" y="T115"/>
                  </a:cxn>
                  <a:cxn ang="T184">
                    <a:pos x="T116" y="T117"/>
                  </a:cxn>
                  <a:cxn ang="T185">
                    <a:pos x="T118" y="T119"/>
                  </a:cxn>
                  <a:cxn ang="T186">
                    <a:pos x="T120" y="T121"/>
                  </a:cxn>
                  <a:cxn ang="T187">
                    <a:pos x="T122" y="T123"/>
                  </a:cxn>
                  <a:cxn ang="T188">
                    <a:pos x="T124" y="T125"/>
                  </a:cxn>
                </a:cxnLst>
                <a:rect l="T189" t="T190" r="T191" b="T192"/>
                <a:pathLst>
                  <a:path w="1209" h="828">
                    <a:moveTo>
                      <a:pt x="938" y="770"/>
                    </a:moveTo>
                    <a:lnTo>
                      <a:pt x="934" y="770"/>
                    </a:lnTo>
                    <a:lnTo>
                      <a:pt x="925" y="776"/>
                    </a:lnTo>
                    <a:lnTo>
                      <a:pt x="920" y="782"/>
                    </a:lnTo>
                    <a:lnTo>
                      <a:pt x="907" y="787"/>
                    </a:lnTo>
                    <a:lnTo>
                      <a:pt x="907" y="786"/>
                    </a:lnTo>
                    <a:lnTo>
                      <a:pt x="903" y="786"/>
                    </a:lnTo>
                    <a:lnTo>
                      <a:pt x="906" y="791"/>
                    </a:lnTo>
                    <a:lnTo>
                      <a:pt x="898" y="789"/>
                    </a:lnTo>
                    <a:lnTo>
                      <a:pt x="890" y="789"/>
                    </a:lnTo>
                    <a:lnTo>
                      <a:pt x="875" y="793"/>
                    </a:lnTo>
                    <a:lnTo>
                      <a:pt x="866" y="803"/>
                    </a:lnTo>
                    <a:lnTo>
                      <a:pt x="872" y="804"/>
                    </a:lnTo>
                    <a:lnTo>
                      <a:pt x="875" y="804"/>
                    </a:lnTo>
                    <a:lnTo>
                      <a:pt x="877" y="804"/>
                    </a:lnTo>
                    <a:lnTo>
                      <a:pt x="880" y="812"/>
                    </a:lnTo>
                    <a:lnTo>
                      <a:pt x="874" y="810"/>
                    </a:lnTo>
                    <a:lnTo>
                      <a:pt x="868" y="810"/>
                    </a:lnTo>
                    <a:lnTo>
                      <a:pt x="860" y="813"/>
                    </a:lnTo>
                    <a:lnTo>
                      <a:pt x="856" y="816"/>
                    </a:lnTo>
                    <a:lnTo>
                      <a:pt x="848" y="814"/>
                    </a:lnTo>
                    <a:lnTo>
                      <a:pt x="842" y="817"/>
                    </a:lnTo>
                    <a:lnTo>
                      <a:pt x="838" y="822"/>
                    </a:lnTo>
                    <a:lnTo>
                      <a:pt x="835" y="822"/>
                    </a:lnTo>
                    <a:lnTo>
                      <a:pt x="829" y="828"/>
                    </a:lnTo>
                    <a:lnTo>
                      <a:pt x="819" y="827"/>
                    </a:lnTo>
                    <a:lnTo>
                      <a:pt x="820" y="825"/>
                    </a:lnTo>
                    <a:lnTo>
                      <a:pt x="822" y="820"/>
                    </a:lnTo>
                    <a:lnTo>
                      <a:pt x="825" y="822"/>
                    </a:lnTo>
                    <a:lnTo>
                      <a:pt x="828" y="821"/>
                    </a:lnTo>
                    <a:lnTo>
                      <a:pt x="829" y="819"/>
                    </a:lnTo>
                    <a:lnTo>
                      <a:pt x="828" y="815"/>
                    </a:lnTo>
                    <a:lnTo>
                      <a:pt x="830" y="807"/>
                    </a:lnTo>
                    <a:lnTo>
                      <a:pt x="832" y="807"/>
                    </a:lnTo>
                    <a:lnTo>
                      <a:pt x="838" y="801"/>
                    </a:lnTo>
                    <a:lnTo>
                      <a:pt x="839" y="797"/>
                    </a:lnTo>
                    <a:lnTo>
                      <a:pt x="838" y="786"/>
                    </a:lnTo>
                    <a:lnTo>
                      <a:pt x="844" y="775"/>
                    </a:lnTo>
                    <a:lnTo>
                      <a:pt x="843" y="769"/>
                    </a:lnTo>
                    <a:lnTo>
                      <a:pt x="840" y="764"/>
                    </a:lnTo>
                    <a:lnTo>
                      <a:pt x="844" y="765"/>
                    </a:lnTo>
                    <a:lnTo>
                      <a:pt x="847" y="772"/>
                    </a:lnTo>
                    <a:lnTo>
                      <a:pt x="849" y="770"/>
                    </a:lnTo>
                    <a:lnTo>
                      <a:pt x="849" y="774"/>
                    </a:lnTo>
                    <a:lnTo>
                      <a:pt x="850" y="774"/>
                    </a:lnTo>
                    <a:lnTo>
                      <a:pt x="850" y="777"/>
                    </a:lnTo>
                    <a:lnTo>
                      <a:pt x="853" y="775"/>
                    </a:lnTo>
                    <a:lnTo>
                      <a:pt x="855" y="777"/>
                    </a:lnTo>
                    <a:lnTo>
                      <a:pt x="863" y="779"/>
                    </a:lnTo>
                    <a:lnTo>
                      <a:pt x="863" y="777"/>
                    </a:lnTo>
                    <a:lnTo>
                      <a:pt x="863" y="772"/>
                    </a:lnTo>
                    <a:lnTo>
                      <a:pt x="868" y="773"/>
                    </a:lnTo>
                    <a:lnTo>
                      <a:pt x="868" y="772"/>
                    </a:lnTo>
                    <a:lnTo>
                      <a:pt x="863" y="767"/>
                    </a:lnTo>
                    <a:lnTo>
                      <a:pt x="863" y="762"/>
                    </a:lnTo>
                    <a:lnTo>
                      <a:pt x="860" y="761"/>
                    </a:lnTo>
                    <a:lnTo>
                      <a:pt x="856" y="757"/>
                    </a:lnTo>
                    <a:lnTo>
                      <a:pt x="854" y="752"/>
                    </a:lnTo>
                    <a:lnTo>
                      <a:pt x="852" y="751"/>
                    </a:lnTo>
                    <a:lnTo>
                      <a:pt x="842" y="750"/>
                    </a:lnTo>
                    <a:lnTo>
                      <a:pt x="841" y="748"/>
                    </a:lnTo>
                    <a:lnTo>
                      <a:pt x="824" y="745"/>
                    </a:lnTo>
                    <a:lnTo>
                      <a:pt x="820" y="746"/>
                    </a:lnTo>
                    <a:lnTo>
                      <a:pt x="810" y="742"/>
                    </a:lnTo>
                    <a:lnTo>
                      <a:pt x="805" y="743"/>
                    </a:lnTo>
                    <a:lnTo>
                      <a:pt x="802" y="737"/>
                    </a:lnTo>
                    <a:lnTo>
                      <a:pt x="802" y="739"/>
                    </a:lnTo>
                    <a:lnTo>
                      <a:pt x="799" y="739"/>
                    </a:lnTo>
                    <a:lnTo>
                      <a:pt x="800" y="735"/>
                    </a:lnTo>
                    <a:lnTo>
                      <a:pt x="799" y="734"/>
                    </a:lnTo>
                    <a:lnTo>
                      <a:pt x="800" y="731"/>
                    </a:lnTo>
                    <a:lnTo>
                      <a:pt x="797" y="729"/>
                    </a:lnTo>
                    <a:lnTo>
                      <a:pt x="796" y="726"/>
                    </a:lnTo>
                    <a:lnTo>
                      <a:pt x="797" y="722"/>
                    </a:lnTo>
                    <a:lnTo>
                      <a:pt x="793" y="715"/>
                    </a:lnTo>
                    <a:lnTo>
                      <a:pt x="794" y="708"/>
                    </a:lnTo>
                    <a:lnTo>
                      <a:pt x="782" y="709"/>
                    </a:lnTo>
                    <a:lnTo>
                      <a:pt x="779" y="707"/>
                    </a:lnTo>
                    <a:lnTo>
                      <a:pt x="773" y="693"/>
                    </a:lnTo>
                    <a:lnTo>
                      <a:pt x="763" y="691"/>
                    </a:lnTo>
                    <a:lnTo>
                      <a:pt x="763" y="702"/>
                    </a:lnTo>
                    <a:lnTo>
                      <a:pt x="759" y="690"/>
                    </a:lnTo>
                    <a:lnTo>
                      <a:pt x="750" y="687"/>
                    </a:lnTo>
                    <a:lnTo>
                      <a:pt x="748" y="688"/>
                    </a:lnTo>
                    <a:lnTo>
                      <a:pt x="748" y="694"/>
                    </a:lnTo>
                    <a:lnTo>
                      <a:pt x="744" y="698"/>
                    </a:lnTo>
                    <a:lnTo>
                      <a:pt x="743" y="697"/>
                    </a:lnTo>
                    <a:lnTo>
                      <a:pt x="744" y="690"/>
                    </a:lnTo>
                    <a:lnTo>
                      <a:pt x="740" y="700"/>
                    </a:lnTo>
                    <a:lnTo>
                      <a:pt x="738" y="701"/>
                    </a:lnTo>
                    <a:lnTo>
                      <a:pt x="738" y="696"/>
                    </a:lnTo>
                    <a:lnTo>
                      <a:pt x="732" y="706"/>
                    </a:lnTo>
                    <a:lnTo>
                      <a:pt x="726" y="709"/>
                    </a:lnTo>
                    <a:lnTo>
                      <a:pt x="710" y="705"/>
                    </a:lnTo>
                    <a:lnTo>
                      <a:pt x="702" y="707"/>
                    </a:lnTo>
                    <a:lnTo>
                      <a:pt x="683" y="695"/>
                    </a:lnTo>
                    <a:lnTo>
                      <a:pt x="671" y="696"/>
                    </a:lnTo>
                    <a:lnTo>
                      <a:pt x="664" y="693"/>
                    </a:lnTo>
                    <a:lnTo>
                      <a:pt x="658" y="693"/>
                    </a:lnTo>
                    <a:lnTo>
                      <a:pt x="652" y="679"/>
                    </a:lnTo>
                    <a:lnTo>
                      <a:pt x="649" y="678"/>
                    </a:lnTo>
                    <a:lnTo>
                      <a:pt x="649" y="687"/>
                    </a:lnTo>
                    <a:lnTo>
                      <a:pt x="619" y="687"/>
                    </a:lnTo>
                    <a:lnTo>
                      <a:pt x="601" y="687"/>
                    </a:lnTo>
                    <a:lnTo>
                      <a:pt x="580" y="687"/>
                    </a:lnTo>
                    <a:lnTo>
                      <a:pt x="561" y="687"/>
                    </a:lnTo>
                    <a:lnTo>
                      <a:pt x="542" y="687"/>
                    </a:lnTo>
                    <a:lnTo>
                      <a:pt x="523" y="687"/>
                    </a:lnTo>
                    <a:lnTo>
                      <a:pt x="507" y="687"/>
                    </a:lnTo>
                    <a:lnTo>
                      <a:pt x="482" y="687"/>
                    </a:lnTo>
                    <a:lnTo>
                      <a:pt x="459" y="687"/>
                    </a:lnTo>
                    <a:lnTo>
                      <a:pt x="438" y="687"/>
                    </a:lnTo>
                    <a:lnTo>
                      <a:pt x="421" y="687"/>
                    </a:lnTo>
                    <a:lnTo>
                      <a:pt x="399" y="687"/>
                    </a:lnTo>
                    <a:lnTo>
                      <a:pt x="381" y="687"/>
                    </a:lnTo>
                    <a:lnTo>
                      <a:pt x="367" y="687"/>
                    </a:lnTo>
                    <a:lnTo>
                      <a:pt x="353" y="687"/>
                    </a:lnTo>
                    <a:lnTo>
                      <a:pt x="339" y="687"/>
                    </a:lnTo>
                    <a:lnTo>
                      <a:pt x="323" y="687"/>
                    </a:lnTo>
                    <a:lnTo>
                      <a:pt x="303" y="687"/>
                    </a:lnTo>
                    <a:lnTo>
                      <a:pt x="285" y="687"/>
                    </a:lnTo>
                    <a:lnTo>
                      <a:pt x="275" y="687"/>
                    </a:lnTo>
                    <a:lnTo>
                      <a:pt x="259" y="687"/>
                    </a:lnTo>
                    <a:lnTo>
                      <a:pt x="255" y="685"/>
                    </a:lnTo>
                    <a:lnTo>
                      <a:pt x="255" y="684"/>
                    </a:lnTo>
                    <a:lnTo>
                      <a:pt x="261" y="683"/>
                    </a:lnTo>
                    <a:lnTo>
                      <a:pt x="261" y="681"/>
                    </a:lnTo>
                    <a:lnTo>
                      <a:pt x="254" y="681"/>
                    </a:lnTo>
                    <a:lnTo>
                      <a:pt x="254" y="671"/>
                    </a:lnTo>
                    <a:lnTo>
                      <a:pt x="252" y="671"/>
                    </a:lnTo>
                    <a:lnTo>
                      <a:pt x="248" y="677"/>
                    </a:lnTo>
                    <a:lnTo>
                      <a:pt x="246" y="676"/>
                    </a:lnTo>
                    <a:lnTo>
                      <a:pt x="246" y="671"/>
                    </a:lnTo>
                    <a:lnTo>
                      <a:pt x="245" y="671"/>
                    </a:lnTo>
                    <a:lnTo>
                      <a:pt x="242" y="664"/>
                    </a:lnTo>
                    <a:lnTo>
                      <a:pt x="242" y="668"/>
                    </a:lnTo>
                    <a:lnTo>
                      <a:pt x="240" y="665"/>
                    </a:lnTo>
                    <a:lnTo>
                      <a:pt x="239" y="669"/>
                    </a:lnTo>
                    <a:lnTo>
                      <a:pt x="235" y="669"/>
                    </a:lnTo>
                    <a:lnTo>
                      <a:pt x="231" y="664"/>
                    </a:lnTo>
                    <a:lnTo>
                      <a:pt x="230" y="663"/>
                    </a:lnTo>
                    <a:lnTo>
                      <a:pt x="233" y="660"/>
                    </a:lnTo>
                    <a:lnTo>
                      <a:pt x="232" y="655"/>
                    </a:lnTo>
                    <a:lnTo>
                      <a:pt x="228" y="656"/>
                    </a:lnTo>
                    <a:lnTo>
                      <a:pt x="227" y="653"/>
                    </a:lnTo>
                    <a:lnTo>
                      <a:pt x="223" y="654"/>
                    </a:lnTo>
                    <a:lnTo>
                      <a:pt x="218" y="653"/>
                    </a:lnTo>
                    <a:lnTo>
                      <a:pt x="216" y="654"/>
                    </a:lnTo>
                    <a:lnTo>
                      <a:pt x="208" y="653"/>
                    </a:lnTo>
                    <a:lnTo>
                      <a:pt x="207" y="652"/>
                    </a:lnTo>
                    <a:lnTo>
                      <a:pt x="214" y="649"/>
                    </a:lnTo>
                    <a:lnTo>
                      <a:pt x="211" y="649"/>
                    </a:lnTo>
                    <a:lnTo>
                      <a:pt x="211" y="647"/>
                    </a:lnTo>
                    <a:lnTo>
                      <a:pt x="207" y="645"/>
                    </a:lnTo>
                    <a:lnTo>
                      <a:pt x="210" y="644"/>
                    </a:lnTo>
                    <a:lnTo>
                      <a:pt x="209" y="643"/>
                    </a:lnTo>
                    <a:lnTo>
                      <a:pt x="205" y="642"/>
                    </a:lnTo>
                    <a:lnTo>
                      <a:pt x="204" y="644"/>
                    </a:lnTo>
                    <a:lnTo>
                      <a:pt x="198" y="643"/>
                    </a:lnTo>
                    <a:lnTo>
                      <a:pt x="199" y="645"/>
                    </a:lnTo>
                    <a:lnTo>
                      <a:pt x="197" y="645"/>
                    </a:lnTo>
                    <a:lnTo>
                      <a:pt x="189" y="640"/>
                    </a:lnTo>
                    <a:lnTo>
                      <a:pt x="189" y="637"/>
                    </a:lnTo>
                    <a:lnTo>
                      <a:pt x="193" y="636"/>
                    </a:lnTo>
                    <a:lnTo>
                      <a:pt x="189" y="634"/>
                    </a:lnTo>
                    <a:lnTo>
                      <a:pt x="189" y="633"/>
                    </a:lnTo>
                    <a:lnTo>
                      <a:pt x="195" y="632"/>
                    </a:lnTo>
                    <a:lnTo>
                      <a:pt x="192" y="630"/>
                    </a:lnTo>
                    <a:lnTo>
                      <a:pt x="194" y="628"/>
                    </a:lnTo>
                    <a:lnTo>
                      <a:pt x="192" y="625"/>
                    </a:lnTo>
                    <a:lnTo>
                      <a:pt x="189" y="629"/>
                    </a:lnTo>
                    <a:lnTo>
                      <a:pt x="188" y="629"/>
                    </a:lnTo>
                    <a:lnTo>
                      <a:pt x="188" y="620"/>
                    </a:lnTo>
                    <a:lnTo>
                      <a:pt x="186" y="619"/>
                    </a:lnTo>
                    <a:lnTo>
                      <a:pt x="187" y="615"/>
                    </a:lnTo>
                    <a:lnTo>
                      <a:pt x="185" y="610"/>
                    </a:lnTo>
                    <a:lnTo>
                      <a:pt x="181" y="612"/>
                    </a:lnTo>
                    <a:lnTo>
                      <a:pt x="181" y="607"/>
                    </a:lnTo>
                    <a:lnTo>
                      <a:pt x="174" y="608"/>
                    </a:lnTo>
                    <a:lnTo>
                      <a:pt x="173" y="603"/>
                    </a:lnTo>
                    <a:lnTo>
                      <a:pt x="168" y="597"/>
                    </a:lnTo>
                    <a:lnTo>
                      <a:pt x="170" y="592"/>
                    </a:lnTo>
                    <a:lnTo>
                      <a:pt x="170" y="586"/>
                    </a:lnTo>
                    <a:lnTo>
                      <a:pt x="166" y="587"/>
                    </a:lnTo>
                    <a:lnTo>
                      <a:pt x="155" y="574"/>
                    </a:lnTo>
                    <a:lnTo>
                      <a:pt x="155" y="571"/>
                    </a:lnTo>
                    <a:lnTo>
                      <a:pt x="157" y="570"/>
                    </a:lnTo>
                    <a:lnTo>
                      <a:pt x="157" y="568"/>
                    </a:lnTo>
                    <a:lnTo>
                      <a:pt x="153" y="567"/>
                    </a:lnTo>
                    <a:lnTo>
                      <a:pt x="150" y="563"/>
                    </a:lnTo>
                    <a:lnTo>
                      <a:pt x="150" y="559"/>
                    </a:lnTo>
                    <a:lnTo>
                      <a:pt x="152" y="557"/>
                    </a:lnTo>
                    <a:lnTo>
                      <a:pt x="155" y="557"/>
                    </a:lnTo>
                    <a:lnTo>
                      <a:pt x="155" y="554"/>
                    </a:lnTo>
                    <a:lnTo>
                      <a:pt x="156" y="550"/>
                    </a:lnTo>
                    <a:lnTo>
                      <a:pt x="155" y="547"/>
                    </a:lnTo>
                    <a:lnTo>
                      <a:pt x="156" y="544"/>
                    </a:lnTo>
                    <a:lnTo>
                      <a:pt x="155" y="547"/>
                    </a:lnTo>
                    <a:lnTo>
                      <a:pt x="153" y="547"/>
                    </a:lnTo>
                    <a:lnTo>
                      <a:pt x="149" y="552"/>
                    </a:lnTo>
                    <a:lnTo>
                      <a:pt x="146" y="553"/>
                    </a:lnTo>
                    <a:lnTo>
                      <a:pt x="145" y="552"/>
                    </a:lnTo>
                    <a:lnTo>
                      <a:pt x="143" y="554"/>
                    </a:lnTo>
                    <a:lnTo>
                      <a:pt x="143" y="548"/>
                    </a:lnTo>
                    <a:lnTo>
                      <a:pt x="148" y="546"/>
                    </a:lnTo>
                    <a:lnTo>
                      <a:pt x="147" y="540"/>
                    </a:lnTo>
                    <a:lnTo>
                      <a:pt x="144" y="540"/>
                    </a:lnTo>
                    <a:lnTo>
                      <a:pt x="143" y="531"/>
                    </a:lnTo>
                    <a:lnTo>
                      <a:pt x="140" y="525"/>
                    </a:lnTo>
                    <a:lnTo>
                      <a:pt x="140" y="520"/>
                    </a:lnTo>
                    <a:lnTo>
                      <a:pt x="135" y="525"/>
                    </a:lnTo>
                    <a:lnTo>
                      <a:pt x="131" y="526"/>
                    </a:lnTo>
                    <a:lnTo>
                      <a:pt x="130" y="532"/>
                    </a:lnTo>
                    <a:lnTo>
                      <a:pt x="127" y="536"/>
                    </a:lnTo>
                    <a:lnTo>
                      <a:pt x="126" y="535"/>
                    </a:lnTo>
                    <a:lnTo>
                      <a:pt x="124" y="531"/>
                    </a:lnTo>
                    <a:lnTo>
                      <a:pt x="127" y="528"/>
                    </a:lnTo>
                    <a:lnTo>
                      <a:pt x="128" y="520"/>
                    </a:lnTo>
                    <a:lnTo>
                      <a:pt x="134" y="518"/>
                    </a:lnTo>
                    <a:lnTo>
                      <a:pt x="125" y="514"/>
                    </a:lnTo>
                    <a:lnTo>
                      <a:pt x="124" y="506"/>
                    </a:lnTo>
                    <a:lnTo>
                      <a:pt x="116" y="501"/>
                    </a:lnTo>
                    <a:lnTo>
                      <a:pt x="113" y="497"/>
                    </a:lnTo>
                    <a:lnTo>
                      <a:pt x="117" y="500"/>
                    </a:lnTo>
                    <a:lnTo>
                      <a:pt x="116" y="495"/>
                    </a:lnTo>
                    <a:lnTo>
                      <a:pt x="113" y="496"/>
                    </a:lnTo>
                    <a:lnTo>
                      <a:pt x="107" y="493"/>
                    </a:lnTo>
                    <a:lnTo>
                      <a:pt x="107" y="491"/>
                    </a:lnTo>
                    <a:lnTo>
                      <a:pt x="112" y="489"/>
                    </a:lnTo>
                    <a:lnTo>
                      <a:pt x="108" y="488"/>
                    </a:lnTo>
                    <a:lnTo>
                      <a:pt x="107" y="484"/>
                    </a:lnTo>
                    <a:lnTo>
                      <a:pt x="105" y="483"/>
                    </a:lnTo>
                    <a:lnTo>
                      <a:pt x="105" y="480"/>
                    </a:lnTo>
                    <a:lnTo>
                      <a:pt x="113" y="486"/>
                    </a:lnTo>
                    <a:lnTo>
                      <a:pt x="106" y="476"/>
                    </a:lnTo>
                    <a:lnTo>
                      <a:pt x="104" y="474"/>
                    </a:lnTo>
                    <a:lnTo>
                      <a:pt x="103" y="477"/>
                    </a:lnTo>
                    <a:lnTo>
                      <a:pt x="102" y="472"/>
                    </a:lnTo>
                    <a:lnTo>
                      <a:pt x="103" y="471"/>
                    </a:lnTo>
                    <a:lnTo>
                      <a:pt x="105" y="466"/>
                    </a:lnTo>
                    <a:lnTo>
                      <a:pt x="100" y="471"/>
                    </a:lnTo>
                    <a:lnTo>
                      <a:pt x="97" y="465"/>
                    </a:lnTo>
                    <a:lnTo>
                      <a:pt x="88" y="461"/>
                    </a:lnTo>
                    <a:lnTo>
                      <a:pt x="78" y="434"/>
                    </a:lnTo>
                    <a:lnTo>
                      <a:pt x="77" y="436"/>
                    </a:lnTo>
                    <a:lnTo>
                      <a:pt x="78" y="441"/>
                    </a:lnTo>
                    <a:lnTo>
                      <a:pt x="77" y="439"/>
                    </a:lnTo>
                    <a:lnTo>
                      <a:pt x="83" y="460"/>
                    </a:lnTo>
                    <a:lnTo>
                      <a:pt x="82" y="465"/>
                    </a:lnTo>
                    <a:lnTo>
                      <a:pt x="79" y="466"/>
                    </a:lnTo>
                    <a:lnTo>
                      <a:pt x="77" y="459"/>
                    </a:lnTo>
                    <a:lnTo>
                      <a:pt x="77" y="461"/>
                    </a:lnTo>
                    <a:lnTo>
                      <a:pt x="72" y="461"/>
                    </a:lnTo>
                    <a:lnTo>
                      <a:pt x="73" y="456"/>
                    </a:lnTo>
                    <a:lnTo>
                      <a:pt x="69" y="447"/>
                    </a:lnTo>
                    <a:lnTo>
                      <a:pt x="66" y="451"/>
                    </a:lnTo>
                    <a:lnTo>
                      <a:pt x="62" y="446"/>
                    </a:lnTo>
                    <a:lnTo>
                      <a:pt x="61" y="448"/>
                    </a:lnTo>
                    <a:lnTo>
                      <a:pt x="57" y="444"/>
                    </a:lnTo>
                    <a:lnTo>
                      <a:pt x="58" y="446"/>
                    </a:lnTo>
                    <a:lnTo>
                      <a:pt x="56" y="448"/>
                    </a:lnTo>
                    <a:lnTo>
                      <a:pt x="61" y="449"/>
                    </a:lnTo>
                    <a:lnTo>
                      <a:pt x="69" y="458"/>
                    </a:lnTo>
                    <a:lnTo>
                      <a:pt x="69" y="462"/>
                    </a:lnTo>
                    <a:lnTo>
                      <a:pt x="63" y="461"/>
                    </a:lnTo>
                    <a:lnTo>
                      <a:pt x="64" y="464"/>
                    </a:lnTo>
                    <a:lnTo>
                      <a:pt x="61" y="465"/>
                    </a:lnTo>
                    <a:lnTo>
                      <a:pt x="47" y="456"/>
                    </a:lnTo>
                    <a:lnTo>
                      <a:pt x="49" y="453"/>
                    </a:lnTo>
                    <a:lnTo>
                      <a:pt x="46" y="454"/>
                    </a:lnTo>
                    <a:lnTo>
                      <a:pt x="39" y="445"/>
                    </a:lnTo>
                    <a:lnTo>
                      <a:pt x="40" y="436"/>
                    </a:lnTo>
                    <a:lnTo>
                      <a:pt x="41" y="435"/>
                    </a:lnTo>
                    <a:lnTo>
                      <a:pt x="45" y="430"/>
                    </a:lnTo>
                    <a:lnTo>
                      <a:pt x="41" y="427"/>
                    </a:lnTo>
                    <a:lnTo>
                      <a:pt x="44" y="430"/>
                    </a:lnTo>
                    <a:lnTo>
                      <a:pt x="40" y="433"/>
                    </a:lnTo>
                    <a:lnTo>
                      <a:pt x="27" y="417"/>
                    </a:lnTo>
                    <a:lnTo>
                      <a:pt x="25" y="416"/>
                    </a:lnTo>
                    <a:lnTo>
                      <a:pt x="26" y="409"/>
                    </a:lnTo>
                    <a:lnTo>
                      <a:pt x="18" y="409"/>
                    </a:lnTo>
                    <a:lnTo>
                      <a:pt x="15" y="413"/>
                    </a:lnTo>
                    <a:lnTo>
                      <a:pt x="9" y="409"/>
                    </a:lnTo>
                    <a:lnTo>
                      <a:pt x="5" y="412"/>
                    </a:lnTo>
                    <a:lnTo>
                      <a:pt x="0" y="409"/>
                    </a:lnTo>
                    <a:lnTo>
                      <a:pt x="0" y="392"/>
                    </a:lnTo>
                    <a:lnTo>
                      <a:pt x="0" y="375"/>
                    </a:lnTo>
                    <a:lnTo>
                      <a:pt x="0" y="357"/>
                    </a:lnTo>
                    <a:lnTo>
                      <a:pt x="0" y="339"/>
                    </a:lnTo>
                    <a:lnTo>
                      <a:pt x="0" y="321"/>
                    </a:lnTo>
                    <a:lnTo>
                      <a:pt x="0" y="302"/>
                    </a:lnTo>
                    <a:lnTo>
                      <a:pt x="0" y="283"/>
                    </a:lnTo>
                    <a:lnTo>
                      <a:pt x="0" y="264"/>
                    </a:lnTo>
                    <a:lnTo>
                      <a:pt x="0" y="244"/>
                    </a:lnTo>
                    <a:lnTo>
                      <a:pt x="0" y="224"/>
                    </a:lnTo>
                    <a:lnTo>
                      <a:pt x="0" y="203"/>
                    </a:lnTo>
                    <a:lnTo>
                      <a:pt x="0" y="181"/>
                    </a:lnTo>
                    <a:lnTo>
                      <a:pt x="0" y="159"/>
                    </a:lnTo>
                    <a:lnTo>
                      <a:pt x="0" y="137"/>
                    </a:lnTo>
                    <a:lnTo>
                      <a:pt x="0" y="114"/>
                    </a:lnTo>
                    <a:lnTo>
                      <a:pt x="0" y="90"/>
                    </a:lnTo>
                    <a:lnTo>
                      <a:pt x="24" y="96"/>
                    </a:lnTo>
                    <a:lnTo>
                      <a:pt x="34" y="109"/>
                    </a:lnTo>
                    <a:lnTo>
                      <a:pt x="38" y="109"/>
                    </a:lnTo>
                    <a:lnTo>
                      <a:pt x="50" y="121"/>
                    </a:lnTo>
                    <a:lnTo>
                      <a:pt x="66" y="122"/>
                    </a:lnTo>
                    <a:lnTo>
                      <a:pt x="64" y="124"/>
                    </a:lnTo>
                    <a:lnTo>
                      <a:pt x="71" y="124"/>
                    </a:lnTo>
                    <a:lnTo>
                      <a:pt x="80" y="132"/>
                    </a:lnTo>
                    <a:lnTo>
                      <a:pt x="83" y="132"/>
                    </a:lnTo>
                    <a:lnTo>
                      <a:pt x="78" y="123"/>
                    </a:lnTo>
                    <a:lnTo>
                      <a:pt x="88" y="124"/>
                    </a:lnTo>
                    <a:lnTo>
                      <a:pt x="97" y="136"/>
                    </a:lnTo>
                    <a:lnTo>
                      <a:pt x="98" y="134"/>
                    </a:lnTo>
                    <a:lnTo>
                      <a:pt x="97" y="129"/>
                    </a:lnTo>
                    <a:lnTo>
                      <a:pt x="90" y="116"/>
                    </a:lnTo>
                    <a:lnTo>
                      <a:pt x="101" y="106"/>
                    </a:lnTo>
                    <a:lnTo>
                      <a:pt x="112" y="102"/>
                    </a:lnTo>
                    <a:lnTo>
                      <a:pt x="114" y="100"/>
                    </a:lnTo>
                    <a:lnTo>
                      <a:pt x="114" y="95"/>
                    </a:lnTo>
                    <a:lnTo>
                      <a:pt x="120" y="89"/>
                    </a:lnTo>
                    <a:lnTo>
                      <a:pt x="125" y="91"/>
                    </a:lnTo>
                    <a:lnTo>
                      <a:pt x="135" y="81"/>
                    </a:lnTo>
                    <a:lnTo>
                      <a:pt x="140" y="82"/>
                    </a:lnTo>
                    <a:lnTo>
                      <a:pt x="143" y="75"/>
                    </a:lnTo>
                    <a:lnTo>
                      <a:pt x="148" y="72"/>
                    </a:lnTo>
                    <a:lnTo>
                      <a:pt x="155" y="76"/>
                    </a:lnTo>
                    <a:lnTo>
                      <a:pt x="161" y="69"/>
                    </a:lnTo>
                    <a:lnTo>
                      <a:pt x="163" y="76"/>
                    </a:lnTo>
                    <a:lnTo>
                      <a:pt x="161" y="80"/>
                    </a:lnTo>
                    <a:lnTo>
                      <a:pt x="142" y="97"/>
                    </a:lnTo>
                    <a:lnTo>
                      <a:pt x="129" y="99"/>
                    </a:lnTo>
                    <a:lnTo>
                      <a:pt x="119" y="113"/>
                    </a:lnTo>
                    <a:lnTo>
                      <a:pt x="117" y="110"/>
                    </a:lnTo>
                    <a:lnTo>
                      <a:pt x="114" y="115"/>
                    </a:lnTo>
                    <a:lnTo>
                      <a:pt x="114" y="117"/>
                    </a:lnTo>
                    <a:lnTo>
                      <a:pt x="116" y="116"/>
                    </a:lnTo>
                    <a:lnTo>
                      <a:pt x="125" y="112"/>
                    </a:lnTo>
                    <a:lnTo>
                      <a:pt x="130" y="106"/>
                    </a:lnTo>
                    <a:lnTo>
                      <a:pt x="130" y="103"/>
                    </a:lnTo>
                    <a:lnTo>
                      <a:pt x="134" y="102"/>
                    </a:lnTo>
                    <a:lnTo>
                      <a:pt x="134" y="106"/>
                    </a:lnTo>
                    <a:lnTo>
                      <a:pt x="135" y="102"/>
                    </a:lnTo>
                    <a:lnTo>
                      <a:pt x="136" y="105"/>
                    </a:lnTo>
                    <a:lnTo>
                      <a:pt x="141" y="100"/>
                    </a:lnTo>
                    <a:lnTo>
                      <a:pt x="142" y="101"/>
                    </a:lnTo>
                    <a:lnTo>
                      <a:pt x="141" y="111"/>
                    </a:lnTo>
                    <a:lnTo>
                      <a:pt x="151" y="92"/>
                    </a:lnTo>
                    <a:lnTo>
                      <a:pt x="171" y="80"/>
                    </a:lnTo>
                    <a:lnTo>
                      <a:pt x="171" y="85"/>
                    </a:lnTo>
                    <a:lnTo>
                      <a:pt x="168" y="91"/>
                    </a:lnTo>
                    <a:lnTo>
                      <a:pt x="179" y="81"/>
                    </a:lnTo>
                    <a:lnTo>
                      <a:pt x="180" y="74"/>
                    </a:lnTo>
                    <a:lnTo>
                      <a:pt x="189" y="69"/>
                    </a:lnTo>
                    <a:lnTo>
                      <a:pt x="183" y="66"/>
                    </a:lnTo>
                    <a:lnTo>
                      <a:pt x="181" y="62"/>
                    </a:lnTo>
                    <a:lnTo>
                      <a:pt x="183" y="56"/>
                    </a:lnTo>
                    <a:lnTo>
                      <a:pt x="194" y="66"/>
                    </a:lnTo>
                    <a:lnTo>
                      <a:pt x="204" y="94"/>
                    </a:lnTo>
                    <a:lnTo>
                      <a:pt x="215" y="105"/>
                    </a:lnTo>
                    <a:lnTo>
                      <a:pt x="217" y="102"/>
                    </a:lnTo>
                    <a:lnTo>
                      <a:pt x="224" y="98"/>
                    </a:lnTo>
                    <a:lnTo>
                      <a:pt x="220" y="94"/>
                    </a:lnTo>
                    <a:lnTo>
                      <a:pt x="225" y="91"/>
                    </a:lnTo>
                    <a:lnTo>
                      <a:pt x="224" y="88"/>
                    </a:lnTo>
                    <a:lnTo>
                      <a:pt x="225" y="82"/>
                    </a:lnTo>
                    <a:lnTo>
                      <a:pt x="224" y="79"/>
                    </a:lnTo>
                    <a:lnTo>
                      <a:pt x="229" y="77"/>
                    </a:lnTo>
                    <a:lnTo>
                      <a:pt x="231" y="80"/>
                    </a:lnTo>
                    <a:lnTo>
                      <a:pt x="234" y="78"/>
                    </a:lnTo>
                    <a:lnTo>
                      <a:pt x="231" y="74"/>
                    </a:lnTo>
                    <a:lnTo>
                      <a:pt x="235" y="74"/>
                    </a:lnTo>
                    <a:lnTo>
                      <a:pt x="235" y="77"/>
                    </a:lnTo>
                    <a:lnTo>
                      <a:pt x="234" y="90"/>
                    </a:lnTo>
                    <a:lnTo>
                      <a:pt x="240" y="91"/>
                    </a:lnTo>
                    <a:lnTo>
                      <a:pt x="234" y="101"/>
                    </a:lnTo>
                    <a:lnTo>
                      <a:pt x="234" y="105"/>
                    </a:lnTo>
                    <a:lnTo>
                      <a:pt x="243" y="105"/>
                    </a:lnTo>
                    <a:lnTo>
                      <a:pt x="249" y="103"/>
                    </a:lnTo>
                    <a:lnTo>
                      <a:pt x="252" y="99"/>
                    </a:lnTo>
                    <a:lnTo>
                      <a:pt x="254" y="87"/>
                    </a:lnTo>
                    <a:lnTo>
                      <a:pt x="272" y="87"/>
                    </a:lnTo>
                    <a:lnTo>
                      <a:pt x="286" y="95"/>
                    </a:lnTo>
                    <a:lnTo>
                      <a:pt x="291" y="101"/>
                    </a:lnTo>
                    <a:lnTo>
                      <a:pt x="316" y="110"/>
                    </a:lnTo>
                    <a:lnTo>
                      <a:pt x="331" y="121"/>
                    </a:lnTo>
                    <a:lnTo>
                      <a:pt x="351" y="123"/>
                    </a:lnTo>
                    <a:lnTo>
                      <a:pt x="354" y="126"/>
                    </a:lnTo>
                    <a:lnTo>
                      <a:pt x="355" y="124"/>
                    </a:lnTo>
                    <a:lnTo>
                      <a:pt x="350" y="120"/>
                    </a:lnTo>
                    <a:lnTo>
                      <a:pt x="365" y="121"/>
                    </a:lnTo>
                    <a:lnTo>
                      <a:pt x="368" y="126"/>
                    </a:lnTo>
                    <a:lnTo>
                      <a:pt x="370" y="125"/>
                    </a:lnTo>
                    <a:lnTo>
                      <a:pt x="380" y="136"/>
                    </a:lnTo>
                    <a:lnTo>
                      <a:pt x="380" y="142"/>
                    </a:lnTo>
                    <a:lnTo>
                      <a:pt x="382" y="139"/>
                    </a:lnTo>
                    <a:lnTo>
                      <a:pt x="382" y="146"/>
                    </a:lnTo>
                    <a:lnTo>
                      <a:pt x="368" y="146"/>
                    </a:lnTo>
                    <a:lnTo>
                      <a:pt x="364" y="149"/>
                    </a:lnTo>
                    <a:lnTo>
                      <a:pt x="364" y="156"/>
                    </a:lnTo>
                    <a:lnTo>
                      <a:pt x="360" y="159"/>
                    </a:lnTo>
                    <a:lnTo>
                      <a:pt x="367" y="163"/>
                    </a:lnTo>
                    <a:lnTo>
                      <a:pt x="372" y="166"/>
                    </a:lnTo>
                    <a:lnTo>
                      <a:pt x="413" y="167"/>
                    </a:lnTo>
                    <a:lnTo>
                      <a:pt x="413" y="165"/>
                    </a:lnTo>
                    <a:lnTo>
                      <a:pt x="419" y="166"/>
                    </a:lnTo>
                    <a:lnTo>
                      <a:pt x="420" y="162"/>
                    </a:lnTo>
                    <a:lnTo>
                      <a:pt x="424" y="161"/>
                    </a:lnTo>
                    <a:lnTo>
                      <a:pt x="423" y="166"/>
                    </a:lnTo>
                    <a:lnTo>
                      <a:pt x="425" y="166"/>
                    </a:lnTo>
                    <a:lnTo>
                      <a:pt x="438" y="155"/>
                    </a:lnTo>
                    <a:lnTo>
                      <a:pt x="440" y="159"/>
                    </a:lnTo>
                    <a:lnTo>
                      <a:pt x="439" y="161"/>
                    </a:lnTo>
                    <a:lnTo>
                      <a:pt x="442" y="160"/>
                    </a:lnTo>
                    <a:lnTo>
                      <a:pt x="443" y="164"/>
                    </a:lnTo>
                    <a:lnTo>
                      <a:pt x="442" y="166"/>
                    </a:lnTo>
                    <a:lnTo>
                      <a:pt x="454" y="166"/>
                    </a:lnTo>
                    <a:lnTo>
                      <a:pt x="453" y="171"/>
                    </a:lnTo>
                    <a:lnTo>
                      <a:pt x="455" y="173"/>
                    </a:lnTo>
                    <a:lnTo>
                      <a:pt x="454" y="176"/>
                    </a:lnTo>
                    <a:lnTo>
                      <a:pt x="455" y="178"/>
                    </a:lnTo>
                    <a:lnTo>
                      <a:pt x="457" y="170"/>
                    </a:lnTo>
                    <a:lnTo>
                      <a:pt x="459" y="173"/>
                    </a:lnTo>
                    <a:lnTo>
                      <a:pt x="458" y="178"/>
                    </a:lnTo>
                    <a:lnTo>
                      <a:pt x="462" y="177"/>
                    </a:lnTo>
                    <a:lnTo>
                      <a:pt x="464" y="182"/>
                    </a:lnTo>
                    <a:lnTo>
                      <a:pt x="466" y="182"/>
                    </a:lnTo>
                    <a:lnTo>
                      <a:pt x="469" y="189"/>
                    </a:lnTo>
                    <a:lnTo>
                      <a:pt x="461" y="191"/>
                    </a:lnTo>
                    <a:lnTo>
                      <a:pt x="465" y="198"/>
                    </a:lnTo>
                    <a:lnTo>
                      <a:pt x="470" y="202"/>
                    </a:lnTo>
                    <a:lnTo>
                      <a:pt x="470" y="197"/>
                    </a:lnTo>
                    <a:lnTo>
                      <a:pt x="478" y="196"/>
                    </a:lnTo>
                    <a:lnTo>
                      <a:pt x="475" y="192"/>
                    </a:lnTo>
                    <a:lnTo>
                      <a:pt x="478" y="189"/>
                    </a:lnTo>
                    <a:lnTo>
                      <a:pt x="475" y="189"/>
                    </a:lnTo>
                    <a:lnTo>
                      <a:pt x="470" y="179"/>
                    </a:lnTo>
                    <a:lnTo>
                      <a:pt x="471" y="173"/>
                    </a:lnTo>
                    <a:lnTo>
                      <a:pt x="470" y="170"/>
                    </a:lnTo>
                    <a:lnTo>
                      <a:pt x="466" y="166"/>
                    </a:lnTo>
                    <a:lnTo>
                      <a:pt x="471" y="159"/>
                    </a:lnTo>
                    <a:lnTo>
                      <a:pt x="470" y="158"/>
                    </a:lnTo>
                    <a:lnTo>
                      <a:pt x="471" y="155"/>
                    </a:lnTo>
                    <a:lnTo>
                      <a:pt x="489" y="148"/>
                    </a:lnTo>
                    <a:lnTo>
                      <a:pt x="489" y="144"/>
                    </a:lnTo>
                    <a:lnTo>
                      <a:pt x="491" y="146"/>
                    </a:lnTo>
                    <a:lnTo>
                      <a:pt x="494" y="140"/>
                    </a:lnTo>
                    <a:lnTo>
                      <a:pt x="493" y="138"/>
                    </a:lnTo>
                    <a:lnTo>
                      <a:pt x="497" y="136"/>
                    </a:lnTo>
                    <a:lnTo>
                      <a:pt x="495" y="136"/>
                    </a:lnTo>
                    <a:lnTo>
                      <a:pt x="497" y="131"/>
                    </a:lnTo>
                    <a:lnTo>
                      <a:pt x="486" y="134"/>
                    </a:lnTo>
                    <a:lnTo>
                      <a:pt x="488" y="137"/>
                    </a:lnTo>
                    <a:lnTo>
                      <a:pt x="484" y="138"/>
                    </a:lnTo>
                    <a:lnTo>
                      <a:pt x="486" y="142"/>
                    </a:lnTo>
                    <a:lnTo>
                      <a:pt x="486" y="146"/>
                    </a:lnTo>
                    <a:lnTo>
                      <a:pt x="484" y="142"/>
                    </a:lnTo>
                    <a:lnTo>
                      <a:pt x="478" y="146"/>
                    </a:lnTo>
                    <a:lnTo>
                      <a:pt x="473" y="143"/>
                    </a:lnTo>
                    <a:lnTo>
                      <a:pt x="468" y="145"/>
                    </a:lnTo>
                    <a:lnTo>
                      <a:pt x="471" y="149"/>
                    </a:lnTo>
                    <a:lnTo>
                      <a:pt x="467" y="151"/>
                    </a:lnTo>
                    <a:lnTo>
                      <a:pt x="460" y="150"/>
                    </a:lnTo>
                    <a:lnTo>
                      <a:pt x="458" y="148"/>
                    </a:lnTo>
                    <a:lnTo>
                      <a:pt x="456" y="147"/>
                    </a:lnTo>
                    <a:lnTo>
                      <a:pt x="455" y="143"/>
                    </a:lnTo>
                    <a:lnTo>
                      <a:pt x="463" y="132"/>
                    </a:lnTo>
                    <a:lnTo>
                      <a:pt x="470" y="131"/>
                    </a:lnTo>
                    <a:lnTo>
                      <a:pt x="492" y="119"/>
                    </a:lnTo>
                    <a:lnTo>
                      <a:pt x="502" y="128"/>
                    </a:lnTo>
                    <a:lnTo>
                      <a:pt x="500" y="130"/>
                    </a:lnTo>
                    <a:lnTo>
                      <a:pt x="504" y="138"/>
                    </a:lnTo>
                    <a:lnTo>
                      <a:pt x="501" y="139"/>
                    </a:lnTo>
                    <a:lnTo>
                      <a:pt x="514" y="148"/>
                    </a:lnTo>
                    <a:lnTo>
                      <a:pt x="514" y="153"/>
                    </a:lnTo>
                    <a:lnTo>
                      <a:pt x="524" y="155"/>
                    </a:lnTo>
                    <a:lnTo>
                      <a:pt x="526" y="156"/>
                    </a:lnTo>
                    <a:lnTo>
                      <a:pt x="526" y="154"/>
                    </a:lnTo>
                    <a:lnTo>
                      <a:pt x="529" y="153"/>
                    </a:lnTo>
                    <a:lnTo>
                      <a:pt x="529" y="150"/>
                    </a:lnTo>
                    <a:lnTo>
                      <a:pt x="534" y="152"/>
                    </a:lnTo>
                    <a:lnTo>
                      <a:pt x="534" y="156"/>
                    </a:lnTo>
                    <a:lnTo>
                      <a:pt x="542" y="166"/>
                    </a:lnTo>
                    <a:lnTo>
                      <a:pt x="547" y="169"/>
                    </a:lnTo>
                    <a:lnTo>
                      <a:pt x="552" y="166"/>
                    </a:lnTo>
                    <a:lnTo>
                      <a:pt x="558" y="168"/>
                    </a:lnTo>
                    <a:lnTo>
                      <a:pt x="563" y="166"/>
                    </a:lnTo>
                    <a:lnTo>
                      <a:pt x="569" y="167"/>
                    </a:lnTo>
                    <a:lnTo>
                      <a:pt x="575" y="162"/>
                    </a:lnTo>
                    <a:lnTo>
                      <a:pt x="587" y="163"/>
                    </a:lnTo>
                    <a:lnTo>
                      <a:pt x="594" y="167"/>
                    </a:lnTo>
                    <a:lnTo>
                      <a:pt x="603" y="166"/>
                    </a:lnTo>
                    <a:lnTo>
                      <a:pt x="599" y="156"/>
                    </a:lnTo>
                    <a:lnTo>
                      <a:pt x="601" y="155"/>
                    </a:lnTo>
                    <a:lnTo>
                      <a:pt x="607" y="166"/>
                    </a:lnTo>
                    <a:lnTo>
                      <a:pt x="618" y="171"/>
                    </a:lnTo>
                    <a:lnTo>
                      <a:pt x="621" y="168"/>
                    </a:lnTo>
                    <a:lnTo>
                      <a:pt x="620" y="159"/>
                    </a:lnTo>
                    <a:lnTo>
                      <a:pt x="617" y="161"/>
                    </a:lnTo>
                    <a:lnTo>
                      <a:pt x="616" y="158"/>
                    </a:lnTo>
                    <a:lnTo>
                      <a:pt x="610" y="158"/>
                    </a:lnTo>
                    <a:lnTo>
                      <a:pt x="609" y="161"/>
                    </a:lnTo>
                    <a:lnTo>
                      <a:pt x="610" y="164"/>
                    </a:lnTo>
                    <a:lnTo>
                      <a:pt x="608" y="163"/>
                    </a:lnTo>
                    <a:lnTo>
                      <a:pt x="602" y="153"/>
                    </a:lnTo>
                    <a:lnTo>
                      <a:pt x="605" y="154"/>
                    </a:lnTo>
                    <a:lnTo>
                      <a:pt x="605" y="150"/>
                    </a:lnTo>
                    <a:lnTo>
                      <a:pt x="599" y="142"/>
                    </a:lnTo>
                    <a:lnTo>
                      <a:pt x="602" y="145"/>
                    </a:lnTo>
                    <a:lnTo>
                      <a:pt x="604" y="142"/>
                    </a:lnTo>
                    <a:lnTo>
                      <a:pt x="613" y="143"/>
                    </a:lnTo>
                    <a:lnTo>
                      <a:pt x="608" y="137"/>
                    </a:lnTo>
                    <a:lnTo>
                      <a:pt x="610" y="136"/>
                    </a:lnTo>
                    <a:lnTo>
                      <a:pt x="617" y="142"/>
                    </a:lnTo>
                    <a:lnTo>
                      <a:pt x="616" y="138"/>
                    </a:lnTo>
                    <a:lnTo>
                      <a:pt x="619" y="139"/>
                    </a:lnTo>
                    <a:lnTo>
                      <a:pt x="625" y="144"/>
                    </a:lnTo>
                    <a:lnTo>
                      <a:pt x="623" y="146"/>
                    </a:lnTo>
                    <a:lnTo>
                      <a:pt x="629" y="145"/>
                    </a:lnTo>
                    <a:lnTo>
                      <a:pt x="627" y="155"/>
                    </a:lnTo>
                    <a:lnTo>
                      <a:pt x="627" y="156"/>
                    </a:lnTo>
                    <a:lnTo>
                      <a:pt x="631" y="157"/>
                    </a:lnTo>
                    <a:lnTo>
                      <a:pt x="631" y="151"/>
                    </a:lnTo>
                    <a:lnTo>
                      <a:pt x="637" y="148"/>
                    </a:lnTo>
                    <a:lnTo>
                      <a:pt x="636" y="158"/>
                    </a:lnTo>
                    <a:lnTo>
                      <a:pt x="635" y="166"/>
                    </a:lnTo>
                    <a:lnTo>
                      <a:pt x="636" y="170"/>
                    </a:lnTo>
                    <a:lnTo>
                      <a:pt x="632" y="173"/>
                    </a:lnTo>
                    <a:lnTo>
                      <a:pt x="633" y="177"/>
                    </a:lnTo>
                    <a:lnTo>
                      <a:pt x="636" y="177"/>
                    </a:lnTo>
                    <a:lnTo>
                      <a:pt x="636" y="184"/>
                    </a:lnTo>
                    <a:lnTo>
                      <a:pt x="644" y="179"/>
                    </a:lnTo>
                    <a:lnTo>
                      <a:pt x="643" y="183"/>
                    </a:lnTo>
                    <a:lnTo>
                      <a:pt x="646" y="186"/>
                    </a:lnTo>
                    <a:lnTo>
                      <a:pt x="647" y="182"/>
                    </a:lnTo>
                    <a:lnTo>
                      <a:pt x="647" y="173"/>
                    </a:lnTo>
                    <a:lnTo>
                      <a:pt x="642" y="167"/>
                    </a:lnTo>
                    <a:lnTo>
                      <a:pt x="644" y="158"/>
                    </a:lnTo>
                    <a:lnTo>
                      <a:pt x="643" y="154"/>
                    </a:lnTo>
                    <a:lnTo>
                      <a:pt x="655" y="155"/>
                    </a:lnTo>
                    <a:lnTo>
                      <a:pt x="661" y="148"/>
                    </a:lnTo>
                    <a:lnTo>
                      <a:pt x="663" y="142"/>
                    </a:lnTo>
                    <a:lnTo>
                      <a:pt x="672" y="134"/>
                    </a:lnTo>
                    <a:lnTo>
                      <a:pt x="669" y="133"/>
                    </a:lnTo>
                    <a:lnTo>
                      <a:pt x="668" y="120"/>
                    </a:lnTo>
                    <a:lnTo>
                      <a:pt x="665" y="119"/>
                    </a:lnTo>
                    <a:lnTo>
                      <a:pt x="664" y="125"/>
                    </a:lnTo>
                    <a:lnTo>
                      <a:pt x="666" y="122"/>
                    </a:lnTo>
                    <a:lnTo>
                      <a:pt x="663" y="128"/>
                    </a:lnTo>
                    <a:lnTo>
                      <a:pt x="655" y="129"/>
                    </a:lnTo>
                    <a:lnTo>
                      <a:pt x="657" y="121"/>
                    </a:lnTo>
                    <a:lnTo>
                      <a:pt x="660" y="121"/>
                    </a:lnTo>
                    <a:lnTo>
                      <a:pt x="661" y="116"/>
                    </a:lnTo>
                    <a:lnTo>
                      <a:pt x="660" y="113"/>
                    </a:lnTo>
                    <a:lnTo>
                      <a:pt x="662" y="105"/>
                    </a:lnTo>
                    <a:lnTo>
                      <a:pt x="668" y="102"/>
                    </a:lnTo>
                    <a:lnTo>
                      <a:pt x="666" y="110"/>
                    </a:lnTo>
                    <a:lnTo>
                      <a:pt x="669" y="108"/>
                    </a:lnTo>
                    <a:lnTo>
                      <a:pt x="671" y="104"/>
                    </a:lnTo>
                    <a:lnTo>
                      <a:pt x="669" y="99"/>
                    </a:lnTo>
                    <a:lnTo>
                      <a:pt x="660" y="101"/>
                    </a:lnTo>
                    <a:lnTo>
                      <a:pt x="654" y="93"/>
                    </a:lnTo>
                    <a:lnTo>
                      <a:pt x="654" y="97"/>
                    </a:lnTo>
                    <a:lnTo>
                      <a:pt x="647" y="92"/>
                    </a:lnTo>
                    <a:lnTo>
                      <a:pt x="647" y="89"/>
                    </a:lnTo>
                    <a:lnTo>
                      <a:pt x="636" y="87"/>
                    </a:lnTo>
                    <a:lnTo>
                      <a:pt x="635" y="85"/>
                    </a:lnTo>
                    <a:lnTo>
                      <a:pt x="636" y="83"/>
                    </a:lnTo>
                    <a:lnTo>
                      <a:pt x="629" y="76"/>
                    </a:lnTo>
                    <a:lnTo>
                      <a:pt x="628" y="62"/>
                    </a:lnTo>
                    <a:lnTo>
                      <a:pt x="634" y="55"/>
                    </a:lnTo>
                    <a:lnTo>
                      <a:pt x="635" y="56"/>
                    </a:lnTo>
                    <a:lnTo>
                      <a:pt x="636" y="51"/>
                    </a:lnTo>
                    <a:lnTo>
                      <a:pt x="635" y="53"/>
                    </a:lnTo>
                    <a:lnTo>
                      <a:pt x="631" y="44"/>
                    </a:lnTo>
                    <a:lnTo>
                      <a:pt x="633" y="34"/>
                    </a:lnTo>
                    <a:lnTo>
                      <a:pt x="633" y="25"/>
                    </a:lnTo>
                    <a:lnTo>
                      <a:pt x="637" y="20"/>
                    </a:lnTo>
                    <a:lnTo>
                      <a:pt x="643" y="26"/>
                    </a:lnTo>
                    <a:lnTo>
                      <a:pt x="644" y="16"/>
                    </a:lnTo>
                    <a:lnTo>
                      <a:pt x="640" y="11"/>
                    </a:lnTo>
                    <a:lnTo>
                      <a:pt x="646" y="0"/>
                    </a:lnTo>
                    <a:lnTo>
                      <a:pt x="657" y="0"/>
                    </a:lnTo>
                    <a:lnTo>
                      <a:pt x="657" y="2"/>
                    </a:lnTo>
                    <a:lnTo>
                      <a:pt x="659" y="2"/>
                    </a:lnTo>
                    <a:lnTo>
                      <a:pt x="660" y="7"/>
                    </a:lnTo>
                    <a:lnTo>
                      <a:pt x="663" y="2"/>
                    </a:lnTo>
                    <a:lnTo>
                      <a:pt x="665" y="5"/>
                    </a:lnTo>
                    <a:lnTo>
                      <a:pt x="669" y="4"/>
                    </a:lnTo>
                    <a:lnTo>
                      <a:pt x="668" y="10"/>
                    </a:lnTo>
                    <a:lnTo>
                      <a:pt x="669" y="13"/>
                    </a:lnTo>
                    <a:lnTo>
                      <a:pt x="679" y="23"/>
                    </a:lnTo>
                    <a:lnTo>
                      <a:pt x="680" y="32"/>
                    </a:lnTo>
                    <a:lnTo>
                      <a:pt x="680" y="45"/>
                    </a:lnTo>
                    <a:lnTo>
                      <a:pt x="683" y="46"/>
                    </a:lnTo>
                    <a:lnTo>
                      <a:pt x="684" y="51"/>
                    </a:lnTo>
                    <a:lnTo>
                      <a:pt x="689" y="53"/>
                    </a:lnTo>
                    <a:lnTo>
                      <a:pt x="693" y="67"/>
                    </a:lnTo>
                    <a:lnTo>
                      <a:pt x="695" y="65"/>
                    </a:lnTo>
                    <a:lnTo>
                      <a:pt x="700" y="74"/>
                    </a:lnTo>
                    <a:lnTo>
                      <a:pt x="688" y="72"/>
                    </a:lnTo>
                    <a:lnTo>
                      <a:pt x="687" y="76"/>
                    </a:lnTo>
                    <a:lnTo>
                      <a:pt x="694" y="80"/>
                    </a:lnTo>
                    <a:lnTo>
                      <a:pt x="685" y="86"/>
                    </a:lnTo>
                    <a:lnTo>
                      <a:pt x="684" y="89"/>
                    </a:lnTo>
                    <a:lnTo>
                      <a:pt x="684" y="92"/>
                    </a:lnTo>
                    <a:lnTo>
                      <a:pt x="689" y="92"/>
                    </a:lnTo>
                    <a:lnTo>
                      <a:pt x="695" y="100"/>
                    </a:lnTo>
                    <a:lnTo>
                      <a:pt x="703" y="94"/>
                    </a:lnTo>
                    <a:lnTo>
                      <a:pt x="702" y="99"/>
                    </a:lnTo>
                    <a:lnTo>
                      <a:pt x="709" y="101"/>
                    </a:lnTo>
                    <a:lnTo>
                      <a:pt x="710" y="99"/>
                    </a:lnTo>
                    <a:lnTo>
                      <a:pt x="710" y="102"/>
                    </a:lnTo>
                    <a:lnTo>
                      <a:pt x="708" y="107"/>
                    </a:lnTo>
                    <a:lnTo>
                      <a:pt x="702" y="105"/>
                    </a:lnTo>
                    <a:lnTo>
                      <a:pt x="711" y="115"/>
                    </a:lnTo>
                    <a:lnTo>
                      <a:pt x="716" y="127"/>
                    </a:lnTo>
                    <a:lnTo>
                      <a:pt x="713" y="138"/>
                    </a:lnTo>
                    <a:lnTo>
                      <a:pt x="717" y="146"/>
                    </a:lnTo>
                    <a:lnTo>
                      <a:pt x="720" y="144"/>
                    </a:lnTo>
                    <a:lnTo>
                      <a:pt x="722" y="138"/>
                    </a:lnTo>
                    <a:lnTo>
                      <a:pt x="723" y="131"/>
                    </a:lnTo>
                    <a:lnTo>
                      <a:pt x="724" y="131"/>
                    </a:lnTo>
                    <a:lnTo>
                      <a:pt x="724" y="118"/>
                    </a:lnTo>
                    <a:lnTo>
                      <a:pt x="729" y="109"/>
                    </a:lnTo>
                    <a:lnTo>
                      <a:pt x="736" y="108"/>
                    </a:lnTo>
                    <a:lnTo>
                      <a:pt x="740" y="118"/>
                    </a:lnTo>
                    <a:lnTo>
                      <a:pt x="748" y="124"/>
                    </a:lnTo>
                    <a:lnTo>
                      <a:pt x="752" y="146"/>
                    </a:lnTo>
                    <a:lnTo>
                      <a:pt x="748" y="148"/>
                    </a:lnTo>
                    <a:lnTo>
                      <a:pt x="747" y="142"/>
                    </a:lnTo>
                    <a:lnTo>
                      <a:pt x="744" y="148"/>
                    </a:lnTo>
                    <a:lnTo>
                      <a:pt x="745" y="153"/>
                    </a:lnTo>
                    <a:lnTo>
                      <a:pt x="744" y="159"/>
                    </a:lnTo>
                    <a:lnTo>
                      <a:pt x="759" y="186"/>
                    </a:lnTo>
                    <a:lnTo>
                      <a:pt x="763" y="185"/>
                    </a:lnTo>
                    <a:lnTo>
                      <a:pt x="764" y="180"/>
                    </a:lnTo>
                    <a:lnTo>
                      <a:pt x="770" y="180"/>
                    </a:lnTo>
                    <a:lnTo>
                      <a:pt x="771" y="167"/>
                    </a:lnTo>
                    <a:lnTo>
                      <a:pt x="777" y="159"/>
                    </a:lnTo>
                    <a:lnTo>
                      <a:pt x="781" y="145"/>
                    </a:lnTo>
                    <a:lnTo>
                      <a:pt x="782" y="133"/>
                    </a:lnTo>
                    <a:lnTo>
                      <a:pt x="787" y="128"/>
                    </a:lnTo>
                    <a:lnTo>
                      <a:pt x="797" y="128"/>
                    </a:lnTo>
                    <a:lnTo>
                      <a:pt x="791" y="125"/>
                    </a:lnTo>
                    <a:lnTo>
                      <a:pt x="793" y="120"/>
                    </a:lnTo>
                    <a:lnTo>
                      <a:pt x="797" y="120"/>
                    </a:lnTo>
                    <a:lnTo>
                      <a:pt x="797" y="118"/>
                    </a:lnTo>
                    <a:lnTo>
                      <a:pt x="790" y="114"/>
                    </a:lnTo>
                    <a:lnTo>
                      <a:pt x="786" y="108"/>
                    </a:lnTo>
                    <a:lnTo>
                      <a:pt x="787" y="104"/>
                    </a:lnTo>
                    <a:lnTo>
                      <a:pt x="785" y="93"/>
                    </a:lnTo>
                    <a:lnTo>
                      <a:pt x="786" y="87"/>
                    </a:lnTo>
                    <a:lnTo>
                      <a:pt x="799" y="86"/>
                    </a:lnTo>
                    <a:lnTo>
                      <a:pt x="813" y="93"/>
                    </a:lnTo>
                    <a:lnTo>
                      <a:pt x="826" y="91"/>
                    </a:lnTo>
                    <a:lnTo>
                      <a:pt x="828" y="100"/>
                    </a:lnTo>
                    <a:lnTo>
                      <a:pt x="825" y="101"/>
                    </a:lnTo>
                    <a:lnTo>
                      <a:pt x="830" y="105"/>
                    </a:lnTo>
                    <a:lnTo>
                      <a:pt x="832" y="109"/>
                    </a:lnTo>
                    <a:lnTo>
                      <a:pt x="831" y="110"/>
                    </a:lnTo>
                    <a:lnTo>
                      <a:pt x="839" y="110"/>
                    </a:lnTo>
                    <a:lnTo>
                      <a:pt x="844" y="115"/>
                    </a:lnTo>
                    <a:lnTo>
                      <a:pt x="836" y="125"/>
                    </a:lnTo>
                    <a:lnTo>
                      <a:pt x="844" y="127"/>
                    </a:lnTo>
                    <a:lnTo>
                      <a:pt x="846" y="133"/>
                    </a:lnTo>
                    <a:lnTo>
                      <a:pt x="837" y="143"/>
                    </a:lnTo>
                    <a:lnTo>
                      <a:pt x="834" y="137"/>
                    </a:lnTo>
                    <a:lnTo>
                      <a:pt x="828" y="138"/>
                    </a:lnTo>
                    <a:lnTo>
                      <a:pt x="828" y="140"/>
                    </a:lnTo>
                    <a:lnTo>
                      <a:pt x="831" y="146"/>
                    </a:lnTo>
                    <a:lnTo>
                      <a:pt x="830" y="148"/>
                    </a:lnTo>
                    <a:lnTo>
                      <a:pt x="832" y="148"/>
                    </a:lnTo>
                    <a:lnTo>
                      <a:pt x="831" y="152"/>
                    </a:lnTo>
                    <a:lnTo>
                      <a:pt x="836" y="150"/>
                    </a:lnTo>
                    <a:lnTo>
                      <a:pt x="834" y="162"/>
                    </a:lnTo>
                    <a:lnTo>
                      <a:pt x="845" y="177"/>
                    </a:lnTo>
                    <a:lnTo>
                      <a:pt x="844" y="181"/>
                    </a:lnTo>
                    <a:lnTo>
                      <a:pt x="845" y="187"/>
                    </a:lnTo>
                    <a:lnTo>
                      <a:pt x="843" y="191"/>
                    </a:lnTo>
                    <a:lnTo>
                      <a:pt x="838" y="194"/>
                    </a:lnTo>
                    <a:lnTo>
                      <a:pt x="826" y="209"/>
                    </a:lnTo>
                    <a:lnTo>
                      <a:pt x="822" y="211"/>
                    </a:lnTo>
                    <a:lnTo>
                      <a:pt x="818" y="216"/>
                    </a:lnTo>
                    <a:lnTo>
                      <a:pt x="807" y="205"/>
                    </a:lnTo>
                    <a:lnTo>
                      <a:pt x="805" y="207"/>
                    </a:lnTo>
                    <a:lnTo>
                      <a:pt x="805" y="210"/>
                    </a:lnTo>
                    <a:lnTo>
                      <a:pt x="808" y="214"/>
                    </a:lnTo>
                    <a:lnTo>
                      <a:pt x="810" y="224"/>
                    </a:lnTo>
                    <a:lnTo>
                      <a:pt x="801" y="216"/>
                    </a:lnTo>
                    <a:lnTo>
                      <a:pt x="800" y="216"/>
                    </a:lnTo>
                    <a:lnTo>
                      <a:pt x="800" y="223"/>
                    </a:lnTo>
                    <a:lnTo>
                      <a:pt x="791" y="220"/>
                    </a:lnTo>
                    <a:lnTo>
                      <a:pt x="788" y="210"/>
                    </a:lnTo>
                    <a:lnTo>
                      <a:pt x="781" y="213"/>
                    </a:lnTo>
                    <a:lnTo>
                      <a:pt x="772" y="210"/>
                    </a:lnTo>
                    <a:lnTo>
                      <a:pt x="768" y="214"/>
                    </a:lnTo>
                    <a:lnTo>
                      <a:pt x="770" y="217"/>
                    </a:lnTo>
                    <a:lnTo>
                      <a:pt x="778" y="220"/>
                    </a:lnTo>
                    <a:lnTo>
                      <a:pt x="778" y="223"/>
                    </a:lnTo>
                    <a:lnTo>
                      <a:pt x="778" y="227"/>
                    </a:lnTo>
                    <a:lnTo>
                      <a:pt x="763" y="251"/>
                    </a:lnTo>
                    <a:lnTo>
                      <a:pt x="751" y="252"/>
                    </a:lnTo>
                    <a:lnTo>
                      <a:pt x="740" y="240"/>
                    </a:lnTo>
                    <a:lnTo>
                      <a:pt x="729" y="234"/>
                    </a:lnTo>
                    <a:lnTo>
                      <a:pt x="721" y="233"/>
                    </a:lnTo>
                    <a:lnTo>
                      <a:pt x="720" y="236"/>
                    </a:lnTo>
                    <a:lnTo>
                      <a:pt x="724" y="239"/>
                    </a:lnTo>
                    <a:lnTo>
                      <a:pt x="736" y="252"/>
                    </a:lnTo>
                    <a:lnTo>
                      <a:pt x="766" y="257"/>
                    </a:lnTo>
                    <a:lnTo>
                      <a:pt x="764" y="265"/>
                    </a:lnTo>
                    <a:lnTo>
                      <a:pt x="756" y="278"/>
                    </a:lnTo>
                    <a:lnTo>
                      <a:pt x="753" y="280"/>
                    </a:lnTo>
                    <a:lnTo>
                      <a:pt x="753" y="284"/>
                    </a:lnTo>
                    <a:lnTo>
                      <a:pt x="749" y="291"/>
                    </a:lnTo>
                    <a:lnTo>
                      <a:pt x="741" y="297"/>
                    </a:lnTo>
                    <a:lnTo>
                      <a:pt x="736" y="295"/>
                    </a:lnTo>
                    <a:lnTo>
                      <a:pt x="735" y="297"/>
                    </a:lnTo>
                    <a:lnTo>
                      <a:pt x="724" y="292"/>
                    </a:lnTo>
                    <a:lnTo>
                      <a:pt x="724" y="299"/>
                    </a:lnTo>
                    <a:lnTo>
                      <a:pt x="721" y="297"/>
                    </a:lnTo>
                    <a:lnTo>
                      <a:pt x="721" y="300"/>
                    </a:lnTo>
                    <a:lnTo>
                      <a:pt x="723" y="303"/>
                    </a:lnTo>
                    <a:lnTo>
                      <a:pt x="721" y="307"/>
                    </a:lnTo>
                    <a:lnTo>
                      <a:pt x="713" y="313"/>
                    </a:lnTo>
                    <a:lnTo>
                      <a:pt x="701" y="305"/>
                    </a:lnTo>
                    <a:lnTo>
                      <a:pt x="701" y="302"/>
                    </a:lnTo>
                    <a:lnTo>
                      <a:pt x="691" y="305"/>
                    </a:lnTo>
                    <a:lnTo>
                      <a:pt x="673" y="296"/>
                    </a:lnTo>
                    <a:lnTo>
                      <a:pt x="671" y="299"/>
                    </a:lnTo>
                    <a:lnTo>
                      <a:pt x="674" y="302"/>
                    </a:lnTo>
                    <a:lnTo>
                      <a:pt x="676" y="301"/>
                    </a:lnTo>
                    <a:lnTo>
                      <a:pt x="675" y="298"/>
                    </a:lnTo>
                    <a:lnTo>
                      <a:pt x="685" y="303"/>
                    </a:lnTo>
                    <a:lnTo>
                      <a:pt x="685" y="306"/>
                    </a:lnTo>
                    <a:lnTo>
                      <a:pt x="687" y="304"/>
                    </a:lnTo>
                    <a:lnTo>
                      <a:pt x="693" y="305"/>
                    </a:lnTo>
                    <a:lnTo>
                      <a:pt x="690" y="310"/>
                    </a:lnTo>
                    <a:lnTo>
                      <a:pt x="697" y="306"/>
                    </a:lnTo>
                    <a:lnTo>
                      <a:pt x="707" y="314"/>
                    </a:lnTo>
                    <a:lnTo>
                      <a:pt x="710" y="313"/>
                    </a:lnTo>
                    <a:lnTo>
                      <a:pt x="712" y="320"/>
                    </a:lnTo>
                    <a:lnTo>
                      <a:pt x="713" y="328"/>
                    </a:lnTo>
                    <a:lnTo>
                      <a:pt x="712" y="332"/>
                    </a:lnTo>
                    <a:lnTo>
                      <a:pt x="702" y="335"/>
                    </a:lnTo>
                    <a:lnTo>
                      <a:pt x="688" y="334"/>
                    </a:lnTo>
                    <a:lnTo>
                      <a:pt x="687" y="336"/>
                    </a:lnTo>
                    <a:lnTo>
                      <a:pt x="689" y="340"/>
                    </a:lnTo>
                    <a:lnTo>
                      <a:pt x="694" y="342"/>
                    </a:lnTo>
                    <a:lnTo>
                      <a:pt x="685" y="342"/>
                    </a:lnTo>
                    <a:lnTo>
                      <a:pt x="684" y="350"/>
                    </a:lnTo>
                    <a:lnTo>
                      <a:pt x="685" y="358"/>
                    </a:lnTo>
                    <a:lnTo>
                      <a:pt x="681" y="352"/>
                    </a:lnTo>
                    <a:lnTo>
                      <a:pt x="679" y="354"/>
                    </a:lnTo>
                    <a:lnTo>
                      <a:pt x="676" y="362"/>
                    </a:lnTo>
                    <a:lnTo>
                      <a:pt x="672" y="362"/>
                    </a:lnTo>
                    <a:lnTo>
                      <a:pt x="674" y="365"/>
                    </a:lnTo>
                    <a:lnTo>
                      <a:pt x="672" y="370"/>
                    </a:lnTo>
                    <a:lnTo>
                      <a:pt x="665" y="376"/>
                    </a:lnTo>
                    <a:lnTo>
                      <a:pt x="657" y="378"/>
                    </a:lnTo>
                    <a:lnTo>
                      <a:pt x="663" y="384"/>
                    </a:lnTo>
                    <a:lnTo>
                      <a:pt x="661" y="392"/>
                    </a:lnTo>
                    <a:lnTo>
                      <a:pt x="658" y="393"/>
                    </a:lnTo>
                    <a:lnTo>
                      <a:pt x="658" y="402"/>
                    </a:lnTo>
                    <a:lnTo>
                      <a:pt x="655" y="404"/>
                    </a:lnTo>
                    <a:lnTo>
                      <a:pt x="655" y="417"/>
                    </a:lnTo>
                    <a:lnTo>
                      <a:pt x="654" y="439"/>
                    </a:lnTo>
                    <a:lnTo>
                      <a:pt x="652" y="444"/>
                    </a:lnTo>
                    <a:lnTo>
                      <a:pt x="654" y="445"/>
                    </a:lnTo>
                    <a:lnTo>
                      <a:pt x="658" y="452"/>
                    </a:lnTo>
                    <a:lnTo>
                      <a:pt x="660" y="451"/>
                    </a:lnTo>
                    <a:lnTo>
                      <a:pt x="661" y="458"/>
                    </a:lnTo>
                    <a:lnTo>
                      <a:pt x="663" y="451"/>
                    </a:lnTo>
                    <a:lnTo>
                      <a:pt x="677" y="453"/>
                    </a:lnTo>
                    <a:lnTo>
                      <a:pt x="678" y="461"/>
                    </a:lnTo>
                    <a:lnTo>
                      <a:pt x="683" y="472"/>
                    </a:lnTo>
                    <a:lnTo>
                      <a:pt x="684" y="482"/>
                    </a:lnTo>
                    <a:lnTo>
                      <a:pt x="687" y="487"/>
                    </a:lnTo>
                    <a:lnTo>
                      <a:pt x="687" y="495"/>
                    </a:lnTo>
                    <a:lnTo>
                      <a:pt x="683" y="502"/>
                    </a:lnTo>
                    <a:lnTo>
                      <a:pt x="688" y="498"/>
                    </a:lnTo>
                    <a:lnTo>
                      <a:pt x="689" y="500"/>
                    </a:lnTo>
                    <a:lnTo>
                      <a:pt x="705" y="492"/>
                    </a:lnTo>
                    <a:lnTo>
                      <a:pt x="711" y="493"/>
                    </a:lnTo>
                    <a:lnTo>
                      <a:pt x="717" y="498"/>
                    </a:lnTo>
                    <a:lnTo>
                      <a:pt x="728" y="504"/>
                    </a:lnTo>
                    <a:lnTo>
                      <a:pt x="734" y="505"/>
                    </a:lnTo>
                    <a:lnTo>
                      <a:pt x="748" y="513"/>
                    </a:lnTo>
                    <a:lnTo>
                      <a:pt x="755" y="525"/>
                    </a:lnTo>
                    <a:lnTo>
                      <a:pt x="756" y="525"/>
                    </a:lnTo>
                    <a:lnTo>
                      <a:pt x="766" y="527"/>
                    </a:lnTo>
                    <a:lnTo>
                      <a:pt x="779" y="532"/>
                    </a:lnTo>
                    <a:lnTo>
                      <a:pt x="788" y="540"/>
                    </a:lnTo>
                    <a:lnTo>
                      <a:pt x="783" y="553"/>
                    </a:lnTo>
                    <a:lnTo>
                      <a:pt x="789" y="542"/>
                    </a:lnTo>
                    <a:lnTo>
                      <a:pt x="819" y="542"/>
                    </a:lnTo>
                    <a:lnTo>
                      <a:pt x="828" y="547"/>
                    </a:lnTo>
                    <a:lnTo>
                      <a:pt x="830" y="546"/>
                    </a:lnTo>
                    <a:lnTo>
                      <a:pt x="831" y="552"/>
                    </a:lnTo>
                    <a:lnTo>
                      <a:pt x="830" y="571"/>
                    </a:lnTo>
                    <a:lnTo>
                      <a:pt x="832" y="576"/>
                    </a:lnTo>
                    <a:lnTo>
                      <a:pt x="832" y="591"/>
                    </a:lnTo>
                    <a:lnTo>
                      <a:pt x="831" y="593"/>
                    </a:lnTo>
                    <a:lnTo>
                      <a:pt x="831" y="598"/>
                    </a:lnTo>
                    <a:lnTo>
                      <a:pt x="843" y="614"/>
                    </a:lnTo>
                    <a:lnTo>
                      <a:pt x="833" y="619"/>
                    </a:lnTo>
                    <a:lnTo>
                      <a:pt x="844" y="617"/>
                    </a:lnTo>
                    <a:lnTo>
                      <a:pt x="854" y="626"/>
                    </a:lnTo>
                    <a:lnTo>
                      <a:pt x="856" y="633"/>
                    </a:lnTo>
                    <a:lnTo>
                      <a:pt x="849" y="642"/>
                    </a:lnTo>
                    <a:lnTo>
                      <a:pt x="858" y="636"/>
                    </a:lnTo>
                    <a:lnTo>
                      <a:pt x="867" y="642"/>
                    </a:lnTo>
                    <a:lnTo>
                      <a:pt x="868" y="641"/>
                    </a:lnTo>
                    <a:lnTo>
                      <a:pt x="867" y="634"/>
                    </a:lnTo>
                    <a:lnTo>
                      <a:pt x="870" y="632"/>
                    </a:lnTo>
                    <a:lnTo>
                      <a:pt x="870" y="629"/>
                    </a:lnTo>
                    <a:lnTo>
                      <a:pt x="874" y="629"/>
                    </a:lnTo>
                    <a:lnTo>
                      <a:pt x="877" y="632"/>
                    </a:lnTo>
                    <a:lnTo>
                      <a:pt x="878" y="637"/>
                    </a:lnTo>
                    <a:lnTo>
                      <a:pt x="879" y="637"/>
                    </a:lnTo>
                    <a:lnTo>
                      <a:pt x="881" y="636"/>
                    </a:lnTo>
                    <a:lnTo>
                      <a:pt x="882" y="631"/>
                    </a:lnTo>
                    <a:lnTo>
                      <a:pt x="877" y="624"/>
                    </a:lnTo>
                    <a:lnTo>
                      <a:pt x="881" y="624"/>
                    </a:lnTo>
                    <a:lnTo>
                      <a:pt x="886" y="615"/>
                    </a:lnTo>
                    <a:lnTo>
                      <a:pt x="891" y="616"/>
                    </a:lnTo>
                    <a:lnTo>
                      <a:pt x="893" y="614"/>
                    </a:lnTo>
                    <a:lnTo>
                      <a:pt x="887" y="614"/>
                    </a:lnTo>
                    <a:lnTo>
                      <a:pt x="882" y="609"/>
                    </a:lnTo>
                    <a:lnTo>
                      <a:pt x="881" y="604"/>
                    </a:lnTo>
                    <a:lnTo>
                      <a:pt x="881" y="601"/>
                    </a:lnTo>
                    <a:lnTo>
                      <a:pt x="878" y="575"/>
                    </a:lnTo>
                    <a:lnTo>
                      <a:pt x="872" y="563"/>
                    </a:lnTo>
                    <a:lnTo>
                      <a:pt x="868" y="560"/>
                    </a:lnTo>
                    <a:lnTo>
                      <a:pt x="893" y="544"/>
                    </a:lnTo>
                    <a:lnTo>
                      <a:pt x="897" y="539"/>
                    </a:lnTo>
                    <a:lnTo>
                      <a:pt x="908" y="520"/>
                    </a:lnTo>
                    <a:lnTo>
                      <a:pt x="914" y="521"/>
                    </a:lnTo>
                    <a:lnTo>
                      <a:pt x="917" y="518"/>
                    </a:lnTo>
                    <a:lnTo>
                      <a:pt x="916" y="518"/>
                    </a:lnTo>
                    <a:lnTo>
                      <a:pt x="914" y="510"/>
                    </a:lnTo>
                    <a:lnTo>
                      <a:pt x="909" y="517"/>
                    </a:lnTo>
                    <a:lnTo>
                      <a:pt x="908" y="499"/>
                    </a:lnTo>
                    <a:lnTo>
                      <a:pt x="899" y="465"/>
                    </a:lnTo>
                    <a:lnTo>
                      <a:pt x="891" y="462"/>
                    </a:lnTo>
                    <a:lnTo>
                      <a:pt x="881" y="451"/>
                    </a:lnTo>
                    <a:lnTo>
                      <a:pt x="881" y="449"/>
                    </a:lnTo>
                    <a:lnTo>
                      <a:pt x="881" y="443"/>
                    </a:lnTo>
                    <a:lnTo>
                      <a:pt x="896" y="438"/>
                    </a:lnTo>
                    <a:lnTo>
                      <a:pt x="894" y="431"/>
                    </a:lnTo>
                    <a:lnTo>
                      <a:pt x="896" y="428"/>
                    </a:lnTo>
                    <a:lnTo>
                      <a:pt x="900" y="430"/>
                    </a:lnTo>
                    <a:lnTo>
                      <a:pt x="905" y="428"/>
                    </a:lnTo>
                    <a:lnTo>
                      <a:pt x="900" y="426"/>
                    </a:lnTo>
                    <a:lnTo>
                      <a:pt x="900" y="421"/>
                    </a:lnTo>
                    <a:lnTo>
                      <a:pt x="903" y="418"/>
                    </a:lnTo>
                    <a:lnTo>
                      <a:pt x="896" y="418"/>
                    </a:lnTo>
                    <a:lnTo>
                      <a:pt x="896" y="416"/>
                    </a:lnTo>
                    <a:lnTo>
                      <a:pt x="899" y="415"/>
                    </a:lnTo>
                    <a:lnTo>
                      <a:pt x="899" y="413"/>
                    </a:lnTo>
                    <a:lnTo>
                      <a:pt x="894" y="406"/>
                    </a:lnTo>
                    <a:lnTo>
                      <a:pt x="896" y="401"/>
                    </a:lnTo>
                    <a:lnTo>
                      <a:pt x="894" y="398"/>
                    </a:lnTo>
                    <a:lnTo>
                      <a:pt x="899" y="397"/>
                    </a:lnTo>
                    <a:lnTo>
                      <a:pt x="891" y="396"/>
                    </a:lnTo>
                    <a:lnTo>
                      <a:pt x="890" y="394"/>
                    </a:lnTo>
                    <a:lnTo>
                      <a:pt x="890" y="391"/>
                    </a:lnTo>
                    <a:lnTo>
                      <a:pt x="895" y="381"/>
                    </a:lnTo>
                    <a:lnTo>
                      <a:pt x="894" y="377"/>
                    </a:lnTo>
                    <a:lnTo>
                      <a:pt x="899" y="371"/>
                    </a:lnTo>
                    <a:lnTo>
                      <a:pt x="900" y="367"/>
                    </a:lnTo>
                    <a:lnTo>
                      <a:pt x="896" y="370"/>
                    </a:lnTo>
                    <a:lnTo>
                      <a:pt x="890" y="365"/>
                    </a:lnTo>
                    <a:lnTo>
                      <a:pt x="888" y="360"/>
                    </a:lnTo>
                    <a:lnTo>
                      <a:pt x="888" y="353"/>
                    </a:lnTo>
                    <a:lnTo>
                      <a:pt x="898" y="342"/>
                    </a:lnTo>
                    <a:lnTo>
                      <a:pt x="899" y="343"/>
                    </a:lnTo>
                    <a:lnTo>
                      <a:pt x="915" y="345"/>
                    </a:lnTo>
                    <a:lnTo>
                      <a:pt x="926" y="350"/>
                    </a:lnTo>
                    <a:lnTo>
                      <a:pt x="925" y="352"/>
                    </a:lnTo>
                    <a:lnTo>
                      <a:pt x="932" y="350"/>
                    </a:lnTo>
                    <a:lnTo>
                      <a:pt x="934" y="352"/>
                    </a:lnTo>
                    <a:lnTo>
                      <a:pt x="932" y="354"/>
                    </a:lnTo>
                    <a:lnTo>
                      <a:pt x="938" y="354"/>
                    </a:lnTo>
                    <a:lnTo>
                      <a:pt x="939" y="351"/>
                    </a:lnTo>
                    <a:lnTo>
                      <a:pt x="950" y="344"/>
                    </a:lnTo>
                    <a:lnTo>
                      <a:pt x="967" y="354"/>
                    </a:lnTo>
                    <a:lnTo>
                      <a:pt x="968" y="358"/>
                    </a:lnTo>
                    <a:lnTo>
                      <a:pt x="965" y="365"/>
                    </a:lnTo>
                    <a:lnTo>
                      <a:pt x="968" y="364"/>
                    </a:lnTo>
                    <a:lnTo>
                      <a:pt x="969" y="361"/>
                    </a:lnTo>
                    <a:lnTo>
                      <a:pt x="973" y="361"/>
                    </a:lnTo>
                    <a:lnTo>
                      <a:pt x="973" y="365"/>
                    </a:lnTo>
                    <a:lnTo>
                      <a:pt x="975" y="369"/>
                    </a:lnTo>
                    <a:lnTo>
                      <a:pt x="973" y="370"/>
                    </a:lnTo>
                    <a:lnTo>
                      <a:pt x="974" y="373"/>
                    </a:lnTo>
                    <a:lnTo>
                      <a:pt x="979" y="370"/>
                    </a:lnTo>
                    <a:lnTo>
                      <a:pt x="982" y="371"/>
                    </a:lnTo>
                    <a:lnTo>
                      <a:pt x="979" y="375"/>
                    </a:lnTo>
                    <a:lnTo>
                      <a:pt x="979" y="379"/>
                    </a:lnTo>
                    <a:lnTo>
                      <a:pt x="983" y="382"/>
                    </a:lnTo>
                    <a:lnTo>
                      <a:pt x="982" y="384"/>
                    </a:lnTo>
                    <a:lnTo>
                      <a:pt x="990" y="384"/>
                    </a:lnTo>
                    <a:lnTo>
                      <a:pt x="992" y="389"/>
                    </a:lnTo>
                    <a:lnTo>
                      <a:pt x="1001" y="387"/>
                    </a:lnTo>
                    <a:lnTo>
                      <a:pt x="1004" y="392"/>
                    </a:lnTo>
                    <a:lnTo>
                      <a:pt x="1009" y="390"/>
                    </a:lnTo>
                    <a:lnTo>
                      <a:pt x="1008" y="388"/>
                    </a:lnTo>
                    <a:lnTo>
                      <a:pt x="1010" y="387"/>
                    </a:lnTo>
                    <a:lnTo>
                      <a:pt x="1013" y="393"/>
                    </a:lnTo>
                    <a:lnTo>
                      <a:pt x="1009" y="398"/>
                    </a:lnTo>
                    <a:lnTo>
                      <a:pt x="1009" y="406"/>
                    </a:lnTo>
                    <a:lnTo>
                      <a:pt x="1013" y="415"/>
                    </a:lnTo>
                    <a:lnTo>
                      <a:pt x="1008" y="417"/>
                    </a:lnTo>
                    <a:lnTo>
                      <a:pt x="1006" y="419"/>
                    </a:lnTo>
                    <a:lnTo>
                      <a:pt x="1013" y="423"/>
                    </a:lnTo>
                    <a:lnTo>
                      <a:pt x="1013" y="428"/>
                    </a:lnTo>
                    <a:lnTo>
                      <a:pt x="1010" y="436"/>
                    </a:lnTo>
                    <a:lnTo>
                      <a:pt x="1016" y="436"/>
                    </a:lnTo>
                    <a:lnTo>
                      <a:pt x="1012" y="440"/>
                    </a:lnTo>
                    <a:lnTo>
                      <a:pt x="1016" y="442"/>
                    </a:lnTo>
                    <a:lnTo>
                      <a:pt x="1016" y="445"/>
                    </a:lnTo>
                    <a:lnTo>
                      <a:pt x="1010" y="449"/>
                    </a:lnTo>
                    <a:lnTo>
                      <a:pt x="1007" y="445"/>
                    </a:lnTo>
                    <a:lnTo>
                      <a:pt x="1005" y="446"/>
                    </a:lnTo>
                    <a:lnTo>
                      <a:pt x="1006" y="451"/>
                    </a:lnTo>
                    <a:lnTo>
                      <a:pt x="1001" y="452"/>
                    </a:lnTo>
                    <a:lnTo>
                      <a:pt x="1008" y="455"/>
                    </a:lnTo>
                    <a:lnTo>
                      <a:pt x="1014" y="449"/>
                    </a:lnTo>
                    <a:lnTo>
                      <a:pt x="1027" y="449"/>
                    </a:lnTo>
                    <a:lnTo>
                      <a:pt x="1030" y="460"/>
                    </a:lnTo>
                    <a:lnTo>
                      <a:pt x="1029" y="468"/>
                    </a:lnTo>
                    <a:lnTo>
                      <a:pt x="1029" y="469"/>
                    </a:lnTo>
                    <a:lnTo>
                      <a:pt x="1034" y="455"/>
                    </a:lnTo>
                    <a:lnTo>
                      <a:pt x="1034" y="463"/>
                    </a:lnTo>
                    <a:lnTo>
                      <a:pt x="1036" y="460"/>
                    </a:lnTo>
                    <a:lnTo>
                      <a:pt x="1038" y="469"/>
                    </a:lnTo>
                    <a:lnTo>
                      <a:pt x="1039" y="465"/>
                    </a:lnTo>
                    <a:lnTo>
                      <a:pt x="1052" y="459"/>
                    </a:lnTo>
                    <a:lnTo>
                      <a:pt x="1055" y="449"/>
                    </a:lnTo>
                    <a:lnTo>
                      <a:pt x="1061" y="453"/>
                    </a:lnTo>
                    <a:lnTo>
                      <a:pt x="1062" y="455"/>
                    </a:lnTo>
                    <a:lnTo>
                      <a:pt x="1061" y="460"/>
                    </a:lnTo>
                    <a:lnTo>
                      <a:pt x="1064" y="454"/>
                    </a:lnTo>
                    <a:lnTo>
                      <a:pt x="1060" y="448"/>
                    </a:lnTo>
                    <a:lnTo>
                      <a:pt x="1062" y="449"/>
                    </a:lnTo>
                    <a:lnTo>
                      <a:pt x="1065" y="448"/>
                    </a:lnTo>
                    <a:lnTo>
                      <a:pt x="1064" y="447"/>
                    </a:lnTo>
                    <a:lnTo>
                      <a:pt x="1064" y="444"/>
                    </a:lnTo>
                    <a:lnTo>
                      <a:pt x="1066" y="444"/>
                    </a:lnTo>
                    <a:lnTo>
                      <a:pt x="1067" y="441"/>
                    </a:lnTo>
                    <a:lnTo>
                      <a:pt x="1066" y="437"/>
                    </a:lnTo>
                    <a:lnTo>
                      <a:pt x="1067" y="439"/>
                    </a:lnTo>
                    <a:lnTo>
                      <a:pt x="1073" y="432"/>
                    </a:lnTo>
                    <a:lnTo>
                      <a:pt x="1068" y="425"/>
                    </a:lnTo>
                    <a:lnTo>
                      <a:pt x="1078" y="409"/>
                    </a:lnTo>
                    <a:lnTo>
                      <a:pt x="1083" y="409"/>
                    </a:lnTo>
                    <a:lnTo>
                      <a:pt x="1084" y="410"/>
                    </a:lnTo>
                    <a:lnTo>
                      <a:pt x="1082" y="412"/>
                    </a:lnTo>
                    <a:lnTo>
                      <a:pt x="1084" y="412"/>
                    </a:lnTo>
                    <a:lnTo>
                      <a:pt x="1085" y="416"/>
                    </a:lnTo>
                    <a:lnTo>
                      <a:pt x="1084" y="421"/>
                    </a:lnTo>
                    <a:lnTo>
                      <a:pt x="1087" y="421"/>
                    </a:lnTo>
                    <a:lnTo>
                      <a:pt x="1087" y="427"/>
                    </a:lnTo>
                    <a:lnTo>
                      <a:pt x="1090" y="427"/>
                    </a:lnTo>
                    <a:lnTo>
                      <a:pt x="1089" y="430"/>
                    </a:lnTo>
                    <a:lnTo>
                      <a:pt x="1094" y="430"/>
                    </a:lnTo>
                    <a:lnTo>
                      <a:pt x="1090" y="435"/>
                    </a:lnTo>
                    <a:lnTo>
                      <a:pt x="1094" y="437"/>
                    </a:lnTo>
                    <a:lnTo>
                      <a:pt x="1097" y="436"/>
                    </a:lnTo>
                    <a:lnTo>
                      <a:pt x="1097" y="439"/>
                    </a:lnTo>
                    <a:lnTo>
                      <a:pt x="1099" y="439"/>
                    </a:lnTo>
                    <a:lnTo>
                      <a:pt x="1099" y="441"/>
                    </a:lnTo>
                    <a:lnTo>
                      <a:pt x="1096" y="443"/>
                    </a:lnTo>
                    <a:lnTo>
                      <a:pt x="1091" y="443"/>
                    </a:lnTo>
                    <a:lnTo>
                      <a:pt x="1087" y="446"/>
                    </a:lnTo>
                    <a:lnTo>
                      <a:pt x="1102" y="443"/>
                    </a:lnTo>
                    <a:lnTo>
                      <a:pt x="1101" y="451"/>
                    </a:lnTo>
                    <a:lnTo>
                      <a:pt x="1105" y="451"/>
                    </a:lnTo>
                    <a:lnTo>
                      <a:pt x="1105" y="453"/>
                    </a:lnTo>
                    <a:lnTo>
                      <a:pt x="1107" y="455"/>
                    </a:lnTo>
                    <a:lnTo>
                      <a:pt x="1097" y="459"/>
                    </a:lnTo>
                    <a:lnTo>
                      <a:pt x="1110" y="459"/>
                    </a:lnTo>
                    <a:lnTo>
                      <a:pt x="1111" y="462"/>
                    </a:lnTo>
                    <a:lnTo>
                      <a:pt x="1108" y="465"/>
                    </a:lnTo>
                    <a:lnTo>
                      <a:pt x="1110" y="465"/>
                    </a:lnTo>
                    <a:lnTo>
                      <a:pt x="1102" y="471"/>
                    </a:lnTo>
                    <a:lnTo>
                      <a:pt x="1111" y="468"/>
                    </a:lnTo>
                    <a:lnTo>
                      <a:pt x="1114" y="471"/>
                    </a:lnTo>
                    <a:lnTo>
                      <a:pt x="1111" y="475"/>
                    </a:lnTo>
                    <a:lnTo>
                      <a:pt x="1115" y="475"/>
                    </a:lnTo>
                    <a:lnTo>
                      <a:pt x="1120" y="482"/>
                    </a:lnTo>
                    <a:lnTo>
                      <a:pt x="1113" y="487"/>
                    </a:lnTo>
                    <a:lnTo>
                      <a:pt x="1120" y="487"/>
                    </a:lnTo>
                    <a:lnTo>
                      <a:pt x="1122" y="489"/>
                    </a:lnTo>
                    <a:lnTo>
                      <a:pt x="1120" y="492"/>
                    </a:lnTo>
                    <a:lnTo>
                      <a:pt x="1126" y="494"/>
                    </a:lnTo>
                    <a:lnTo>
                      <a:pt x="1127" y="498"/>
                    </a:lnTo>
                    <a:lnTo>
                      <a:pt x="1122" y="503"/>
                    </a:lnTo>
                    <a:lnTo>
                      <a:pt x="1123" y="506"/>
                    </a:lnTo>
                    <a:lnTo>
                      <a:pt x="1114" y="502"/>
                    </a:lnTo>
                    <a:lnTo>
                      <a:pt x="1113" y="504"/>
                    </a:lnTo>
                    <a:lnTo>
                      <a:pt x="1117" y="506"/>
                    </a:lnTo>
                    <a:lnTo>
                      <a:pt x="1122" y="509"/>
                    </a:lnTo>
                    <a:lnTo>
                      <a:pt x="1123" y="510"/>
                    </a:lnTo>
                    <a:lnTo>
                      <a:pt x="1118" y="513"/>
                    </a:lnTo>
                    <a:lnTo>
                      <a:pt x="1123" y="517"/>
                    </a:lnTo>
                    <a:lnTo>
                      <a:pt x="1120" y="517"/>
                    </a:lnTo>
                    <a:lnTo>
                      <a:pt x="1119" y="519"/>
                    </a:lnTo>
                    <a:lnTo>
                      <a:pt x="1128" y="518"/>
                    </a:lnTo>
                    <a:lnTo>
                      <a:pt x="1130" y="525"/>
                    </a:lnTo>
                    <a:lnTo>
                      <a:pt x="1129" y="526"/>
                    </a:lnTo>
                    <a:lnTo>
                      <a:pt x="1137" y="527"/>
                    </a:lnTo>
                    <a:lnTo>
                      <a:pt x="1139" y="531"/>
                    </a:lnTo>
                    <a:lnTo>
                      <a:pt x="1142" y="530"/>
                    </a:lnTo>
                    <a:lnTo>
                      <a:pt x="1142" y="535"/>
                    </a:lnTo>
                    <a:lnTo>
                      <a:pt x="1144" y="538"/>
                    </a:lnTo>
                    <a:lnTo>
                      <a:pt x="1141" y="542"/>
                    </a:lnTo>
                    <a:lnTo>
                      <a:pt x="1144" y="540"/>
                    </a:lnTo>
                    <a:lnTo>
                      <a:pt x="1147" y="543"/>
                    </a:lnTo>
                    <a:lnTo>
                      <a:pt x="1151" y="540"/>
                    </a:lnTo>
                    <a:lnTo>
                      <a:pt x="1151" y="543"/>
                    </a:lnTo>
                    <a:lnTo>
                      <a:pt x="1154" y="544"/>
                    </a:lnTo>
                    <a:lnTo>
                      <a:pt x="1151" y="552"/>
                    </a:lnTo>
                    <a:lnTo>
                      <a:pt x="1159" y="544"/>
                    </a:lnTo>
                    <a:lnTo>
                      <a:pt x="1159" y="547"/>
                    </a:lnTo>
                    <a:lnTo>
                      <a:pt x="1161" y="545"/>
                    </a:lnTo>
                    <a:lnTo>
                      <a:pt x="1162" y="551"/>
                    </a:lnTo>
                    <a:lnTo>
                      <a:pt x="1164" y="552"/>
                    </a:lnTo>
                    <a:lnTo>
                      <a:pt x="1170" y="554"/>
                    </a:lnTo>
                    <a:lnTo>
                      <a:pt x="1175" y="550"/>
                    </a:lnTo>
                    <a:lnTo>
                      <a:pt x="1177" y="552"/>
                    </a:lnTo>
                    <a:lnTo>
                      <a:pt x="1176" y="554"/>
                    </a:lnTo>
                    <a:lnTo>
                      <a:pt x="1182" y="557"/>
                    </a:lnTo>
                    <a:lnTo>
                      <a:pt x="1184" y="559"/>
                    </a:lnTo>
                    <a:lnTo>
                      <a:pt x="1182" y="563"/>
                    </a:lnTo>
                    <a:lnTo>
                      <a:pt x="1176" y="563"/>
                    </a:lnTo>
                    <a:lnTo>
                      <a:pt x="1167" y="568"/>
                    </a:lnTo>
                    <a:lnTo>
                      <a:pt x="1155" y="571"/>
                    </a:lnTo>
                    <a:lnTo>
                      <a:pt x="1153" y="573"/>
                    </a:lnTo>
                    <a:lnTo>
                      <a:pt x="1149" y="576"/>
                    </a:lnTo>
                    <a:lnTo>
                      <a:pt x="1145" y="582"/>
                    </a:lnTo>
                    <a:lnTo>
                      <a:pt x="1135" y="578"/>
                    </a:lnTo>
                    <a:lnTo>
                      <a:pt x="1132" y="578"/>
                    </a:lnTo>
                    <a:lnTo>
                      <a:pt x="1132" y="580"/>
                    </a:lnTo>
                    <a:lnTo>
                      <a:pt x="1144" y="584"/>
                    </a:lnTo>
                    <a:lnTo>
                      <a:pt x="1142" y="591"/>
                    </a:lnTo>
                    <a:lnTo>
                      <a:pt x="1166" y="573"/>
                    </a:lnTo>
                    <a:lnTo>
                      <a:pt x="1169" y="570"/>
                    </a:lnTo>
                    <a:lnTo>
                      <a:pt x="1176" y="568"/>
                    </a:lnTo>
                    <a:lnTo>
                      <a:pt x="1186" y="568"/>
                    </a:lnTo>
                    <a:lnTo>
                      <a:pt x="1186" y="578"/>
                    </a:lnTo>
                    <a:lnTo>
                      <a:pt x="1185" y="580"/>
                    </a:lnTo>
                    <a:lnTo>
                      <a:pt x="1186" y="587"/>
                    </a:lnTo>
                    <a:lnTo>
                      <a:pt x="1191" y="579"/>
                    </a:lnTo>
                    <a:lnTo>
                      <a:pt x="1197" y="579"/>
                    </a:lnTo>
                    <a:lnTo>
                      <a:pt x="1196" y="580"/>
                    </a:lnTo>
                    <a:lnTo>
                      <a:pt x="1205" y="584"/>
                    </a:lnTo>
                    <a:lnTo>
                      <a:pt x="1203" y="586"/>
                    </a:lnTo>
                    <a:lnTo>
                      <a:pt x="1208" y="591"/>
                    </a:lnTo>
                    <a:lnTo>
                      <a:pt x="1208" y="593"/>
                    </a:lnTo>
                    <a:lnTo>
                      <a:pt x="1205" y="595"/>
                    </a:lnTo>
                    <a:lnTo>
                      <a:pt x="1199" y="592"/>
                    </a:lnTo>
                    <a:lnTo>
                      <a:pt x="1202" y="596"/>
                    </a:lnTo>
                    <a:lnTo>
                      <a:pt x="1205" y="597"/>
                    </a:lnTo>
                    <a:lnTo>
                      <a:pt x="1205" y="599"/>
                    </a:lnTo>
                    <a:lnTo>
                      <a:pt x="1205" y="602"/>
                    </a:lnTo>
                    <a:lnTo>
                      <a:pt x="1207" y="606"/>
                    </a:lnTo>
                    <a:lnTo>
                      <a:pt x="1204" y="607"/>
                    </a:lnTo>
                    <a:lnTo>
                      <a:pt x="1208" y="609"/>
                    </a:lnTo>
                    <a:lnTo>
                      <a:pt x="1209" y="612"/>
                    </a:lnTo>
                    <a:lnTo>
                      <a:pt x="1204" y="610"/>
                    </a:lnTo>
                    <a:lnTo>
                      <a:pt x="1209" y="616"/>
                    </a:lnTo>
                    <a:lnTo>
                      <a:pt x="1195" y="631"/>
                    </a:lnTo>
                    <a:lnTo>
                      <a:pt x="1191" y="632"/>
                    </a:lnTo>
                    <a:lnTo>
                      <a:pt x="1188" y="632"/>
                    </a:lnTo>
                    <a:lnTo>
                      <a:pt x="1170" y="636"/>
                    </a:lnTo>
                    <a:lnTo>
                      <a:pt x="1164" y="642"/>
                    </a:lnTo>
                    <a:lnTo>
                      <a:pt x="1162" y="641"/>
                    </a:lnTo>
                    <a:lnTo>
                      <a:pt x="1155" y="653"/>
                    </a:lnTo>
                    <a:lnTo>
                      <a:pt x="1153" y="654"/>
                    </a:lnTo>
                    <a:lnTo>
                      <a:pt x="1147" y="659"/>
                    </a:lnTo>
                    <a:lnTo>
                      <a:pt x="1144" y="658"/>
                    </a:lnTo>
                    <a:lnTo>
                      <a:pt x="1145" y="655"/>
                    </a:lnTo>
                    <a:lnTo>
                      <a:pt x="1142" y="659"/>
                    </a:lnTo>
                    <a:lnTo>
                      <a:pt x="1124" y="663"/>
                    </a:lnTo>
                    <a:lnTo>
                      <a:pt x="1120" y="659"/>
                    </a:lnTo>
                    <a:lnTo>
                      <a:pt x="1084" y="657"/>
                    </a:lnTo>
                    <a:lnTo>
                      <a:pt x="1058" y="659"/>
                    </a:lnTo>
                    <a:lnTo>
                      <a:pt x="1057" y="662"/>
                    </a:lnTo>
                    <a:lnTo>
                      <a:pt x="1053" y="663"/>
                    </a:lnTo>
                    <a:lnTo>
                      <a:pt x="1051" y="664"/>
                    </a:lnTo>
                    <a:lnTo>
                      <a:pt x="1047" y="669"/>
                    </a:lnTo>
                    <a:lnTo>
                      <a:pt x="1044" y="679"/>
                    </a:lnTo>
                    <a:lnTo>
                      <a:pt x="1033" y="680"/>
                    </a:lnTo>
                    <a:lnTo>
                      <a:pt x="1029" y="683"/>
                    </a:lnTo>
                    <a:lnTo>
                      <a:pt x="1021" y="690"/>
                    </a:lnTo>
                    <a:lnTo>
                      <a:pt x="1014" y="701"/>
                    </a:lnTo>
                    <a:lnTo>
                      <a:pt x="1008" y="703"/>
                    </a:lnTo>
                    <a:lnTo>
                      <a:pt x="1009" y="708"/>
                    </a:lnTo>
                    <a:lnTo>
                      <a:pt x="1003" y="718"/>
                    </a:lnTo>
                    <a:lnTo>
                      <a:pt x="990" y="731"/>
                    </a:lnTo>
                    <a:lnTo>
                      <a:pt x="996" y="729"/>
                    </a:lnTo>
                    <a:lnTo>
                      <a:pt x="1008" y="714"/>
                    </a:lnTo>
                    <a:lnTo>
                      <a:pt x="1012" y="708"/>
                    </a:lnTo>
                    <a:lnTo>
                      <a:pt x="1021" y="699"/>
                    </a:lnTo>
                    <a:lnTo>
                      <a:pt x="1054" y="683"/>
                    </a:lnTo>
                    <a:lnTo>
                      <a:pt x="1068" y="680"/>
                    </a:lnTo>
                    <a:lnTo>
                      <a:pt x="1076" y="681"/>
                    </a:lnTo>
                    <a:lnTo>
                      <a:pt x="1086" y="686"/>
                    </a:lnTo>
                    <a:lnTo>
                      <a:pt x="1088" y="690"/>
                    </a:lnTo>
                    <a:lnTo>
                      <a:pt x="1085" y="690"/>
                    </a:lnTo>
                    <a:lnTo>
                      <a:pt x="1087" y="692"/>
                    </a:lnTo>
                    <a:lnTo>
                      <a:pt x="1087" y="696"/>
                    </a:lnTo>
                    <a:lnTo>
                      <a:pt x="1073" y="706"/>
                    </a:lnTo>
                    <a:lnTo>
                      <a:pt x="1065" y="703"/>
                    </a:lnTo>
                    <a:lnTo>
                      <a:pt x="1065" y="709"/>
                    </a:lnTo>
                    <a:lnTo>
                      <a:pt x="1067" y="714"/>
                    </a:lnTo>
                    <a:lnTo>
                      <a:pt x="1075" y="710"/>
                    </a:lnTo>
                    <a:lnTo>
                      <a:pt x="1079" y="713"/>
                    </a:lnTo>
                    <a:lnTo>
                      <a:pt x="1079" y="715"/>
                    </a:lnTo>
                    <a:lnTo>
                      <a:pt x="1077" y="722"/>
                    </a:lnTo>
                    <a:lnTo>
                      <a:pt x="1073" y="726"/>
                    </a:lnTo>
                    <a:lnTo>
                      <a:pt x="1079" y="727"/>
                    </a:lnTo>
                    <a:lnTo>
                      <a:pt x="1079" y="734"/>
                    </a:lnTo>
                    <a:lnTo>
                      <a:pt x="1084" y="743"/>
                    </a:lnTo>
                    <a:lnTo>
                      <a:pt x="1093" y="746"/>
                    </a:lnTo>
                    <a:lnTo>
                      <a:pt x="1094" y="747"/>
                    </a:lnTo>
                    <a:lnTo>
                      <a:pt x="1092" y="749"/>
                    </a:lnTo>
                    <a:lnTo>
                      <a:pt x="1091" y="750"/>
                    </a:lnTo>
                    <a:lnTo>
                      <a:pt x="1108" y="754"/>
                    </a:lnTo>
                    <a:lnTo>
                      <a:pt x="1109" y="755"/>
                    </a:lnTo>
                    <a:lnTo>
                      <a:pt x="1115" y="755"/>
                    </a:lnTo>
                    <a:lnTo>
                      <a:pt x="1120" y="751"/>
                    </a:lnTo>
                    <a:lnTo>
                      <a:pt x="1121" y="754"/>
                    </a:lnTo>
                    <a:lnTo>
                      <a:pt x="1120" y="756"/>
                    </a:lnTo>
                    <a:lnTo>
                      <a:pt x="1127" y="755"/>
                    </a:lnTo>
                    <a:lnTo>
                      <a:pt x="1129" y="757"/>
                    </a:lnTo>
                    <a:lnTo>
                      <a:pt x="1130" y="759"/>
                    </a:lnTo>
                    <a:lnTo>
                      <a:pt x="1128" y="762"/>
                    </a:lnTo>
                    <a:lnTo>
                      <a:pt x="1132" y="762"/>
                    </a:lnTo>
                    <a:lnTo>
                      <a:pt x="1133" y="763"/>
                    </a:lnTo>
                    <a:lnTo>
                      <a:pt x="1132" y="764"/>
                    </a:lnTo>
                    <a:lnTo>
                      <a:pt x="1124" y="764"/>
                    </a:lnTo>
                    <a:lnTo>
                      <a:pt x="1107" y="774"/>
                    </a:lnTo>
                    <a:lnTo>
                      <a:pt x="1100" y="776"/>
                    </a:lnTo>
                    <a:lnTo>
                      <a:pt x="1097" y="775"/>
                    </a:lnTo>
                    <a:lnTo>
                      <a:pt x="1097" y="780"/>
                    </a:lnTo>
                    <a:lnTo>
                      <a:pt x="1094" y="780"/>
                    </a:lnTo>
                    <a:lnTo>
                      <a:pt x="1092" y="776"/>
                    </a:lnTo>
                    <a:lnTo>
                      <a:pt x="1090" y="780"/>
                    </a:lnTo>
                    <a:lnTo>
                      <a:pt x="1089" y="777"/>
                    </a:lnTo>
                    <a:lnTo>
                      <a:pt x="1087" y="783"/>
                    </a:lnTo>
                    <a:lnTo>
                      <a:pt x="1076" y="795"/>
                    </a:lnTo>
                    <a:lnTo>
                      <a:pt x="1073" y="795"/>
                    </a:lnTo>
                    <a:lnTo>
                      <a:pt x="1071" y="798"/>
                    </a:lnTo>
                    <a:lnTo>
                      <a:pt x="1067" y="798"/>
                    </a:lnTo>
                    <a:lnTo>
                      <a:pt x="1064" y="792"/>
                    </a:lnTo>
                    <a:lnTo>
                      <a:pt x="1062" y="792"/>
                    </a:lnTo>
                    <a:lnTo>
                      <a:pt x="1061" y="788"/>
                    </a:lnTo>
                    <a:lnTo>
                      <a:pt x="1061" y="782"/>
                    </a:lnTo>
                    <a:lnTo>
                      <a:pt x="1064" y="777"/>
                    </a:lnTo>
                    <a:lnTo>
                      <a:pt x="1060" y="780"/>
                    </a:lnTo>
                    <a:lnTo>
                      <a:pt x="1065" y="775"/>
                    </a:lnTo>
                    <a:lnTo>
                      <a:pt x="1069" y="774"/>
                    </a:lnTo>
                    <a:lnTo>
                      <a:pt x="1069" y="773"/>
                    </a:lnTo>
                    <a:lnTo>
                      <a:pt x="1085" y="763"/>
                    </a:lnTo>
                    <a:lnTo>
                      <a:pt x="1088" y="767"/>
                    </a:lnTo>
                    <a:lnTo>
                      <a:pt x="1093" y="763"/>
                    </a:lnTo>
                    <a:lnTo>
                      <a:pt x="1100" y="762"/>
                    </a:lnTo>
                    <a:lnTo>
                      <a:pt x="1100" y="761"/>
                    </a:lnTo>
                    <a:lnTo>
                      <a:pt x="1086" y="760"/>
                    </a:lnTo>
                    <a:lnTo>
                      <a:pt x="1079" y="762"/>
                    </a:lnTo>
                    <a:lnTo>
                      <a:pt x="1079" y="759"/>
                    </a:lnTo>
                    <a:lnTo>
                      <a:pt x="1086" y="753"/>
                    </a:lnTo>
                    <a:lnTo>
                      <a:pt x="1084" y="753"/>
                    </a:lnTo>
                    <a:lnTo>
                      <a:pt x="1083" y="751"/>
                    </a:lnTo>
                    <a:lnTo>
                      <a:pt x="1080" y="755"/>
                    </a:lnTo>
                    <a:lnTo>
                      <a:pt x="1067" y="764"/>
                    </a:lnTo>
                    <a:lnTo>
                      <a:pt x="1062" y="763"/>
                    </a:lnTo>
                    <a:lnTo>
                      <a:pt x="1061" y="765"/>
                    </a:lnTo>
                    <a:lnTo>
                      <a:pt x="1059" y="767"/>
                    </a:lnTo>
                    <a:lnTo>
                      <a:pt x="1053" y="767"/>
                    </a:lnTo>
                    <a:lnTo>
                      <a:pt x="1047" y="765"/>
                    </a:lnTo>
                    <a:lnTo>
                      <a:pt x="1046" y="767"/>
                    </a:lnTo>
                    <a:lnTo>
                      <a:pt x="1044" y="766"/>
                    </a:lnTo>
                    <a:lnTo>
                      <a:pt x="1040" y="763"/>
                    </a:lnTo>
                    <a:lnTo>
                      <a:pt x="1040" y="758"/>
                    </a:lnTo>
                    <a:lnTo>
                      <a:pt x="1036" y="756"/>
                    </a:lnTo>
                    <a:lnTo>
                      <a:pt x="1036" y="742"/>
                    </a:lnTo>
                    <a:lnTo>
                      <a:pt x="1036" y="728"/>
                    </a:lnTo>
                    <a:lnTo>
                      <a:pt x="1030" y="722"/>
                    </a:lnTo>
                    <a:lnTo>
                      <a:pt x="1022" y="725"/>
                    </a:lnTo>
                    <a:lnTo>
                      <a:pt x="1018" y="724"/>
                    </a:lnTo>
                    <a:lnTo>
                      <a:pt x="1018" y="723"/>
                    </a:lnTo>
                    <a:lnTo>
                      <a:pt x="1015" y="720"/>
                    </a:lnTo>
                    <a:lnTo>
                      <a:pt x="1012" y="721"/>
                    </a:lnTo>
                    <a:lnTo>
                      <a:pt x="1005" y="733"/>
                    </a:lnTo>
                    <a:lnTo>
                      <a:pt x="1004" y="738"/>
                    </a:lnTo>
                    <a:lnTo>
                      <a:pt x="1001" y="748"/>
                    </a:lnTo>
                    <a:lnTo>
                      <a:pt x="1000" y="756"/>
                    </a:lnTo>
                    <a:lnTo>
                      <a:pt x="996" y="760"/>
                    </a:lnTo>
                    <a:lnTo>
                      <a:pt x="996" y="763"/>
                    </a:lnTo>
                    <a:lnTo>
                      <a:pt x="990" y="764"/>
                    </a:lnTo>
                    <a:lnTo>
                      <a:pt x="986" y="765"/>
                    </a:lnTo>
                    <a:lnTo>
                      <a:pt x="983" y="770"/>
                    </a:lnTo>
                    <a:lnTo>
                      <a:pt x="969" y="770"/>
                    </a:lnTo>
                    <a:lnTo>
                      <a:pt x="938" y="770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56" name="Freeform 20"/>
              <p:cNvSpPr>
                <a:spLocks/>
              </p:cNvSpPr>
              <p:nvPr/>
            </p:nvSpPr>
            <p:spPr bwMode="auto">
              <a:xfrm>
                <a:off x="2173" y="1992"/>
                <a:ext cx="32" cy="22"/>
              </a:xfrm>
              <a:custGeom>
                <a:avLst/>
                <a:gdLst>
                  <a:gd name="T0" fmla="*/ 5 w 32"/>
                  <a:gd name="T1" fmla="*/ 3 h 22"/>
                  <a:gd name="T2" fmla="*/ 4 w 32"/>
                  <a:gd name="T3" fmla="*/ 6 h 22"/>
                  <a:gd name="T4" fmla="*/ 8 w 32"/>
                  <a:gd name="T5" fmla="*/ 11 h 22"/>
                  <a:gd name="T6" fmla="*/ 12 w 32"/>
                  <a:gd name="T7" fmla="*/ 11 h 22"/>
                  <a:gd name="T8" fmla="*/ 19 w 32"/>
                  <a:gd name="T9" fmla="*/ 14 h 22"/>
                  <a:gd name="T10" fmla="*/ 32 w 32"/>
                  <a:gd name="T11" fmla="*/ 12 h 22"/>
                  <a:gd name="T12" fmla="*/ 32 w 32"/>
                  <a:gd name="T13" fmla="*/ 14 h 22"/>
                  <a:gd name="T14" fmla="*/ 27 w 32"/>
                  <a:gd name="T15" fmla="*/ 17 h 22"/>
                  <a:gd name="T16" fmla="*/ 27 w 32"/>
                  <a:gd name="T17" fmla="*/ 22 h 22"/>
                  <a:gd name="T18" fmla="*/ 24 w 32"/>
                  <a:gd name="T19" fmla="*/ 22 h 22"/>
                  <a:gd name="T20" fmla="*/ 21 w 32"/>
                  <a:gd name="T21" fmla="*/ 21 h 22"/>
                  <a:gd name="T22" fmla="*/ 18 w 32"/>
                  <a:gd name="T23" fmla="*/ 16 h 22"/>
                  <a:gd name="T24" fmla="*/ 15 w 32"/>
                  <a:gd name="T25" fmla="*/ 18 h 22"/>
                  <a:gd name="T26" fmla="*/ 5 w 32"/>
                  <a:gd name="T27" fmla="*/ 13 h 22"/>
                  <a:gd name="T28" fmla="*/ 3 w 32"/>
                  <a:gd name="T29" fmla="*/ 11 h 22"/>
                  <a:gd name="T30" fmla="*/ 4 w 32"/>
                  <a:gd name="T31" fmla="*/ 10 h 22"/>
                  <a:gd name="T32" fmla="*/ 0 w 32"/>
                  <a:gd name="T33" fmla="*/ 8 h 22"/>
                  <a:gd name="T34" fmla="*/ 0 w 32"/>
                  <a:gd name="T35" fmla="*/ 6 h 22"/>
                  <a:gd name="T36" fmla="*/ 5 w 32"/>
                  <a:gd name="T37" fmla="*/ 0 h 22"/>
                  <a:gd name="T38" fmla="*/ 5 w 32"/>
                  <a:gd name="T39" fmla="*/ 3 h 22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32"/>
                  <a:gd name="T61" fmla="*/ 0 h 22"/>
                  <a:gd name="T62" fmla="*/ 32 w 32"/>
                  <a:gd name="T63" fmla="*/ 22 h 22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32" h="22">
                    <a:moveTo>
                      <a:pt x="5" y="3"/>
                    </a:moveTo>
                    <a:lnTo>
                      <a:pt x="4" y="6"/>
                    </a:lnTo>
                    <a:lnTo>
                      <a:pt x="8" y="11"/>
                    </a:lnTo>
                    <a:lnTo>
                      <a:pt x="12" y="11"/>
                    </a:lnTo>
                    <a:lnTo>
                      <a:pt x="19" y="14"/>
                    </a:lnTo>
                    <a:lnTo>
                      <a:pt x="32" y="12"/>
                    </a:lnTo>
                    <a:lnTo>
                      <a:pt x="32" y="14"/>
                    </a:lnTo>
                    <a:lnTo>
                      <a:pt x="27" y="17"/>
                    </a:lnTo>
                    <a:lnTo>
                      <a:pt x="27" y="22"/>
                    </a:lnTo>
                    <a:lnTo>
                      <a:pt x="24" y="22"/>
                    </a:lnTo>
                    <a:lnTo>
                      <a:pt x="21" y="21"/>
                    </a:lnTo>
                    <a:lnTo>
                      <a:pt x="18" y="16"/>
                    </a:lnTo>
                    <a:lnTo>
                      <a:pt x="15" y="18"/>
                    </a:lnTo>
                    <a:lnTo>
                      <a:pt x="5" y="13"/>
                    </a:lnTo>
                    <a:lnTo>
                      <a:pt x="3" y="11"/>
                    </a:lnTo>
                    <a:lnTo>
                      <a:pt x="4" y="10"/>
                    </a:lnTo>
                    <a:lnTo>
                      <a:pt x="0" y="8"/>
                    </a:lnTo>
                    <a:lnTo>
                      <a:pt x="0" y="6"/>
                    </a:lnTo>
                    <a:lnTo>
                      <a:pt x="5" y="0"/>
                    </a:lnTo>
                    <a:lnTo>
                      <a:pt x="5" y="3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57" name="Freeform 21"/>
              <p:cNvSpPr>
                <a:spLocks/>
              </p:cNvSpPr>
              <p:nvPr/>
            </p:nvSpPr>
            <p:spPr bwMode="auto">
              <a:xfrm>
                <a:off x="1209" y="1856"/>
                <a:ext cx="17" cy="25"/>
              </a:xfrm>
              <a:custGeom>
                <a:avLst/>
                <a:gdLst>
                  <a:gd name="T0" fmla="*/ 4 w 17"/>
                  <a:gd name="T1" fmla="*/ 12 h 25"/>
                  <a:gd name="T2" fmla="*/ 4 w 17"/>
                  <a:gd name="T3" fmla="*/ 7 h 25"/>
                  <a:gd name="T4" fmla="*/ 2 w 17"/>
                  <a:gd name="T5" fmla="*/ 8 h 25"/>
                  <a:gd name="T6" fmla="*/ 2 w 17"/>
                  <a:gd name="T7" fmla="*/ 8 h 25"/>
                  <a:gd name="T8" fmla="*/ 2 w 17"/>
                  <a:gd name="T9" fmla="*/ 5 h 25"/>
                  <a:gd name="T10" fmla="*/ 0 w 17"/>
                  <a:gd name="T11" fmla="*/ 4 h 25"/>
                  <a:gd name="T12" fmla="*/ 8 w 17"/>
                  <a:gd name="T13" fmla="*/ 0 h 25"/>
                  <a:gd name="T14" fmla="*/ 10 w 17"/>
                  <a:gd name="T15" fmla="*/ 3 h 25"/>
                  <a:gd name="T16" fmla="*/ 7 w 17"/>
                  <a:gd name="T17" fmla="*/ 4 h 25"/>
                  <a:gd name="T18" fmla="*/ 11 w 17"/>
                  <a:gd name="T19" fmla="*/ 7 h 25"/>
                  <a:gd name="T20" fmla="*/ 7 w 17"/>
                  <a:gd name="T21" fmla="*/ 8 h 25"/>
                  <a:gd name="T22" fmla="*/ 7 w 17"/>
                  <a:gd name="T23" fmla="*/ 13 h 25"/>
                  <a:gd name="T24" fmla="*/ 13 w 17"/>
                  <a:gd name="T25" fmla="*/ 18 h 25"/>
                  <a:gd name="T26" fmla="*/ 17 w 17"/>
                  <a:gd name="T27" fmla="*/ 25 h 25"/>
                  <a:gd name="T28" fmla="*/ 4 w 17"/>
                  <a:gd name="T29" fmla="*/ 12 h 25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w 17"/>
                  <a:gd name="T46" fmla="*/ 0 h 25"/>
                  <a:gd name="T47" fmla="*/ 17 w 17"/>
                  <a:gd name="T48" fmla="*/ 25 h 25"/>
                </a:gdLst>
                <a:ahLst/>
                <a:cxnLst>
                  <a:cxn ang="T30">
                    <a:pos x="T0" y="T1"/>
                  </a:cxn>
                  <a:cxn ang="T31">
                    <a:pos x="T2" y="T3"/>
                  </a:cxn>
                  <a:cxn ang="T32">
                    <a:pos x="T4" y="T5"/>
                  </a:cxn>
                  <a:cxn ang="T33">
                    <a:pos x="T6" y="T7"/>
                  </a:cxn>
                  <a:cxn ang="T34">
                    <a:pos x="T8" y="T9"/>
                  </a:cxn>
                  <a:cxn ang="T35">
                    <a:pos x="T10" y="T11"/>
                  </a:cxn>
                  <a:cxn ang="T36">
                    <a:pos x="T12" y="T13"/>
                  </a:cxn>
                  <a:cxn ang="T37">
                    <a:pos x="T14" y="T15"/>
                  </a:cxn>
                  <a:cxn ang="T38">
                    <a:pos x="T16" y="T17"/>
                  </a:cxn>
                  <a:cxn ang="T39">
                    <a:pos x="T18" y="T19"/>
                  </a:cxn>
                  <a:cxn ang="T40">
                    <a:pos x="T20" y="T21"/>
                  </a:cxn>
                  <a:cxn ang="T41">
                    <a:pos x="T22" y="T23"/>
                  </a:cxn>
                  <a:cxn ang="T42">
                    <a:pos x="T24" y="T25"/>
                  </a:cxn>
                  <a:cxn ang="T43">
                    <a:pos x="T26" y="T27"/>
                  </a:cxn>
                  <a:cxn ang="T44">
                    <a:pos x="T28" y="T29"/>
                  </a:cxn>
                </a:cxnLst>
                <a:rect l="T45" t="T46" r="T47" b="T48"/>
                <a:pathLst>
                  <a:path w="17" h="25">
                    <a:moveTo>
                      <a:pt x="4" y="12"/>
                    </a:moveTo>
                    <a:lnTo>
                      <a:pt x="4" y="7"/>
                    </a:lnTo>
                    <a:lnTo>
                      <a:pt x="2" y="8"/>
                    </a:lnTo>
                    <a:lnTo>
                      <a:pt x="2" y="5"/>
                    </a:lnTo>
                    <a:lnTo>
                      <a:pt x="0" y="4"/>
                    </a:lnTo>
                    <a:lnTo>
                      <a:pt x="8" y="0"/>
                    </a:lnTo>
                    <a:lnTo>
                      <a:pt x="10" y="3"/>
                    </a:lnTo>
                    <a:lnTo>
                      <a:pt x="7" y="4"/>
                    </a:lnTo>
                    <a:lnTo>
                      <a:pt x="11" y="7"/>
                    </a:lnTo>
                    <a:lnTo>
                      <a:pt x="7" y="8"/>
                    </a:lnTo>
                    <a:lnTo>
                      <a:pt x="7" y="13"/>
                    </a:lnTo>
                    <a:lnTo>
                      <a:pt x="13" y="18"/>
                    </a:lnTo>
                    <a:lnTo>
                      <a:pt x="17" y="25"/>
                    </a:lnTo>
                    <a:lnTo>
                      <a:pt x="4" y="12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58" name="Freeform 22"/>
              <p:cNvSpPr>
                <a:spLocks/>
              </p:cNvSpPr>
              <p:nvPr/>
            </p:nvSpPr>
            <p:spPr bwMode="auto">
              <a:xfrm>
                <a:off x="1199" y="1834"/>
                <a:ext cx="20" cy="24"/>
              </a:xfrm>
              <a:custGeom>
                <a:avLst/>
                <a:gdLst>
                  <a:gd name="T0" fmla="*/ 15 w 20"/>
                  <a:gd name="T1" fmla="*/ 3 h 24"/>
                  <a:gd name="T2" fmla="*/ 19 w 20"/>
                  <a:gd name="T3" fmla="*/ 1 h 24"/>
                  <a:gd name="T4" fmla="*/ 20 w 20"/>
                  <a:gd name="T5" fmla="*/ 4 h 24"/>
                  <a:gd name="T6" fmla="*/ 17 w 20"/>
                  <a:gd name="T7" fmla="*/ 19 h 24"/>
                  <a:gd name="T8" fmla="*/ 15 w 20"/>
                  <a:gd name="T9" fmla="*/ 22 h 24"/>
                  <a:gd name="T10" fmla="*/ 12 w 20"/>
                  <a:gd name="T11" fmla="*/ 21 h 24"/>
                  <a:gd name="T12" fmla="*/ 11 w 20"/>
                  <a:gd name="T13" fmla="*/ 24 h 24"/>
                  <a:gd name="T14" fmla="*/ 8 w 20"/>
                  <a:gd name="T15" fmla="*/ 19 h 24"/>
                  <a:gd name="T16" fmla="*/ 10 w 20"/>
                  <a:gd name="T17" fmla="*/ 18 h 24"/>
                  <a:gd name="T18" fmla="*/ 10 w 20"/>
                  <a:gd name="T19" fmla="*/ 16 h 24"/>
                  <a:gd name="T20" fmla="*/ 4 w 20"/>
                  <a:gd name="T21" fmla="*/ 13 h 24"/>
                  <a:gd name="T22" fmla="*/ 0 w 20"/>
                  <a:gd name="T23" fmla="*/ 5 h 24"/>
                  <a:gd name="T24" fmla="*/ 0 w 20"/>
                  <a:gd name="T25" fmla="*/ 0 h 24"/>
                  <a:gd name="T26" fmla="*/ 7 w 20"/>
                  <a:gd name="T27" fmla="*/ 1 h 24"/>
                  <a:gd name="T28" fmla="*/ 6 w 20"/>
                  <a:gd name="T29" fmla="*/ 5 h 24"/>
                  <a:gd name="T30" fmla="*/ 11 w 20"/>
                  <a:gd name="T31" fmla="*/ 1 h 24"/>
                  <a:gd name="T32" fmla="*/ 12 w 20"/>
                  <a:gd name="T33" fmla="*/ 8 h 24"/>
                  <a:gd name="T34" fmla="*/ 7 w 20"/>
                  <a:gd name="T35" fmla="*/ 11 h 24"/>
                  <a:gd name="T36" fmla="*/ 11 w 20"/>
                  <a:gd name="T37" fmla="*/ 13 h 24"/>
                  <a:gd name="T38" fmla="*/ 15 w 20"/>
                  <a:gd name="T39" fmla="*/ 3 h 24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20"/>
                  <a:gd name="T61" fmla="*/ 0 h 24"/>
                  <a:gd name="T62" fmla="*/ 20 w 20"/>
                  <a:gd name="T63" fmla="*/ 24 h 24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20" h="24">
                    <a:moveTo>
                      <a:pt x="15" y="3"/>
                    </a:moveTo>
                    <a:lnTo>
                      <a:pt x="19" y="1"/>
                    </a:lnTo>
                    <a:lnTo>
                      <a:pt x="20" y="4"/>
                    </a:lnTo>
                    <a:lnTo>
                      <a:pt x="17" y="19"/>
                    </a:lnTo>
                    <a:lnTo>
                      <a:pt x="15" y="22"/>
                    </a:lnTo>
                    <a:lnTo>
                      <a:pt x="12" y="21"/>
                    </a:lnTo>
                    <a:lnTo>
                      <a:pt x="11" y="24"/>
                    </a:lnTo>
                    <a:lnTo>
                      <a:pt x="8" y="19"/>
                    </a:lnTo>
                    <a:lnTo>
                      <a:pt x="10" y="18"/>
                    </a:lnTo>
                    <a:lnTo>
                      <a:pt x="10" y="16"/>
                    </a:lnTo>
                    <a:lnTo>
                      <a:pt x="4" y="13"/>
                    </a:lnTo>
                    <a:lnTo>
                      <a:pt x="0" y="5"/>
                    </a:lnTo>
                    <a:lnTo>
                      <a:pt x="0" y="0"/>
                    </a:lnTo>
                    <a:lnTo>
                      <a:pt x="7" y="1"/>
                    </a:lnTo>
                    <a:lnTo>
                      <a:pt x="6" y="5"/>
                    </a:lnTo>
                    <a:lnTo>
                      <a:pt x="11" y="1"/>
                    </a:lnTo>
                    <a:lnTo>
                      <a:pt x="12" y="8"/>
                    </a:lnTo>
                    <a:lnTo>
                      <a:pt x="7" y="11"/>
                    </a:lnTo>
                    <a:lnTo>
                      <a:pt x="11" y="13"/>
                    </a:lnTo>
                    <a:lnTo>
                      <a:pt x="15" y="3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59" name="Freeform 23"/>
              <p:cNvSpPr>
                <a:spLocks/>
              </p:cNvSpPr>
              <p:nvPr/>
            </p:nvSpPr>
            <p:spPr bwMode="auto">
              <a:xfrm>
                <a:off x="1221" y="1806"/>
                <a:ext cx="2" cy="6"/>
              </a:xfrm>
              <a:custGeom>
                <a:avLst/>
                <a:gdLst>
                  <a:gd name="T0" fmla="*/ 0 w 2"/>
                  <a:gd name="T1" fmla="*/ 0 h 6"/>
                  <a:gd name="T2" fmla="*/ 2 w 2"/>
                  <a:gd name="T3" fmla="*/ 6 h 6"/>
                  <a:gd name="T4" fmla="*/ 0 w 2"/>
                  <a:gd name="T5" fmla="*/ 4 h 6"/>
                  <a:gd name="T6" fmla="*/ 0 w 2"/>
                  <a:gd name="T7" fmla="*/ 0 h 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2"/>
                  <a:gd name="T13" fmla="*/ 0 h 6"/>
                  <a:gd name="T14" fmla="*/ 2 w 2"/>
                  <a:gd name="T15" fmla="*/ 6 h 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2" h="6">
                    <a:moveTo>
                      <a:pt x="0" y="0"/>
                    </a:moveTo>
                    <a:lnTo>
                      <a:pt x="2" y="6"/>
                    </a:lnTo>
                    <a:lnTo>
                      <a:pt x="0" y="4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60" name="Freeform 24"/>
              <p:cNvSpPr>
                <a:spLocks/>
              </p:cNvSpPr>
              <p:nvPr/>
            </p:nvSpPr>
            <p:spPr bwMode="auto">
              <a:xfrm>
                <a:off x="1198" y="1807"/>
                <a:ext cx="6" cy="12"/>
              </a:xfrm>
              <a:custGeom>
                <a:avLst/>
                <a:gdLst>
                  <a:gd name="T0" fmla="*/ 2 w 6"/>
                  <a:gd name="T1" fmla="*/ 6 h 12"/>
                  <a:gd name="T2" fmla="*/ 6 w 6"/>
                  <a:gd name="T3" fmla="*/ 12 h 12"/>
                  <a:gd name="T4" fmla="*/ 3 w 6"/>
                  <a:gd name="T5" fmla="*/ 12 h 12"/>
                  <a:gd name="T6" fmla="*/ 0 w 6"/>
                  <a:gd name="T7" fmla="*/ 6 h 12"/>
                  <a:gd name="T8" fmla="*/ 0 w 6"/>
                  <a:gd name="T9" fmla="*/ 0 h 12"/>
                  <a:gd name="T10" fmla="*/ 2 w 6"/>
                  <a:gd name="T11" fmla="*/ 6 h 12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6"/>
                  <a:gd name="T19" fmla="*/ 0 h 12"/>
                  <a:gd name="T20" fmla="*/ 6 w 6"/>
                  <a:gd name="T21" fmla="*/ 12 h 12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6" h="12">
                    <a:moveTo>
                      <a:pt x="2" y="6"/>
                    </a:moveTo>
                    <a:lnTo>
                      <a:pt x="6" y="12"/>
                    </a:lnTo>
                    <a:lnTo>
                      <a:pt x="3" y="12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2" y="6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61" name="Freeform 25"/>
              <p:cNvSpPr>
                <a:spLocks/>
              </p:cNvSpPr>
              <p:nvPr/>
            </p:nvSpPr>
            <p:spPr bwMode="auto">
              <a:xfrm>
                <a:off x="1218" y="1790"/>
                <a:ext cx="12" cy="19"/>
              </a:xfrm>
              <a:custGeom>
                <a:avLst/>
                <a:gdLst>
                  <a:gd name="T0" fmla="*/ 5 w 12"/>
                  <a:gd name="T1" fmla="*/ 16 h 19"/>
                  <a:gd name="T2" fmla="*/ 7 w 12"/>
                  <a:gd name="T3" fmla="*/ 15 h 19"/>
                  <a:gd name="T4" fmla="*/ 8 w 12"/>
                  <a:gd name="T5" fmla="*/ 19 h 19"/>
                  <a:gd name="T6" fmla="*/ 12 w 12"/>
                  <a:gd name="T7" fmla="*/ 19 h 19"/>
                  <a:gd name="T8" fmla="*/ 11 w 12"/>
                  <a:gd name="T9" fmla="*/ 14 h 19"/>
                  <a:gd name="T10" fmla="*/ 11 w 12"/>
                  <a:gd name="T11" fmla="*/ 8 h 19"/>
                  <a:gd name="T12" fmla="*/ 8 w 12"/>
                  <a:gd name="T13" fmla="*/ 0 h 19"/>
                  <a:gd name="T14" fmla="*/ 2 w 12"/>
                  <a:gd name="T15" fmla="*/ 4 h 19"/>
                  <a:gd name="T16" fmla="*/ 3 w 12"/>
                  <a:gd name="T17" fmla="*/ 6 h 19"/>
                  <a:gd name="T18" fmla="*/ 0 w 12"/>
                  <a:gd name="T19" fmla="*/ 13 h 19"/>
                  <a:gd name="T20" fmla="*/ 3 w 12"/>
                  <a:gd name="T21" fmla="*/ 15 h 19"/>
                  <a:gd name="T22" fmla="*/ 4 w 12"/>
                  <a:gd name="T23" fmla="*/ 11 h 19"/>
                  <a:gd name="T24" fmla="*/ 5 w 12"/>
                  <a:gd name="T25" fmla="*/ 12 h 19"/>
                  <a:gd name="T26" fmla="*/ 5 w 12"/>
                  <a:gd name="T27" fmla="*/ 8 h 19"/>
                  <a:gd name="T28" fmla="*/ 6 w 12"/>
                  <a:gd name="T29" fmla="*/ 12 h 19"/>
                  <a:gd name="T30" fmla="*/ 5 w 12"/>
                  <a:gd name="T31" fmla="*/ 16 h 19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w 12"/>
                  <a:gd name="T49" fmla="*/ 0 h 19"/>
                  <a:gd name="T50" fmla="*/ 12 w 12"/>
                  <a:gd name="T51" fmla="*/ 19 h 19"/>
                </a:gdLst>
                <a:ahLst/>
                <a:cxnLst>
                  <a:cxn ang="T32">
                    <a:pos x="T0" y="T1"/>
                  </a:cxn>
                  <a:cxn ang="T33">
                    <a:pos x="T2" y="T3"/>
                  </a:cxn>
                  <a:cxn ang="T34">
                    <a:pos x="T4" y="T5"/>
                  </a:cxn>
                  <a:cxn ang="T35">
                    <a:pos x="T6" y="T7"/>
                  </a:cxn>
                  <a:cxn ang="T36">
                    <a:pos x="T8" y="T9"/>
                  </a:cxn>
                  <a:cxn ang="T37">
                    <a:pos x="T10" y="T11"/>
                  </a:cxn>
                  <a:cxn ang="T38">
                    <a:pos x="T12" y="T13"/>
                  </a:cxn>
                  <a:cxn ang="T39">
                    <a:pos x="T14" y="T15"/>
                  </a:cxn>
                  <a:cxn ang="T40">
                    <a:pos x="T16" y="T17"/>
                  </a:cxn>
                  <a:cxn ang="T41">
                    <a:pos x="T18" y="T19"/>
                  </a:cxn>
                  <a:cxn ang="T42">
                    <a:pos x="T20" y="T21"/>
                  </a:cxn>
                  <a:cxn ang="T43">
                    <a:pos x="T22" y="T23"/>
                  </a:cxn>
                  <a:cxn ang="T44">
                    <a:pos x="T24" y="T25"/>
                  </a:cxn>
                  <a:cxn ang="T45">
                    <a:pos x="T26" y="T27"/>
                  </a:cxn>
                  <a:cxn ang="T46">
                    <a:pos x="T28" y="T29"/>
                  </a:cxn>
                  <a:cxn ang="T47">
                    <a:pos x="T30" y="T31"/>
                  </a:cxn>
                </a:cxnLst>
                <a:rect l="T48" t="T49" r="T50" b="T51"/>
                <a:pathLst>
                  <a:path w="12" h="19">
                    <a:moveTo>
                      <a:pt x="5" y="16"/>
                    </a:moveTo>
                    <a:lnTo>
                      <a:pt x="7" y="15"/>
                    </a:lnTo>
                    <a:lnTo>
                      <a:pt x="8" y="19"/>
                    </a:lnTo>
                    <a:lnTo>
                      <a:pt x="12" y="19"/>
                    </a:lnTo>
                    <a:lnTo>
                      <a:pt x="11" y="14"/>
                    </a:lnTo>
                    <a:lnTo>
                      <a:pt x="11" y="8"/>
                    </a:lnTo>
                    <a:lnTo>
                      <a:pt x="8" y="0"/>
                    </a:lnTo>
                    <a:lnTo>
                      <a:pt x="2" y="4"/>
                    </a:lnTo>
                    <a:lnTo>
                      <a:pt x="3" y="6"/>
                    </a:lnTo>
                    <a:lnTo>
                      <a:pt x="0" y="13"/>
                    </a:lnTo>
                    <a:lnTo>
                      <a:pt x="3" y="15"/>
                    </a:lnTo>
                    <a:lnTo>
                      <a:pt x="4" y="11"/>
                    </a:lnTo>
                    <a:lnTo>
                      <a:pt x="5" y="12"/>
                    </a:lnTo>
                    <a:lnTo>
                      <a:pt x="5" y="8"/>
                    </a:lnTo>
                    <a:lnTo>
                      <a:pt x="6" y="12"/>
                    </a:lnTo>
                    <a:lnTo>
                      <a:pt x="5" y="16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62" name="Freeform 26"/>
              <p:cNvSpPr>
                <a:spLocks/>
              </p:cNvSpPr>
              <p:nvPr/>
            </p:nvSpPr>
            <p:spPr bwMode="auto">
              <a:xfrm>
                <a:off x="1190" y="1780"/>
                <a:ext cx="25" cy="40"/>
              </a:xfrm>
              <a:custGeom>
                <a:avLst/>
                <a:gdLst>
                  <a:gd name="T0" fmla="*/ 14 w 25"/>
                  <a:gd name="T1" fmla="*/ 8 h 40"/>
                  <a:gd name="T2" fmla="*/ 18 w 25"/>
                  <a:gd name="T3" fmla="*/ 14 h 40"/>
                  <a:gd name="T4" fmla="*/ 17 w 25"/>
                  <a:gd name="T5" fmla="*/ 17 h 40"/>
                  <a:gd name="T6" fmla="*/ 21 w 25"/>
                  <a:gd name="T7" fmla="*/ 22 h 40"/>
                  <a:gd name="T8" fmla="*/ 17 w 25"/>
                  <a:gd name="T9" fmla="*/ 18 h 40"/>
                  <a:gd name="T10" fmla="*/ 19 w 25"/>
                  <a:gd name="T11" fmla="*/ 24 h 40"/>
                  <a:gd name="T12" fmla="*/ 25 w 25"/>
                  <a:gd name="T13" fmla="*/ 29 h 40"/>
                  <a:gd name="T14" fmla="*/ 23 w 25"/>
                  <a:gd name="T15" fmla="*/ 34 h 40"/>
                  <a:gd name="T16" fmla="*/ 25 w 25"/>
                  <a:gd name="T17" fmla="*/ 34 h 40"/>
                  <a:gd name="T18" fmla="*/ 24 w 25"/>
                  <a:gd name="T19" fmla="*/ 40 h 40"/>
                  <a:gd name="T20" fmla="*/ 21 w 25"/>
                  <a:gd name="T21" fmla="*/ 40 h 40"/>
                  <a:gd name="T22" fmla="*/ 20 w 25"/>
                  <a:gd name="T23" fmla="*/ 33 h 40"/>
                  <a:gd name="T24" fmla="*/ 17 w 25"/>
                  <a:gd name="T25" fmla="*/ 34 h 40"/>
                  <a:gd name="T26" fmla="*/ 15 w 25"/>
                  <a:gd name="T27" fmla="*/ 29 h 40"/>
                  <a:gd name="T28" fmla="*/ 8 w 25"/>
                  <a:gd name="T29" fmla="*/ 25 h 40"/>
                  <a:gd name="T30" fmla="*/ 11 w 25"/>
                  <a:gd name="T31" fmla="*/ 24 h 40"/>
                  <a:gd name="T32" fmla="*/ 10 w 25"/>
                  <a:gd name="T33" fmla="*/ 21 h 40"/>
                  <a:gd name="T34" fmla="*/ 11 w 25"/>
                  <a:gd name="T35" fmla="*/ 19 h 40"/>
                  <a:gd name="T36" fmla="*/ 5 w 25"/>
                  <a:gd name="T37" fmla="*/ 17 h 40"/>
                  <a:gd name="T38" fmla="*/ 7 w 25"/>
                  <a:gd name="T39" fmla="*/ 14 h 40"/>
                  <a:gd name="T40" fmla="*/ 7 w 25"/>
                  <a:gd name="T41" fmla="*/ 5 h 40"/>
                  <a:gd name="T42" fmla="*/ 0 w 25"/>
                  <a:gd name="T43" fmla="*/ 10 h 40"/>
                  <a:gd name="T44" fmla="*/ 3 w 25"/>
                  <a:gd name="T45" fmla="*/ 4 h 40"/>
                  <a:gd name="T46" fmla="*/ 2 w 25"/>
                  <a:gd name="T47" fmla="*/ 0 h 40"/>
                  <a:gd name="T48" fmla="*/ 8 w 25"/>
                  <a:gd name="T49" fmla="*/ 0 h 40"/>
                  <a:gd name="T50" fmla="*/ 9 w 25"/>
                  <a:gd name="T51" fmla="*/ 2 h 40"/>
                  <a:gd name="T52" fmla="*/ 9 w 25"/>
                  <a:gd name="T53" fmla="*/ 7 h 40"/>
                  <a:gd name="T54" fmla="*/ 14 w 25"/>
                  <a:gd name="T55" fmla="*/ 8 h 40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25"/>
                  <a:gd name="T85" fmla="*/ 0 h 40"/>
                  <a:gd name="T86" fmla="*/ 25 w 25"/>
                  <a:gd name="T87" fmla="*/ 40 h 40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25" h="40">
                    <a:moveTo>
                      <a:pt x="14" y="8"/>
                    </a:moveTo>
                    <a:lnTo>
                      <a:pt x="18" y="14"/>
                    </a:lnTo>
                    <a:lnTo>
                      <a:pt x="17" y="17"/>
                    </a:lnTo>
                    <a:lnTo>
                      <a:pt x="21" y="22"/>
                    </a:lnTo>
                    <a:lnTo>
                      <a:pt x="17" y="18"/>
                    </a:lnTo>
                    <a:lnTo>
                      <a:pt x="19" y="24"/>
                    </a:lnTo>
                    <a:lnTo>
                      <a:pt x="25" y="29"/>
                    </a:lnTo>
                    <a:lnTo>
                      <a:pt x="23" y="34"/>
                    </a:lnTo>
                    <a:lnTo>
                      <a:pt x="25" y="34"/>
                    </a:lnTo>
                    <a:lnTo>
                      <a:pt x="24" y="40"/>
                    </a:lnTo>
                    <a:lnTo>
                      <a:pt x="21" y="40"/>
                    </a:lnTo>
                    <a:lnTo>
                      <a:pt x="20" y="33"/>
                    </a:lnTo>
                    <a:lnTo>
                      <a:pt x="17" y="34"/>
                    </a:lnTo>
                    <a:lnTo>
                      <a:pt x="15" y="29"/>
                    </a:lnTo>
                    <a:lnTo>
                      <a:pt x="8" y="25"/>
                    </a:lnTo>
                    <a:lnTo>
                      <a:pt x="11" y="24"/>
                    </a:lnTo>
                    <a:lnTo>
                      <a:pt x="10" y="21"/>
                    </a:lnTo>
                    <a:lnTo>
                      <a:pt x="11" y="19"/>
                    </a:lnTo>
                    <a:lnTo>
                      <a:pt x="5" y="17"/>
                    </a:lnTo>
                    <a:lnTo>
                      <a:pt x="7" y="14"/>
                    </a:lnTo>
                    <a:lnTo>
                      <a:pt x="7" y="5"/>
                    </a:lnTo>
                    <a:lnTo>
                      <a:pt x="0" y="10"/>
                    </a:lnTo>
                    <a:lnTo>
                      <a:pt x="3" y="4"/>
                    </a:lnTo>
                    <a:lnTo>
                      <a:pt x="2" y="0"/>
                    </a:lnTo>
                    <a:lnTo>
                      <a:pt x="8" y="0"/>
                    </a:lnTo>
                    <a:lnTo>
                      <a:pt x="9" y="2"/>
                    </a:lnTo>
                    <a:lnTo>
                      <a:pt x="9" y="7"/>
                    </a:lnTo>
                    <a:lnTo>
                      <a:pt x="14" y="8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63" name="Freeform 27"/>
              <p:cNvSpPr>
                <a:spLocks/>
              </p:cNvSpPr>
              <p:nvPr/>
            </p:nvSpPr>
            <p:spPr bwMode="auto">
              <a:xfrm>
                <a:off x="1152" y="1728"/>
                <a:ext cx="20" cy="24"/>
              </a:xfrm>
              <a:custGeom>
                <a:avLst/>
                <a:gdLst>
                  <a:gd name="T0" fmla="*/ 19 w 20"/>
                  <a:gd name="T1" fmla="*/ 7 h 24"/>
                  <a:gd name="T2" fmla="*/ 20 w 20"/>
                  <a:gd name="T3" fmla="*/ 11 h 24"/>
                  <a:gd name="T4" fmla="*/ 17 w 20"/>
                  <a:gd name="T5" fmla="*/ 10 h 24"/>
                  <a:gd name="T6" fmla="*/ 19 w 20"/>
                  <a:gd name="T7" fmla="*/ 14 h 24"/>
                  <a:gd name="T8" fmla="*/ 20 w 20"/>
                  <a:gd name="T9" fmla="*/ 16 h 24"/>
                  <a:gd name="T10" fmla="*/ 20 w 20"/>
                  <a:gd name="T11" fmla="*/ 23 h 24"/>
                  <a:gd name="T12" fmla="*/ 9 w 20"/>
                  <a:gd name="T13" fmla="*/ 15 h 24"/>
                  <a:gd name="T14" fmla="*/ 11 w 20"/>
                  <a:gd name="T15" fmla="*/ 23 h 24"/>
                  <a:gd name="T16" fmla="*/ 9 w 20"/>
                  <a:gd name="T17" fmla="*/ 24 h 24"/>
                  <a:gd name="T18" fmla="*/ 6 w 20"/>
                  <a:gd name="T19" fmla="*/ 23 h 24"/>
                  <a:gd name="T20" fmla="*/ 7 w 20"/>
                  <a:gd name="T21" fmla="*/ 21 h 24"/>
                  <a:gd name="T22" fmla="*/ 1 w 20"/>
                  <a:gd name="T23" fmla="*/ 13 h 24"/>
                  <a:gd name="T24" fmla="*/ 1 w 20"/>
                  <a:gd name="T25" fmla="*/ 10 h 24"/>
                  <a:gd name="T26" fmla="*/ 3 w 20"/>
                  <a:gd name="T27" fmla="*/ 10 h 24"/>
                  <a:gd name="T28" fmla="*/ 0 w 20"/>
                  <a:gd name="T29" fmla="*/ 5 h 24"/>
                  <a:gd name="T30" fmla="*/ 1 w 20"/>
                  <a:gd name="T31" fmla="*/ 3 h 24"/>
                  <a:gd name="T32" fmla="*/ 2 w 20"/>
                  <a:gd name="T33" fmla="*/ 6 h 24"/>
                  <a:gd name="T34" fmla="*/ 7 w 20"/>
                  <a:gd name="T35" fmla="*/ 0 h 24"/>
                  <a:gd name="T36" fmla="*/ 12 w 20"/>
                  <a:gd name="T37" fmla="*/ 5 h 24"/>
                  <a:gd name="T38" fmla="*/ 19 w 20"/>
                  <a:gd name="T39" fmla="*/ 7 h 24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20"/>
                  <a:gd name="T61" fmla="*/ 0 h 24"/>
                  <a:gd name="T62" fmla="*/ 20 w 20"/>
                  <a:gd name="T63" fmla="*/ 24 h 24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20" h="24">
                    <a:moveTo>
                      <a:pt x="19" y="7"/>
                    </a:moveTo>
                    <a:lnTo>
                      <a:pt x="20" y="11"/>
                    </a:lnTo>
                    <a:lnTo>
                      <a:pt x="17" y="10"/>
                    </a:lnTo>
                    <a:lnTo>
                      <a:pt x="19" y="14"/>
                    </a:lnTo>
                    <a:lnTo>
                      <a:pt x="20" y="16"/>
                    </a:lnTo>
                    <a:lnTo>
                      <a:pt x="20" y="23"/>
                    </a:lnTo>
                    <a:lnTo>
                      <a:pt x="9" y="15"/>
                    </a:lnTo>
                    <a:lnTo>
                      <a:pt x="11" y="23"/>
                    </a:lnTo>
                    <a:lnTo>
                      <a:pt x="9" y="24"/>
                    </a:lnTo>
                    <a:lnTo>
                      <a:pt x="6" y="23"/>
                    </a:lnTo>
                    <a:lnTo>
                      <a:pt x="7" y="21"/>
                    </a:lnTo>
                    <a:lnTo>
                      <a:pt x="1" y="13"/>
                    </a:lnTo>
                    <a:lnTo>
                      <a:pt x="1" y="10"/>
                    </a:lnTo>
                    <a:lnTo>
                      <a:pt x="3" y="10"/>
                    </a:lnTo>
                    <a:lnTo>
                      <a:pt x="0" y="5"/>
                    </a:lnTo>
                    <a:lnTo>
                      <a:pt x="1" y="3"/>
                    </a:lnTo>
                    <a:lnTo>
                      <a:pt x="2" y="6"/>
                    </a:lnTo>
                    <a:lnTo>
                      <a:pt x="7" y="0"/>
                    </a:lnTo>
                    <a:lnTo>
                      <a:pt x="12" y="5"/>
                    </a:lnTo>
                    <a:lnTo>
                      <a:pt x="19" y="7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64" name="Freeform 28"/>
              <p:cNvSpPr>
                <a:spLocks/>
              </p:cNvSpPr>
              <p:nvPr/>
            </p:nvSpPr>
            <p:spPr bwMode="auto">
              <a:xfrm>
                <a:off x="1200" y="1778"/>
                <a:ext cx="5" cy="4"/>
              </a:xfrm>
              <a:custGeom>
                <a:avLst/>
                <a:gdLst>
                  <a:gd name="T0" fmla="*/ 4 w 5"/>
                  <a:gd name="T1" fmla="*/ 0 h 4"/>
                  <a:gd name="T2" fmla="*/ 5 w 5"/>
                  <a:gd name="T3" fmla="*/ 3 h 4"/>
                  <a:gd name="T4" fmla="*/ 4 w 5"/>
                  <a:gd name="T5" fmla="*/ 4 h 4"/>
                  <a:gd name="T6" fmla="*/ 0 w 5"/>
                  <a:gd name="T7" fmla="*/ 1 h 4"/>
                  <a:gd name="T8" fmla="*/ 4 w 5"/>
                  <a:gd name="T9" fmla="*/ 0 h 4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5"/>
                  <a:gd name="T16" fmla="*/ 0 h 4"/>
                  <a:gd name="T17" fmla="*/ 5 w 5"/>
                  <a:gd name="T18" fmla="*/ 4 h 4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5" h="4">
                    <a:moveTo>
                      <a:pt x="4" y="0"/>
                    </a:moveTo>
                    <a:lnTo>
                      <a:pt x="5" y="3"/>
                    </a:lnTo>
                    <a:lnTo>
                      <a:pt x="4" y="4"/>
                    </a:lnTo>
                    <a:lnTo>
                      <a:pt x="0" y="1"/>
                    </a:lnTo>
                    <a:lnTo>
                      <a:pt x="4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65" name="Freeform 29"/>
              <p:cNvSpPr>
                <a:spLocks/>
              </p:cNvSpPr>
              <p:nvPr/>
            </p:nvSpPr>
            <p:spPr bwMode="auto">
              <a:xfrm>
                <a:off x="1202" y="1768"/>
                <a:ext cx="4" cy="6"/>
              </a:xfrm>
              <a:custGeom>
                <a:avLst/>
                <a:gdLst>
                  <a:gd name="T0" fmla="*/ 1 w 4"/>
                  <a:gd name="T1" fmla="*/ 1 h 6"/>
                  <a:gd name="T2" fmla="*/ 4 w 4"/>
                  <a:gd name="T3" fmla="*/ 6 h 6"/>
                  <a:gd name="T4" fmla="*/ 0 w 4"/>
                  <a:gd name="T5" fmla="*/ 6 h 6"/>
                  <a:gd name="T6" fmla="*/ 0 w 4"/>
                  <a:gd name="T7" fmla="*/ 0 h 6"/>
                  <a:gd name="T8" fmla="*/ 1 w 4"/>
                  <a:gd name="T9" fmla="*/ 1 h 6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4"/>
                  <a:gd name="T16" fmla="*/ 0 h 6"/>
                  <a:gd name="T17" fmla="*/ 4 w 4"/>
                  <a:gd name="T18" fmla="*/ 6 h 6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4" h="6">
                    <a:moveTo>
                      <a:pt x="1" y="1"/>
                    </a:moveTo>
                    <a:lnTo>
                      <a:pt x="4" y="6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1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66" name="Freeform 30"/>
              <p:cNvSpPr>
                <a:spLocks/>
              </p:cNvSpPr>
              <p:nvPr/>
            </p:nvSpPr>
            <p:spPr bwMode="auto">
              <a:xfrm>
                <a:off x="1187" y="1760"/>
                <a:ext cx="13" cy="17"/>
              </a:xfrm>
              <a:custGeom>
                <a:avLst/>
                <a:gdLst>
                  <a:gd name="T0" fmla="*/ 0 w 13"/>
                  <a:gd name="T1" fmla="*/ 2 h 17"/>
                  <a:gd name="T2" fmla="*/ 1 w 13"/>
                  <a:gd name="T3" fmla="*/ 0 h 17"/>
                  <a:gd name="T4" fmla="*/ 12 w 13"/>
                  <a:gd name="T5" fmla="*/ 3 h 17"/>
                  <a:gd name="T6" fmla="*/ 13 w 13"/>
                  <a:gd name="T7" fmla="*/ 12 h 17"/>
                  <a:gd name="T8" fmla="*/ 9 w 13"/>
                  <a:gd name="T9" fmla="*/ 7 h 17"/>
                  <a:gd name="T10" fmla="*/ 11 w 13"/>
                  <a:gd name="T11" fmla="*/ 16 h 17"/>
                  <a:gd name="T12" fmla="*/ 5 w 13"/>
                  <a:gd name="T13" fmla="*/ 17 h 17"/>
                  <a:gd name="T14" fmla="*/ 4 w 13"/>
                  <a:gd name="T15" fmla="*/ 7 h 17"/>
                  <a:gd name="T16" fmla="*/ 1 w 13"/>
                  <a:gd name="T17" fmla="*/ 6 h 17"/>
                  <a:gd name="T18" fmla="*/ 0 w 13"/>
                  <a:gd name="T19" fmla="*/ 2 h 17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13"/>
                  <a:gd name="T31" fmla="*/ 0 h 17"/>
                  <a:gd name="T32" fmla="*/ 13 w 13"/>
                  <a:gd name="T33" fmla="*/ 17 h 17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13" h="17">
                    <a:moveTo>
                      <a:pt x="0" y="2"/>
                    </a:moveTo>
                    <a:lnTo>
                      <a:pt x="1" y="0"/>
                    </a:lnTo>
                    <a:lnTo>
                      <a:pt x="12" y="3"/>
                    </a:lnTo>
                    <a:lnTo>
                      <a:pt x="13" y="12"/>
                    </a:lnTo>
                    <a:lnTo>
                      <a:pt x="9" y="7"/>
                    </a:lnTo>
                    <a:lnTo>
                      <a:pt x="11" y="16"/>
                    </a:lnTo>
                    <a:lnTo>
                      <a:pt x="5" y="17"/>
                    </a:lnTo>
                    <a:lnTo>
                      <a:pt x="4" y="7"/>
                    </a:lnTo>
                    <a:lnTo>
                      <a:pt x="1" y="6"/>
                    </a:lnTo>
                    <a:lnTo>
                      <a:pt x="0" y="2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67" name="Freeform 31"/>
              <p:cNvSpPr>
                <a:spLocks/>
              </p:cNvSpPr>
              <p:nvPr/>
            </p:nvSpPr>
            <p:spPr bwMode="auto">
              <a:xfrm>
                <a:off x="1180" y="1765"/>
                <a:ext cx="9" cy="20"/>
              </a:xfrm>
              <a:custGeom>
                <a:avLst/>
                <a:gdLst>
                  <a:gd name="T0" fmla="*/ 4 w 9"/>
                  <a:gd name="T1" fmla="*/ 8 h 20"/>
                  <a:gd name="T2" fmla="*/ 0 w 9"/>
                  <a:gd name="T3" fmla="*/ 5 h 20"/>
                  <a:gd name="T4" fmla="*/ 0 w 9"/>
                  <a:gd name="T5" fmla="*/ 2 h 20"/>
                  <a:gd name="T6" fmla="*/ 4 w 9"/>
                  <a:gd name="T7" fmla="*/ 0 h 20"/>
                  <a:gd name="T8" fmla="*/ 6 w 9"/>
                  <a:gd name="T9" fmla="*/ 4 h 20"/>
                  <a:gd name="T10" fmla="*/ 9 w 9"/>
                  <a:gd name="T11" fmla="*/ 4 h 20"/>
                  <a:gd name="T12" fmla="*/ 9 w 9"/>
                  <a:gd name="T13" fmla="*/ 8 h 20"/>
                  <a:gd name="T14" fmla="*/ 7 w 9"/>
                  <a:gd name="T15" fmla="*/ 7 h 20"/>
                  <a:gd name="T16" fmla="*/ 7 w 9"/>
                  <a:gd name="T17" fmla="*/ 20 h 20"/>
                  <a:gd name="T18" fmla="*/ 6 w 9"/>
                  <a:gd name="T19" fmla="*/ 17 h 20"/>
                  <a:gd name="T20" fmla="*/ 4 w 9"/>
                  <a:gd name="T21" fmla="*/ 17 h 20"/>
                  <a:gd name="T22" fmla="*/ 3 w 9"/>
                  <a:gd name="T23" fmla="*/ 13 h 20"/>
                  <a:gd name="T24" fmla="*/ 6 w 9"/>
                  <a:gd name="T25" fmla="*/ 10 h 20"/>
                  <a:gd name="T26" fmla="*/ 3 w 9"/>
                  <a:gd name="T27" fmla="*/ 8 h 20"/>
                  <a:gd name="T28" fmla="*/ 4 w 9"/>
                  <a:gd name="T29" fmla="*/ 8 h 20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w 9"/>
                  <a:gd name="T46" fmla="*/ 0 h 20"/>
                  <a:gd name="T47" fmla="*/ 9 w 9"/>
                  <a:gd name="T48" fmla="*/ 20 h 20"/>
                </a:gdLst>
                <a:ahLst/>
                <a:cxnLst>
                  <a:cxn ang="T30">
                    <a:pos x="T0" y="T1"/>
                  </a:cxn>
                  <a:cxn ang="T31">
                    <a:pos x="T2" y="T3"/>
                  </a:cxn>
                  <a:cxn ang="T32">
                    <a:pos x="T4" y="T5"/>
                  </a:cxn>
                  <a:cxn ang="T33">
                    <a:pos x="T6" y="T7"/>
                  </a:cxn>
                  <a:cxn ang="T34">
                    <a:pos x="T8" y="T9"/>
                  </a:cxn>
                  <a:cxn ang="T35">
                    <a:pos x="T10" y="T11"/>
                  </a:cxn>
                  <a:cxn ang="T36">
                    <a:pos x="T12" y="T13"/>
                  </a:cxn>
                  <a:cxn ang="T37">
                    <a:pos x="T14" y="T15"/>
                  </a:cxn>
                  <a:cxn ang="T38">
                    <a:pos x="T16" y="T17"/>
                  </a:cxn>
                  <a:cxn ang="T39">
                    <a:pos x="T18" y="T19"/>
                  </a:cxn>
                  <a:cxn ang="T40">
                    <a:pos x="T20" y="T21"/>
                  </a:cxn>
                  <a:cxn ang="T41">
                    <a:pos x="T22" y="T23"/>
                  </a:cxn>
                  <a:cxn ang="T42">
                    <a:pos x="T24" y="T25"/>
                  </a:cxn>
                  <a:cxn ang="T43">
                    <a:pos x="T26" y="T27"/>
                  </a:cxn>
                  <a:cxn ang="T44">
                    <a:pos x="T28" y="T29"/>
                  </a:cxn>
                </a:cxnLst>
                <a:rect l="T45" t="T46" r="T47" b="T48"/>
                <a:pathLst>
                  <a:path w="9" h="20">
                    <a:moveTo>
                      <a:pt x="4" y="8"/>
                    </a:moveTo>
                    <a:lnTo>
                      <a:pt x="0" y="5"/>
                    </a:lnTo>
                    <a:lnTo>
                      <a:pt x="0" y="2"/>
                    </a:lnTo>
                    <a:lnTo>
                      <a:pt x="4" y="0"/>
                    </a:lnTo>
                    <a:lnTo>
                      <a:pt x="6" y="4"/>
                    </a:lnTo>
                    <a:lnTo>
                      <a:pt x="9" y="4"/>
                    </a:lnTo>
                    <a:lnTo>
                      <a:pt x="9" y="8"/>
                    </a:lnTo>
                    <a:lnTo>
                      <a:pt x="7" y="7"/>
                    </a:lnTo>
                    <a:lnTo>
                      <a:pt x="7" y="20"/>
                    </a:lnTo>
                    <a:lnTo>
                      <a:pt x="6" y="17"/>
                    </a:lnTo>
                    <a:lnTo>
                      <a:pt x="4" y="17"/>
                    </a:lnTo>
                    <a:lnTo>
                      <a:pt x="3" y="13"/>
                    </a:lnTo>
                    <a:lnTo>
                      <a:pt x="6" y="10"/>
                    </a:lnTo>
                    <a:lnTo>
                      <a:pt x="3" y="8"/>
                    </a:lnTo>
                    <a:lnTo>
                      <a:pt x="4" y="8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68" name="Freeform 32"/>
              <p:cNvSpPr>
                <a:spLocks/>
              </p:cNvSpPr>
              <p:nvPr/>
            </p:nvSpPr>
            <p:spPr bwMode="auto">
              <a:xfrm>
                <a:off x="1175" y="1732"/>
                <a:ext cx="14" cy="29"/>
              </a:xfrm>
              <a:custGeom>
                <a:avLst/>
                <a:gdLst>
                  <a:gd name="T0" fmla="*/ 3 w 14"/>
                  <a:gd name="T1" fmla="*/ 15 h 29"/>
                  <a:gd name="T2" fmla="*/ 0 w 14"/>
                  <a:gd name="T3" fmla="*/ 3 h 29"/>
                  <a:gd name="T4" fmla="*/ 1 w 14"/>
                  <a:gd name="T5" fmla="*/ 1 h 29"/>
                  <a:gd name="T6" fmla="*/ 5 w 14"/>
                  <a:gd name="T7" fmla="*/ 0 h 29"/>
                  <a:gd name="T8" fmla="*/ 8 w 14"/>
                  <a:gd name="T9" fmla="*/ 1 h 29"/>
                  <a:gd name="T10" fmla="*/ 12 w 14"/>
                  <a:gd name="T11" fmla="*/ 8 h 29"/>
                  <a:gd name="T12" fmla="*/ 14 w 14"/>
                  <a:gd name="T13" fmla="*/ 16 h 29"/>
                  <a:gd name="T14" fmla="*/ 8 w 14"/>
                  <a:gd name="T15" fmla="*/ 3 h 29"/>
                  <a:gd name="T16" fmla="*/ 8 w 14"/>
                  <a:gd name="T17" fmla="*/ 9 h 29"/>
                  <a:gd name="T18" fmla="*/ 13 w 14"/>
                  <a:gd name="T19" fmla="*/ 18 h 29"/>
                  <a:gd name="T20" fmla="*/ 11 w 14"/>
                  <a:gd name="T21" fmla="*/ 19 h 29"/>
                  <a:gd name="T22" fmla="*/ 12 w 14"/>
                  <a:gd name="T23" fmla="*/ 22 h 29"/>
                  <a:gd name="T24" fmla="*/ 9 w 14"/>
                  <a:gd name="T25" fmla="*/ 21 h 29"/>
                  <a:gd name="T26" fmla="*/ 9 w 14"/>
                  <a:gd name="T27" fmla="*/ 26 h 29"/>
                  <a:gd name="T28" fmla="*/ 8 w 14"/>
                  <a:gd name="T29" fmla="*/ 24 h 29"/>
                  <a:gd name="T30" fmla="*/ 4 w 14"/>
                  <a:gd name="T31" fmla="*/ 29 h 29"/>
                  <a:gd name="T32" fmla="*/ 2 w 14"/>
                  <a:gd name="T33" fmla="*/ 27 h 29"/>
                  <a:gd name="T34" fmla="*/ 3 w 14"/>
                  <a:gd name="T35" fmla="*/ 22 h 29"/>
                  <a:gd name="T36" fmla="*/ 6 w 14"/>
                  <a:gd name="T37" fmla="*/ 20 h 29"/>
                  <a:gd name="T38" fmla="*/ 4 w 14"/>
                  <a:gd name="T39" fmla="*/ 19 h 29"/>
                  <a:gd name="T40" fmla="*/ 7 w 14"/>
                  <a:gd name="T41" fmla="*/ 16 h 29"/>
                  <a:gd name="T42" fmla="*/ 3 w 14"/>
                  <a:gd name="T43" fmla="*/ 15 h 29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14"/>
                  <a:gd name="T67" fmla="*/ 0 h 29"/>
                  <a:gd name="T68" fmla="*/ 14 w 14"/>
                  <a:gd name="T69" fmla="*/ 29 h 29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14" h="29">
                    <a:moveTo>
                      <a:pt x="3" y="15"/>
                    </a:moveTo>
                    <a:lnTo>
                      <a:pt x="0" y="3"/>
                    </a:lnTo>
                    <a:lnTo>
                      <a:pt x="1" y="1"/>
                    </a:lnTo>
                    <a:lnTo>
                      <a:pt x="5" y="0"/>
                    </a:lnTo>
                    <a:lnTo>
                      <a:pt x="8" y="1"/>
                    </a:lnTo>
                    <a:lnTo>
                      <a:pt x="12" y="8"/>
                    </a:lnTo>
                    <a:lnTo>
                      <a:pt x="14" y="16"/>
                    </a:lnTo>
                    <a:lnTo>
                      <a:pt x="8" y="3"/>
                    </a:lnTo>
                    <a:lnTo>
                      <a:pt x="8" y="9"/>
                    </a:lnTo>
                    <a:lnTo>
                      <a:pt x="13" y="18"/>
                    </a:lnTo>
                    <a:lnTo>
                      <a:pt x="11" y="19"/>
                    </a:lnTo>
                    <a:lnTo>
                      <a:pt x="12" y="22"/>
                    </a:lnTo>
                    <a:lnTo>
                      <a:pt x="9" y="21"/>
                    </a:lnTo>
                    <a:lnTo>
                      <a:pt x="9" y="26"/>
                    </a:lnTo>
                    <a:lnTo>
                      <a:pt x="8" y="24"/>
                    </a:lnTo>
                    <a:lnTo>
                      <a:pt x="4" y="29"/>
                    </a:lnTo>
                    <a:lnTo>
                      <a:pt x="2" y="27"/>
                    </a:lnTo>
                    <a:lnTo>
                      <a:pt x="3" y="22"/>
                    </a:lnTo>
                    <a:lnTo>
                      <a:pt x="6" y="20"/>
                    </a:lnTo>
                    <a:lnTo>
                      <a:pt x="4" y="19"/>
                    </a:lnTo>
                    <a:lnTo>
                      <a:pt x="7" y="16"/>
                    </a:lnTo>
                    <a:lnTo>
                      <a:pt x="3" y="1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69" name="Freeform 33"/>
              <p:cNvSpPr>
                <a:spLocks/>
              </p:cNvSpPr>
              <p:nvPr/>
            </p:nvSpPr>
            <p:spPr bwMode="auto">
              <a:xfrm>
                <a:off x="1163" y="1749"/>
                <a:ext cx="14" cy="34"/>
              </a:xfrm>
              <a:custGeom>
                <a:avLst/>
                <a:gdLst>
                  <a:gd name="T0" fmla="*/ 11 w 14"/>
                  <a:gd name="T1" fmla="*/ 7 h 34"/>
                  <a:gd name="T2" fmla="*/ 14 w 14"/>
                  <a:gd name="T3" fmla="*/ 25 h 34"/>
                  <a:gd name="T4" fmla="*/ 13 w 14"/>
                  <a:gd name="T5" fmla="*/ 34 h 34"/>
                  <a:gd name="T6" fmla="*/ 12 w 14"/>
                  <a:gd name="T7" fmla="*/ 34 h 34"/>
                  <a:gd name="T8" fmla="*/ 9 w 14"/>
                  <a:gd name="T9" fmla="*/ 25 h 34"/>
                  <a:gd name="T10" fmla="*/ 11 w 14"/>
                  <a:gd name="T11" fmla="*/ 18 h 34"/>
                  <a:gd name="T12" fmla="*/ 8 w 14"/>
                  <a:gd name="T13" fmla="*/ 21 h 34"/>
                  <a:gd name="T14" fmla="*/ 5 w 14"/>
                  <a:gd name="T15" fmla="*/ 17 h 34"/>
                  <a:gd name="T16" fmla="*/ 6 w 14"/>
                  <a:gd name="T17" fmla="*/ 12 h 34"/>
                  <a:gd name="T18" fmla="*/ 0 w 14"/>
                  <a:gd name="T19" fmla="*/ 5 h 34"/>
                  <a:gd name="T20" fmla="*/ 2 w 14"/>
                  <a:gd name="T21" fmla="*/ 0 h 34"/>
                  <a:gd name="T22" fmla="*/ 11 w 14"/>
                  <a:gd name="T23" fmla="*/ 7 h 3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14"/>
                  <a:gd name="T37" fmla="*/ 0 h 34"/>
                  <a:gd name="T38" fmla="*/ 14 w 14"/>
                  <a:gd name="T39" fmla="*/ 34 h 3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14" h="34">
                    <a:moveTo>
                      <a:pt x="11" y="7"/>
                    </a:moveTo>
                    <a:lnTo>
                      <a:pt x="14" y="25"/>
                    </a:lnTo>
                    <a:lnTo>
                      <a:pt x="13" y="34"/>
                    </a:lnTo>
                    <a:lnTo>
                      <a:pt x="12" y="34"/>
                    </a:lnTo>
                    <a:lnTo>
                      <a:pt x="9" y="25"/>
                    </a:lnTo>
                    <a:lnTo>
                      <a:pt x="11" y="18"/>
                    </a:lnTo>
                    <a:lnTo>
                      <a:pt x="8" y="21"/>
                    </a:lnTo>
                    <a:lnTo>
                      <a:pt x="5" y="17"/>
                    </a:lnTo>
                    <a:lnTo>
                      <a:pt x="6" y="12"/>
                    </a:lnTo>
                    <a:lnTo>
                      <a:pt x="0" y="5"/>
                    </a:lnTo>
                    <a:lnTo>
                      <a:pt x="2" y="0"/>
                    </a:lnTo>
                    <a:lnTo>
                      <a:pt x="11" y="7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70" name="Freeform 34"/>
              <p:cNvSpPr>
                <a:spLocks/>
              </p:cNvSpPr>
              <p:nvPr/>
            </p:nvSpPr>
            <p:spPr bwMode="auto">
              <a:xfrm>
                <a:off x="1254" y="1865"/>
                <a:ext cx="3" cy="7"/>
              </a:xfrm>
              <a:custGeom>
                <a:avLst/>
                <a:gdLst>
                  <a:gd name="T0" fmla="*/ 0 w 3"/>
                  <a:gd name="T1" fmla="*/ 0 h 7"/>
                  <a:gd name="T2" fmla="*/ 3 w 3"/>
                  <a:gd name="T3" fmla="*/ 7 h 7"/>
                  <a:gd name="T4" fmla="*/ 0 w 3"/>
                  <a:gd name="T5" fmla="*/ 2 h 7"/>
                  <a:gd name="T6" fmla="*/ 0 w 3"/>
                  <a:gd name="T7" fmla="*/ 0 h 7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3"/>
                  <a:gd name="T13" fmla="*/ 0 h 7"/>
                  <a:gd name="T14" fmla="*/ 3 w 3"/>
                  <a:gd name="T15" fmla="*/ 7 h 7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3" h="7">
                    <a:moveTo>
                      <a:pt x="0" y="0"/>
                    </a:moveTo>
                    <a:lnTo>
                      <a:pt x="3" y="7"/>
                    </a:lnTo>
                    <a:lnTo>
                      <a:pt x="0" y="2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71" name="Freeform 35"/>
              <p:cNvSpPr>
                <a:spLocks/>
              </p:cNvSpPr>
              <p:nvPr/>
            </p:nvSpPr>
            <p:spPr bwMode="auto">
              <a:xfrm>
                <a:off x="1240" y="1841"/>
                <a:ext cx="10" cy="16"/>
              </a:xfrm>
              <a:custGeom>
                <a:avLst/>
                <a:gdLst>
                  <a:gd name="T0" fmla="*/ 6 w 10"/>
                  <a:gd name="T1" fmla="*/ 5 h 16"/>
                  <a:gd name="T2" fmla="*/ 10 w 10"/>
                  <a:gd name="T3" fmla="*/ 10 h 16"/>
                  <a:gd name="T4" fmla="*/ 9 w 10"/>
                  <a:gd name="T5" fmla="*/ 16 h 16"/>
                  <a:gd name="T6" fmla="*/ 3 w 10"/>
                  <a:gd name="T7" fmla="*/ 3 h 16"/>
                  <a:gd name="T8" fmla="*/ 0 w 10"/>
                  <a:gd name="T9" fmla="*/ 0 h 16"/>
                  <a:gd name="T10" fmla="*/ 2 w 10"/>
                  <a:gd name="T11" fmla="*/ 0 h 16"/>
                  <a:gd name="T12" fmla="*/ 6 w 10"/>
                  <a:gd name="T13" fmla="*/ 5 h 1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10"/>
                  <a:gd name="T22" fmla="*/ 0 h 16"/>
                  <a:gd name="T23" fmla="*/ 10 w 10"/>
                  <a:gd name="T24" fmla="*/ 16 h 16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10" h="16">
                    <a:moveTo>
                      <a:pt x="6" y="5"/>
                    </a:moveTo>
                    <a:lnTo>
                      <a:pt x="10" y="10"/>
                    </a:lnTo>
                    <a:lnTo>
                      <a:pt x="9" y="16"/>
                    </a:lnTo>
                    <a:lnTo>
                      <a:pt x="3" y="3"/>
                    </a:lnTo>
                    <a:lnTo>
                      <a:pt x="0" y="0"/>
                    </a:lnTo>
                    <a:lnTo>
                      <a:pt x="2" y="0"/>
                    </a:lnTo>
                    <a:lnTo>
                      <a:pt x="6" y="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72" name="Freeform 36"/>
              <p:cNvSpPr>
                <a:spLocks/>
              </p:cNvSpPr>
              <p:nvPr/>
            </p:nvSpPr>
            <p:spPr bwMode="auto">
              <a:xfrm>
                <a:off x="1235" y="1846"/>
                <a:ext cx="11" cy="11"/>
              </a:xfrm>
              <a:custGeom>
                <a:avLst/>
                <a:gdLst>
                  <a:gd name="T0" fmla="*/ 0 w 11"/>
                  <a:gd name="T1" fmla="*/ 0 h 11"/>
                  <a:gd name="T2" fmla="*/ 8 w 11"/>
                  <a:gd name="T3" fmla="*/ 4 h 11"/>
                  <a:gd name="T4" fmla="*/ 11 w 11"/>
                  <a:gd name="T5" fmla="*/ 11 h 11"/>
                  <a:gd name="T6" fmla="*/ 0 w 11"/>
                  <a:gd name="T7" fmla="*/ 0 h 11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1"/>
                  <a:gd name="T13" fmla="*/ 0 h 11"/>
                  <a:gd name="T14" fmla="*/ 11 w 11"/>
                  <a:gd name="T15" fmla="*/ 11 h 11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1" h="11">
                    <a:moveTo>
                      <a:pt x="0" y="0"/>
                    </a:moveTo>
                    <a:lnTo>
                      <a:pt x="8" y="4"/>
                    </a:lnTo>
                    <a:lnTo>
                      <a:pt x="11" y="11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73" name="Freeform 37"/>
              <p:cNvSpPr>
                <a:spLocks/>
              </p:cNvSpPr>
              <p:nvPr/>
            </p:nvSpPr>
            <p:spPr bwMode="auto">
              <a:xfrm>
                <a:off x="1234" y="1836"/>
                <a:ext cx="5" cy="5"/>
              </a:xfrm>
              <a:custGeom>
                <a:avLst/>
                <a:gdLst>
                  <a:gd name="T0" fmla="*/ 0 w 5"/>
                  <a:gd name="T1" fmla="*/ 3 h 5"/>
                  <a:gd name="T2" fmla="*/ 3 w 5"/>
                  <a:gd name="T3" fmla="*/ 0 h 5"/>
                  <a:gd name="T4" fmla="*/ 5 w 5"/>
                  <a:gd name="T5" fmla="*/ 4 h 5"/>
                  <a:gd name="T6" fmla="*/ 4 w 5"/>
                  <a:gd name="T7" fmla="*/ 5 h 5"/>
                  <a:gd name="T8" fmla="*/ 0 w 5"/>
                  <a:gd name="T9" fmla="*/ 3 h 5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5"/>
                  <a:gd name="T16" fmla="*/ 0 h 5"/>
                  <a:gd name="T17" fmla="*/ 5 w 5"/>
                  <a:gd name="T18" fmla="*/ 5 h 5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5" h="5">
                    <a:moveTo>
                      <a:pt x="0" y="3"/>
                    </a:moveTo>
                    <a:lnTo>
                      <a:pt x="3" y="0"/>
                    </a:lnTo>
                    <a:lnTo>
                      <a:pt x="5" y="4"/>
                    </a:lnTo>
                    <a:lnTo>
                      <a:pt x="4" y="5"/>
                    </a:lnTo>
                    <a:lnTo>
                      <a:pt x="0" y="3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74" name="Freeform 38"/>
              <p:cNvSpPr>
                <a:spLocks/>
              </p:cNvSpPr>
              <p:nvPr/>
            </p:nvSpPr>
            <p:spPr bwMode="auto">
              <a:xfrm>
                <a:off x="1267" y="1910"/>
                <a:ext cx="71" cy="56"/>
              </a:xfrm>
              <a:custGeom>
                <a:avLst/>
                <a:gdLst>
                  <a:gd name="T0" fmla="*/ 12 w 71"/>
                  <a:gd name="T1" fmla="*/ 11 h 56"/>
                  <a:gd name="T2" fmla="*/ 12 w 71"/>
                  <a:gd name="T3" fmla="*/ 6 h 56"/>
                  <a:gd name="T4" fmla="*/ 5 w 71"/>
                  <a:gd name="T5" fmla="*/ 4 h 56"/>
                  <a:gd name="T6" fmla="*/ 3 w 71"/>
                  <a:gd name="T7" fmla="*/ 7 h 56"/>
                  <a:gd name="T8" fmla="*/ 0 w 71"/>
                  <a:gd name="T9" fmla="*/ 4 h 56"/>
                  <a:gd name="T10" fmla="*/ 1 w 71"/>
                  <a:gd name="T11" fmla="*/ 2 h 56"/>
                  <a:gd name="T12" fmla="*/ 4 w 71"/>
                  <a:gd name="T13" fmla="*/ 0 h 56"/>
                  <a:gd name="T14" fmla="*/ 38 w 71"/>
                  <a:gd name="T15" fmla="*/ 12 h 56"/>
                  <a:gd name="T16" fmla="*/ 48 w 71"/>
                  <a:gd name="T17" fmla="*/ 25 h 56"/>
                  <a:gd name="T18" fmla="*/ 50 w 71"/>
                  <a:gd name="T19" fmla="*/ 30 h 56"/>
                  <a:gd name="T20" fmla="*/ 65 w 71"/>
                  <a:gd name="T21" fmla="*/ 39 h 56"/>
                  <a:gd name="T22" fmla="*/ 68 w 71"/>
                  <a:gd name="T23" fmla="*/ 49 h 56"/>
                  <a:gd name="T24" fmla="*/ 69 w 71"/>
                  <a:gd name="T25" fmla="*/ 49 h 56"/>
                  <a:gd name="T26" fmla="*/ 71 w 71"/>
                  <a:gd name="T27" fmla="*/ 52 h 56"/>
                  <a:gd name="T28" fmla="*/ 66 w 71"/>
                  <a:gd name="T29" fmla="*/ 56 h 56"/>
                  <a:gd name="T30" fmla="*/ 51 w 71"/>
                  <a:gd name="T31" fmla="*/ 49 h 56"/>
                  <a:gd name="T32" fmla="*/ 52 w 71"/>
                  <a:gd name="T33" fmla="*/ 45 h 56"/>
                  <a:gd name="T34" fmla="*/ 49 w 71"/>
                  <a:gd name="T35" fmla="*/ 47 h 56"/>
                  <a:gd name="T36" fmla="*/ 47 w 71"/>
                  <a:gd name="T37" fmla="*/ 45 h 56"/>
                  <a:gd name="T38" fmla="*/ 49 w 71"/>
                  <a:gd name="T39" fmla="*/ 41 h 56"/>
                  <a:gd name="T40" fmla="*/ 40 w 71"/>
                  <a:gd name="T41" fmla="*/ 42 h 56"/>
                  <a:gd name="T42" fmla="*/ 37 w 71"/>
                  <a:gd name="T43" fmla="*/ 40 h 56"/>
                  <a:gd name="T44" fmla="*/ 41 w 71"/>
                  <a:gd name="T45" fmla="*/ 39 h 56"/>
                  <a:gd name="T46" fmla="*/ 37 w 71"/>
                  <a:gd name="T47" fmla="*/ 35 h 56"/>
                  <a:gd name="T48" fmla="*/ 27 w 71"/>
                  <a:gd name="T49" fmla="*/ 32 h 56"/>
                  <a:gd name="T50" fmla="*/ 26 w 71"/>
                  <a:gd name="T51" fmla="*/ 29 h 56"/>
                  <a:gd name="T52" fmla="*/ 33 w 71"/>
                  <a:gd name="T53" fmla="*/ 27 h 56"/>
                  <a:gd name="T54" fmla="*/ 28 w 71"/>
                  <a:gd name="T55" fmla="*/ 26 h 56"/>
                  <a:gd name="T56" fmla="*/ 27 w 71"/>
                  <a:gd name="T57" fmla="*/ 24 h 56"/>
                  <a:gd name="T58" fmla="*/ 26 w 71"/>
                  <a:gd name="T59" fmla="*/ 25 h 56"/>
                  <a:gd name="T60" fmla="*/ 20 w 71"/>
                  <a:gd name="T61" fmla="*/ 20 h 56"/>
                  <a:gd name="T62" fmla="*/ 19 w 71"/>
                  <a:gd name="T63" fmla="*/ 22 h 56"/>
                  <a:gd name="T64" fmla="*/ 17 w 71"/>
                  <a:gd name="T65" fmla="*/ 20 h 56"/>
                  <a:gd name="T66" fmla="*/ 18 w 71"/>
                  <a:gd name="T67" fmla="*/ 17 h 56"/>
                  <a:gd name="T68" fmla="*/ 15 w 71"/>
                  <a:gd name="T69" fmla="*/ 15 h 56"/>
                  <a:gd name="T70" fmla="*/ 14 w 71"/>
                  <a:gd name="T71" fmla="*/ 18 h 56"/>
                  <a:gd name="T72" fmla="*/ 13 w 71"/>
                  <a:gd name="T73" fmla="*/ 15 h 56"/>
                  <a:gd name="T74" fmla="*/ 8 w 71"/>
                  <a:gd name="T75" fmla="*/ 17 h 56"/>
                  <a:gd name="T76" fmla="*/ 8 w 71"/>
                  <a:gd name="T77" fmla="*/ 12 h 56"/>
                  <a:gd name="T78" fmla="*/ 6 w 71"/>
                  <a:gd name="T79" fmla="*/ 10 h 56"/>
                  <a:gd name="T80" fmla="*/ 12 w 71"/>
                  <a:gd name="T81" fmla="*/ 11 h 5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w 71"/>
                  <a:gd name="T124" fmla="*/ 0 h 56"/>
                  <a:gd name="T125" fmla="*/ 71 w 71"/>
                  <a:gd name="T126" fmla="*/ 56 h 56"/>
                </a:gdLst>
                <a:ahLst/>
                <a:cxnLst>
                  <a:cxn ang="T82">
                    <a:pos x="T0" y="T1"/>
                  </a:cxn>
                  <a:cxn ang="T83">
                    <a:pos x="T2" y="T3"/>
                  </a:cxn>
                  <a:cxn ang="T84">
                    <a:pos x="T4" y="T5"/>
                  </a:cxn>
                  <a:cxn ang="T85">
                    <a:pos x="T6" y="T7"/>
                  </a:cxn>
                  <a:cxn ang="T86">
                    <a:pos x="T8" y="T9"/>
                  </a:cxn>
                  <a:cxn ang="T87">
                    <a:pos x="T10" y="T11"/>
                  </a:cxn>
                  <a:cxn ang="T88">
                    <a:pos x="T12" y="T13"/>
                  </a:cxn>
                  <a:cxn ang="T89">
                    <a:pos x="T14" y="T15"/>
                  </a:cxn>
                  <a:cxn ang="T90">
                    <a:pos x="T16" y="T17"/>
                  </a:cxn>
                  <a:cxn ang="T91">
                    <a:pos x="T18" y="T19"/>
                  </a:cxn>
                  <a:cxn ang="T92">
                    <a:pos x="T20" y="T21"/>
                  </a:cxn>
                  <a:cxn ang="T93">
                    <a:pos x="T22" y="T23"/>
                  </a:cxn>
                  <a:cxn ang="T94">
                    <a:pos x="T24" y="T25"/>
                  </a:cxn>
                  <a:cxn ang="T95">
                    <a:pos x="T26" y="T27"/>
                  </a:cxn>
                  <a:cxn ang="T96">
                    <a:pos x="T28" y="T29"/>
                  </a:cxn>
                  <a:cxn ang="T97">
                    <a:pos x="T30" y="T31"/>
                  </a:cxn>
                  <a:cxn ang="T98">
                    <a:pos x="T32" y="T33"/>
                  </a:cxn>
                  <a:cxn ang="T99">
                    <a:pos x="T34" y="T35"/>
                  </a:cxn>
                  <a:cxn ang="T100">
                    <a:pos x="T36" y="T37"/>
                  </a:cxn>
                  <a:cxn ang="T101">
                    <a:pos x="T38" y="T39"/>
                  </a:cxn>
                  <a:cxn ang="T102">
                    <a:pos x="T40" y="T41"/>
                  </a:cxn>
                  <a:cxn ang="T103">
                    <a:pos x="T42" y="T43"/>
                  </a:cxn>
                  <a:cxn ang="T104">
                    <a:pos x="T44" y="T45"/>
                  </a:cxn>
                  <a:cxn ang="T105">
                    <a:pos x="T46" y="T47"/>
                  </a:cxn>
                  <a:cxn ang="T106">
                    <a:pos x="T48" y="T49"/>
                  </a:cxn>
                  <a:cxn ang="T107">
                    <a:pos x="T50" y="T51"/>
                  </a:cxn>
                  <a:cxn ang="T108">
                    <a:pos x="T52" y="T53"/>
                  </a:cxn>
                  <a:cxn ang="T109">
                    <a:pos x="T54" y="T55"/>
                  </a:cxn>
                  <a:cxn ang="T110">
                    <a:pos x="T56" y="T57"/>
                  </a:cxn>
                  <a:cxn ang="T111">
                    <a:pos x="T58" y="T59"/>
                  </a:cxn>
                  <a:cxn ang="T112">
                    <a:pos x="T60" y="T61"/>
                  </a:cxn>
                  <a:cxn ang="T113">
                    <a:pos x="T62" y="T63"/>
                  </a:cxn>
                  <a:cxn ang="T114">
                    <a:pos x="T64" y="T65"/>
                  </a:cxn>
                  <a:cxn ang="T115">
                    <a:pos x="T66" y="T67"/>
                  </a:cxn>
                  <a:cxn ang="T116">
                    <a:pos x="T68" y="T69"/>
                  </a:cxn>
                  <a:cxn ang="T117">
                    <a:pos x="T70" y="T71"/>
                  </a:cxn>
                  <a:cxn ang="T118">
                    <a:pos x="T72" y="T73"/>
                  </a:cxn>
                  <a:cxn ang="T119">
                    <a:pos x="T74" y="T75"/>
                  </a:cxn>
                  <a:cxn ang="T120">
                    <a:pos x="T76" y="T77"/>
                  </a:cxn>
                  <a:cxn ang="T121">
                    <a:pos x="T78" y="T79"/>
                  </a:cxn>
                  <a:cxn ang="T122">
                    <a:pos x="T80" y="T81"/>
                  </a:cxn>
                </a:cxnLst>
                <a:rect l="T123" t="T124" r="T125" b="T126"/>
                <a:pathLst>
                  <a:path w="71" h="56">
                    <a:moveTo>
                      <a:pt x="12" y="11"/>
                    </a:moveTo>
                    <a:lnTo>
                      <a:pt x="12" y="6"/>
                    </a:lnTo>
                    <a:lnTo>
                      <a:pt x="5" y="4"/>
                    </a:lnTo>
                    <a:lnTo>
                      <a:pt x="3" y="7"/>
                    </a:lnTo>
                    <a:lnTo>
                      <a:pt x="0" y="4"/>
                    </a:lnTo>
                    <a:lnTo>
                      <a:pt x="1" y="2"/>
                    </a:lnTo>
                    <a:lnTo>
                      <a:pt x="4" y="0"/>
                    </a:lnTo>
                    <a:lnTo>
                      <a:pt x="38" y="12"/>
                    </a:lnTo>
                    <a:lnTo>
                      <a:pt x="48" y="25"/>
                    </a:lnTo>
                    <a:lnTo>
                      <a:pt x="50" y="30"/>
                    </a:lnTo>
                    <a:lnTo>
                      <a:pt x="65" y="39"/>
                    </a:lnTo>
                    <a:lnTo>
                      <a:pt x="68" y="49"/>
                    </a:lnTo>
                    <a:lnTo>
                      <a:pt x="69" y="49"/>
                    </a:lnTo>
                    <a:lnTo>
                      <a:pt x="71" y="52"/>
                    </a:lnTo>
                    <a:lnTo>
                      <a:pt x="66" y="56"/>
                    </a:lnTo>
                    <a:lnTo>
                      <a:pt x="51" y="49"/>
                    </a:lnTo>
                    <a:lnTo>
                      <a:pt x="52" y="45"/>
                    </a:lnTo>
                    <a:lnTo>
                      <a:pt x="49" y="47"/>
                    </a:lnTo>
                    <a:lnTo>
                      <a:pt x="47" y="45"/>
                    </a:lnTo>
                    <a:lnTo>
                      <a:pt x="49" y="41"/>
                    </a:lnTo>
                    <a:lnTo>
                      <a:pt x="40" y="42"/>
                    </a:lnTo>
                    <a:lnTo>
                      <a:pt x="37" y="40"/>
                    </a:lnTo>
                    <a:lnTo>
                      <a:pt x="41" y="39"/>
                    </a:lnTo>
                    <a:lnTo>
                      <a:pt x="37" y="35"/>
                    </a:lnTo>
                    <a:lnTo>
                      <a:pt x="27" y="32"/>
                    </a:lnTo>
                    <a:lnTo>
                      <a:pt x="26" y="29"/>
                    </a:lnTo>
                    <a:lnTo>
                      <a:pt x="33" y="27"/>
                    </a:lnTo>
                    <a:lnTo>
                      <a:pt x="28" y="26"/>
                    </a:lnTo>
                    <a:lnTo>
                      <a:pt x="27" y="24"/>
                    </a:lnTo>
                    <a:lnTo>
                      <a:pt x="26" y="25"/>
                    </a:lnTo>
                    <a:lnTo>
                      <a:pt x="20" y="20"/>
                    </a:lnTo>
                    <a:lnTo>
                      <a:pt x="19" y="22"/>
                    </a:lnTo>
                    <a:lnTo>
                      <a:pt x="17" y="20"/>
                    </a:lnTo>
                    <a:lnTo>
                      <a:pt x="18" y="17"/>
                    </a:lnTo>
                    <a:lnTo>
                      <a:pt x="15" y="15"/>
                    </a:lnTo>
                    <a:lnTo>
                      <a:pt x="14" y="18"/>
                    </a:lnTo>
                    <a:lnTo>
                      <a:pt x="13" y="15"/>
                    </a:lnTo>
                    <a:lnTo>
                      <a:pt x="8" y="17"/>
                    </a:lnTo>
                    <a:lnTo>
                      <a:pt x="8" y="12"/>
                    </a:lnTo>
                    <a:lnTo>
                      <a:pt x="6" y="10"/>
                    </a:lnTo>
                    <a:lnTo>
                      <a:pt x="12" y="1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75" name="Freeform 39"/>
              <p:cNvSpPr>
                <a:spLocks/>
              </p:cNvSpPr>
              <p:nvPr/>
            </p:nvSpPr>
            <p:spPr bwMode="auto">
              <a:xfrm>
                <a:off x="2117" y="1666"/>
                <a:ext cx="6" cy="8"/>
              </a:xfrm>
              <a:custGeom>
                <a:avLst/>
                <a:gdLst>
                  <a:gd name="T0" fmla="*/ 1 w 6"/>
                  <a:gd name="T1" fmla="*/ 3 h 8"/>
                  <a:gd name="T2" fmla="*/ 0 w 6"/>
                  <a:gd name="T3" fmla="*/ 8 h 8"/>
                  <a:gd name="T4" fmla="*/ 6 w 6"/>
                  <a:gd name="T5" fmla="*/ 3 h 8"/>
                  <a:gd name="T6" fmla="*/ 5 w 6"/>
                  <a:gd name="T7" fmla="*/ 0 h 8"/>
                  <a:gd name="T8" fmla="*/ 1 w 6"/>
                  <a:gd name="T9" fmla="*/ 3 h 8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6"/>
                  <a:gd name="T16" fmla="*/ 0 h 8"/>
                  <a:gd name="T17" fmla="*/ 6 w 6"/>
                  <a:gd name="T18" fmla="*/ 8 h 8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6" h="8">
                    <a:moveTo>
                      <a:pt x="1" y="3"/>
                    </a:moveTo>
                    <a:lnTo>
                      <a:pt x="0" y="8"/>
                    </a:lnTo>
                    <a:lnTo>
                      <a:pt x="6" y="3"/>
                    </a:lnTo>
                    <a:lnTo>
                      <a:pt x="5" y="0"/>
                    </a:lnTo>
                    <a:lnTo>
                      <a:pt x="1" y="3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76" name="Freeform 40"/>
              <p:cNvSpPr>
                <a:spLocks/>
              </p:cNvSpPr>
              <p:nvPr/>
            </p:nvSpPr>
            <p:spPr bwMode="auto">
              <a:xfrm>
                <a:off x="1921" y="1858"/>
                <a:ext cx="19" cy="11"/>
              </a:xfrm>
              <a:custGeom>
                <a:avLst/>
                <a:gdLst>
                  <a:gd name="T0" fmla="*/ 2 w 19"/>
                  <a:gd name="T1" fmla="*/ 1 h 11"/>
                  <a:gd name="T2" fmla="*/ 8 w 19"/>
                  <a:gd name="T3" fmla="*/ 0 h 11"/>
                  <a:gd name="T4" fmla="*/ 14 w 19"/>
                  <a:gd name="T5" fmla="*/ 1 h 11"/>
                  <a:gd name="T6" fmla="*/ 19 w 19"/>
                  <a:gd name="T7" fmla="*/ 11 h 11"/>
                  <a:gd name="T8" fmla="*/ 14 w 19"/>
                  <a:gd name="T9" fmla="*/ 11 h 11"/>
                  <a:gd name="T10" fmla="*/ 8 w 19"/>
                  <a:gd name="T11" fmla="*/ 6 h 11"/>
                  <a:gd name="T12" fmla="*/ 0 w 19"/>
                  <a:gd name="T13" fmla="*/ 4 h 11"/>
                  <a:gd name="T14" fmla="*/ 2 w 19"/>
                  <a:gd name="T15" fmla="*/ 1 h 11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19"/>
                  <a:gd name="T25" fmla="*/ 0 h 11"/>
                  <a:gd name="T26" fmla="*/ 19 w 19"/>
                  <a:gd name="T27" fmla="*/ 11 h 11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19" h="11">
                    <a:moveTo>
                      <a:pt x="2" y="1"/>
                    </a:moveTo>
                    <a:lnTo>
                      <a:pt x="8" y="0"/>
                    </a:lnTo>
                    <a:lnTo>
                      <a:pt x="14" y="1"/>
                    </a:lnTo>
                    <a:lnTo>
                      <a:pt x="19" y="11"/>
                    </a:lnTo>
                    <a:lnTo>
                      <a:pt x="14" y="11"/>
                    </a:lnTo>
                    <a:lnTo>
                      <a:pt x="8" y="6"/>
                    </a:lnTo>
                    <a:lnTo>
                      <a:pt x="0" y="4"/>
                    </a:lnTo>
                    <a:lnTo>
                      <a:pt x="2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77" name="Freeform 41"/>
              <p:cNvSpPr>
                <a:spLocks/>
              </p:cNvSpPr>
              <p:nvPr/>
            </p:nvSpPr>
            <p:spPr bwMode="auto">
              <a:xfrm>
                <a:off x="2078" y="1601"/>
                <a:ext cx="9" cy="6"/>
              </a:xfrm>
              <a:custGeom>
                <a:avLst/>
                <a:gdLst>
                  <a:gd name="T0" fmla="*/ 0 w 9"/>
                  <a:gd name="T1" fmla="*/ 0 h 6"/>
                  <a:gd name="T2" fmla="*/ 9 w 9"/>
                  <a:gd name="T3" fmla="*/ 4 h 6"/>
                  <a:gd name="T4" fmla="*/ 5 w 9"/>
                  <a:gd name="T5" fmla="*/ 6 h 6"/>
                  <a:gd name="T6" fmla="*/ 0 w 9"/>
                  <a:gd name="T7" fmla="*/ 0 h 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9"/>
                  <a:gd name="T13" fmla="*/ 0 h 6"/>
                  <a:gd name="T14" fmla="*/ 9 w 9"/>
                  <a:gd name="T15" fmla="*/ 6 h 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9" h="6">
                    <a:moveTo>
                      <a:pt x="0" y="0"/>
                    </a:moveTo>
                    <a:lnTo>
                      <a:pt x="9" y="4"/>
                    </a:lnTo>
                    <a:lnTo>
                      <a:pt x="5" y="6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78" name="Freeform 42"/>
              <p:cNvSpPr>
                <a:spLocks/>
              </p:cNvSpPr>
              <p:nvPr/>
            </p:nvSpPr>
            <p:spPr bwMode="auto">
              <a:xfrm>
                <a:off x="2155" y="1633"/>
                <a:ext cx="11" cy="10"/>
              </a:xfrm>
              <a:custGeom>
                <a:avLst/>
                <a:gdLst>
                  <a:gd name="T0" fmla="*/ 7 w 11"/>
                  <a:gd name="T1" fmla="*/ 0 h 10"/>
                  <a:gd name="T2" fmla="*/ 11 w 11"/>
                  <a:gd name="T3" fmla="*/ 3 h 10"/>
                  <a:gd name="T4" fmla="*/ 11 w 11"/>
                  <a:gd name="T5" fmla="*/ 10 h 10"/>
                  <a:gd name="T6" fmla="*/ 0 w 11"/>
                  <a:gd name="T7" fmla="*/ 5 h 10"/>
                  <a:gd name="T8" fmla="*/ 0 w 11"/>
                  <a:gd name="T9" fmla="*/ 2 h 10"/>
                  <a:gd name="T10" fmla="*/ 7 w 11"/>
                  <a:gd name="T11" fmla="*/ 0 h 10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1"/>
                  <a:gd name="T19" fmla="*/ 0 h 10"/>
                  <a:gd name="T20" fmla="*/ 11 w 11"/>
                  <a:gd name="T21" fmla="*/ 10 h 10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1" h="10">
                    <a:moveTo>
                      <a:pt x="7" y="0"/>
                    </a:moveTo>
                    <a:lnTo>
                      <a:pt x="11" y="3"/>
                    </a:lnTo>
                    <a:lnTo>
                      <a:pt x="11" y="10"/>
                    </a:lnTo>
                    <a:lnTo>
                      <a:pt x="0" y="5"/>
                    </a:lnTo>
                    <a:lnTo>
                      <a:pt x="0" y="2"/>
                    </a:lnTo>
                    <a:lnTo>
                      <a:pt x="7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79" name="Freeform 43"/>
              <p:cNvSpPr>
                <a:spLocks/>
              </p:cNvSpPr>
              <p:nvPr/>
            </p:nvSpPr>
            <p:spPr bwMode="auto">
              <a:xfrm>
                <a:off x="1946" y="1614"/>
                <a:ext cx="13" cy="24"/>
              </a:xfrm>
              <a:custGeom>
                <a:avLst/>
                <a:gdLst>
                  <a:gd name="T0" fmla="*/ 4 w 13"/>
                  <a:gd name="T1" fmla="*/ 0 h 24"/>
                  <a:gd name="T2" fmla="*/ 1 w 13"/>
                  <a:gd name="T3" fmla="*/ 2 h 24"/>
                  <a:gd name="T4" fmla="*/ 0 w 13"/>
                  <a:gd name="T5" fmla="*/ 17 h 24"/>
                  <a:gd name="T6" fmla="*/ 6 w 13"/>
                  <a:gd name="T7" fmla="*/ 24 h 24"/>
                  <a:gd name="T8" fmla="*/ 13 w 13"/>
                  <a:gd name="T9" fmla="*/ 2 h 24"/>
                  <a:gd name="T10" fmla="*/ 4 w 13"/>
                  <a:gd name="T11" fmla="*/ 0 h 24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3"/>
                  <a:gd name="T19" fmla="*/ 0 h 24"/>
                  <a:gd name="T20" fmla="*/ 13 w 13"/>
                  <a:gd name="T21" fmla="*/ 24 h 24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3" h="24">
                    <a:moveTo>
                      <a:pt x="4" y="0"/>
                    </a:moveTo>
                    <a:lnTo>
                      <a:pt x="1" y="2"/>
                    </a:lnTo>
                    <a:lnTo>
                      <a:pt x="0" y="17"/>
                    </a:lnTo>
                    <a:lnTo>
                      <a:pt x="6" y="24"/>
                    </a:lnTo>
                    <a:lnTo>
                      <a:pt x="13" y="2"/>
                    </a:lnTo>
                    <a:lnTo>
                      <a:pt x="4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80" name="Freeform 44"/>
              <p:cNvSpPr>
                <a:spLocks/>
              </p:cNvSpPr>
              <p:nvPr/>
            </p:nvSpPr>
            <p:spPr bwMode="auto">
              <a:xfrm>
                <a:off x="1896" y="1596"/>
                <a:ext cx="26" cy="25"/>
              </a:xfrm>
              <a:custGeom>
                <a:avLst/>
                <a:gdLst>
                  <a:gd name="T0" fmla="*/ 19 w 26"/>
                  <a:gd name="T1" fmla="*/ 0 h 25"/>
                  <a:gd name="T2" fmla="*/ 8 w 26"/>
                  <a:gd name="T3" fmla="*/ 6 h 25"/>
                  <a:gd name="T4" fmla="*/ 0 w 26"/>
                  <a:gd name="T5" fmla="*/ 25 h 25"/>
                  <a:gd name="T6" fmla="*/ 9 w 26"/>
                  <a:gd name="T7" fmla="*/ 23 h 25"/>
                  <a:gd name="T8" fmla="*/ 15 w 26"/>
                  <a:gd name="T9" fmla="*/ 19 h 25"/>
                  <a:gd name="T10" fmla="*/ 16 w 26"/>
                  <a:gd name="T11" fmla="*/ 13 h 25"/>
                  <a:gd name="T12" fmla="*/ 24 w 26"/>
                  <a:gd name="T13" fmla="*/ 7 h 25"/>
                  <a:gd name="T14" fmla="*/ 26 w 26"/>
                  <a:gd name="T15" fmla="*/ 1 h 25"/>
                  <a:gd name="T16" fmla="*/ 19 w 26"/>
                  <a:gd name="T17" fmla="*/ 0 h 25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26"/>
                  <a:gd name="T28" fmla="*/ 0 h 25"/>
                  <a:gd name="T29" fmla="*/ 26 w 26"/>
                  <a:gd name="T30" fmla="*/ 25 h 25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26" h="25">
                    <a:moveTo>
                      <a:pt x="19" y="0"/>
                    </a:moveTo>
                    <a:lnTo>
                      <a:pt x="8" y="6"/>
                    </a:lnTo>
                    <a:lnTo>
                      <a:pt x="0" y="25"/>
                    </a:lnTo>
                    <a:lnTo>
                      <a:pt x="9" y="23"/>
                    </a:lnTo>
                    <a:lnTo>
                      <a:pt x="15" y="19"/>
                    </a:lnTo>
                    <a:lnTo>
                      <a:pt x="16" y="13"/>
                    </a:lnTo>
                    <a:lnTo>
                      <a:pt x="24" y="7"/>
                    </a:lnTo>
                    <a:lnTo>
                      <a:pt x="26" y="1"/>
                    </a:lnTo>
                    <a:lnTo>
                      <a:pt x="19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81" name="Freeform 45"/>
              <p:cNvSpPr>
                <a:spLocks/>
              </p:cNvSpPr>
              <p:nvPr/>
            </p:nvSpPr>
            <p:spPr bwMode="auto">
              <a:xfrm>
                <a:off x="1987" y="1572"/>
                <a:ext cx="10" cy="9"/>
              </a:xfrm>
              <a:custGeom>
                <a:avLst/>
                <a:gdLst>
                  <a:gd name="T0" fmla="*/ 0 w 10"/>
                  <a:gd name="T1" fmla="*/ 0 h 9"/>
                  <a:gd name="T2" fmla="*/ 9 w 10"/>
                  <a:gd name="T3" fmla="*/ 4 h 9"/>
                  <a:gd name="T4" fmla="*/ 10 w 10"/>
                  <a:gd name="T5" fmla="*/ 9 h 9"/>
                  <a:gd name="T6" fmla="*/ 4 w 10"/>
                  <a:gd name="T7" fmla="*/ 8 h 9"/>
                  <a:gd name="T8" fmla="*/ 0 w 10"/>
                  <a:gd name="T9" fmla="*/ 0 h 9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0"/>
                  <a:gd name="T16" fmla="*/ 0 h 9"/>
                  <a:gd name="T17" fmla="*/ 10 w 10"/>
                  <a:gd name="T18" fmla="*/ 9 h 9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0" h="9">
                    <a:moveTo>
                      <a:pt x="0" y="0"/>
                    </a:moveTo>
                    <a:lnTo>
                      <a:pt x="9" y="4"/>
                    </a:lnTo>
                    <a:lnTo>
                      <a:pt x="10" y="9"/>
                    </a:lnTo>
                    <a:lnTo>
                      <a:pt x="4" y="8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82" name="Freeform 46"/>
              <p:cNvSpPr>
                <a:spLocks/>
              </p:cNvSpPr>
              <p:nvPr/>
            </p:nvSpPr>
            <p:spPr bwMode="auto">
              <a:xfrm>
                <a:off x="1972" y="1581"/>
                <a:ext cx="13" cy="10"/>
              </a:xfrm>
              <a:custGeom>
                <a:avLst/>
                <a:gdLst>
                  <a:gd name="T0" fmla="*/ 0 w 13"/>
                  <a:gd name="T1" fmla="*/ 0 h 10"/>
                  <a:gd name="T2" fmla="*/ 10 w 13"/>
                  <a:gd name="T3" fmla="*/ 0 h 10"/>
                  <a:gd name="T4" fmla="*/ 13 w 13"/>
                  <a:gd name="T5" fmla="*/ 6 h 10"/>
                  <a:gd name="T6" fmla="*/ 9 w 13"/>
                  <a:gd name="T7" fmla="*/ 10 h 10"/>
                  <a:gd name="T8" fmla="*/ 0 w 13"/>
                  <a:gd name="T9" fmla="*/ 0 h 10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3"/>
                  <a:gd name="T16" fmla="*/ 0 h 10"/>
                  <a:gd name="T17" fmla="*/ 13 w 13"/>
                  <a:gd name="T18" fmla="*/ 10 h 10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3" h="10">
                    <a:moveTo>
                      <a:pt x="0" y="0"/>
                    </a:moveTo>
                    <a:lnTo>
                      <a:pt x="10" y="0"/>
                    </a:lnTo>
                    <a:lnTo>
                      <a:pt x="13" y="6"/>
                    </a:lnTo>
                    <a:lnTo>
                      <a:pt x="9" y="10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83" name="Freeform 47"/>
              <p:cNvSpPr>
                <a:spLocks/>
              </p:cNvSpPr>
              <p:nvPr/>
            </p:nvSpPr>
            <p:spPr bwMode="auto">
              <a:xfrm>
                <a:off x="1852" y="1411"/>
                <a:ext cx="6" cy="21"/>
              </a:xfrm>
              <a:custGeom>
                <a:avLst/>
                <a:gdLst>
                  <a:gd name="T0" fmla="*/ 5 w 6"/>
                  <a:gd name="T1" fmla="*/ 2 h 21"/>
                  <a:gd name="T2" fmla="*/ 6 w 6"/>
                  <a:gd name="T3" fmla="*/ 17 h 21"/>
                  <a:gd name="T4" fmla="*/ 5 w 6"/>
                  <a:gd name="T5" fmla="*/ 21 h 21"/>
                  <a:gd name="T6" fmla="*/ 0 w 6"/>
                  <a:gd name="T7" fmla="*/ 17 h 21"/>
                  <a:gd name="T8" fmla="*/ 0 w 6"/>
                  <a:gd name="T9" fmla="*/ 3 h 21"/>
                  <a:gd name="T10" fmla="*/ 2 w 6"/>
                  <a:gd name="T11" fmla="*/ 0 h 21"/>
                  <a:gd name="T12" fmla="*/ 5 w 6"/>
                  <a:gd name="T13" fmla="*/ 2 h 21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6"/>
                  <a:gd name="T22" fmla="*/ 0 h 21"/>
                  <a:gd name="T23" fmla="*/ 6 w 6"/>
                  <a:gd name="T24" fmla="*/ 21 h 21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6" h="21">
                    <a:moveTo>
                      <a:pt x="5" y="2"/>
                    </a:moveTo>
                    <a:lnTo>
                      <a:pt x="6" y="17"/>
                    </a:lnTo>
                    <a:lnTo>
                      <a:pt x="5" y="21"/>
                    </a:lnTo>
                    <a:lnTo>
                      <a:pt x="0" y="17"/>
                    </a:lnTo>
                    <a:lnTo>
                      <a:pt x="0" y="3"/>
                    </a:lnTo>
                    <a:lnTo>
                      <a:pt x="2" y="0"/>
                    </a:lnTo>
                    <a:lnTo>
                      <a:pt x="5" y="2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84" name="Freeform 48"/>
              <p:cNvSpPr>
                <a:spLocks/>
              </p:cNvSpPr>
              <p:nvPr/>
            </p:nvSpPr>
            <p:spPr bwMode="auto">
              <a:xfrm>
                <a:off x="1943" y="1353"/>
                <a:ext cx="16" cy="13"/>
              </a:xfrm>
              <a:custGeom>
                <a:avLst/>
                <a:gdLst>
                  <a:gd name="T0" fmla="*/ 4 w 16"/>
                  <a:gd name="T1" fmla="*/ 0 h 13"/>
                  <a:gd name="T2" fmla="*/ 16 w 16"/>
                  <a:gd name="T3" fmla="*/ 3 h 13"/>
                  <a:gd name="T4" fmla="*/ 9 w 16"/>
                  <a:gd name="T5" fmla="*/ 8 h 13"/>
                  <a:gd name="T6" fmla="*/ 7 w 16"/>
                  <a:gd name="T7" fmla="*/ 6 h 13"/>
                  <a:gd name="T8" fmla="*/ 7 w 16"/>
                  <a:gd name="T9" fmla="*/ 13 h 13"/>
                  <a:gd name="T10" fmla="*/ 0 w 16"/>
                  <a:gd name="T11" fmla="*/ 1 h 13"/>
                  <a:gd name="T12" fmla="*/ 4 w 16"/>
                  <a:gd name="T13" fmla="*/ 0 h 13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16"/>
                  <a:gd name="T22" fmla="*/ 0 h 13"/>
                  <a:gd name="T23" fmla="*/ 16 w 16"/>
                  <a:gd name="T24" fmla="*/ 13 h 13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16" h="13">
                    <a:moveTo>
                      <a:pt x="4" y="0"/>
                    </a:moveTo>
                    <a:lnTo>
                      <a:pt x="16" y="3"/>
                    </a:lnTo>
                    <a:lnTo>
                      <a:pt x="9" y="8"/>
                    </a:lnTo>
                    <a:lnTo>
                      <a:pt x="7" y="6"/>
                    </a:lnTo>
                    <a:lnTo>
                      <a:pt x="7" y="13"/>
                    </a:lnTo>
                    <a:lnTo>
                      <a:pt x="0" y="1"/>
                    </a:lnTo>
                    <a:lnTo>
                      <a:pt x="4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85" name="Freeform 49"/>
              <p:cNvSpPr>
                <a:spLocks/>
              </p:cNvSpPr>
              <p:nvPr/>
            </p:nvSpPr>
            <p:spPr bwMode="auto">
              <a:xfrm>
                <a:off x="1958" y="1370"/>
                <a:ext cx="16" cy="19"/>
              </a:xfrm>
              <a:custGeom>
                <a:avLst/>
                <a:gdLst>
                  <a:gd name="T0" fmla="*/ 12 w 16"/>
                  <a:gd name="T1" fmla="*/ 6 h 19"/>
                  <a:gd name="T2" fmla="*/ 9 w 16"/>
                  <a:gd name="T3" fmla="*/ 16 h 19"/>
                  <a:gd name="T4" fmla="*/ 0 w 16"/>
                  <a:gd name="T5" fmla="*/ 19 h 19"/>
                  <a:gd name="T6" fmla="*/ 3 w 16"/>
                  <a:gd name="T7" fmla="*/ 11 h 19"/>
                  <a:gd name="T8" fmla="*/ 10 w 16"/>
                  <a:gd name="T9" fmla="*/ 5 h 19"/>
                  <a:gd name="T10" fmla="*/ 15 w 16"/>
                  <a:gd name="T11" fmla="*/ 6 h 19"/>
                  <a:gd name="T12" fmla="*/ 16 w 16"/>
                  <a:gd name="T13" fmla="*/ 1 h 19"/>
                  <a:gd name="T14" fmla="*/ 12 w 16"/>
                  <a:gd name="T15" fmla="*/ 0 h 19"/>
                  <a:gd name="T16" fmla="*/ 10 w 16"/>
                  <a:gd name="T17" fmla="*/ 4 h 19"/>
                  <a:gd name="T18" fmla="*/ 12 w 16"/>
                  <a:gd name="T19" fmla="*/ 6 h 19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16"/>
                  <a:gd name="T31" fmla="*/ 0 h 19"/>
                  <a:gd name="T32" fmla="*/ 16 w 16"/>
                  <a:gd name="T33" fmla="*/ 19 h 19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16" h="19">
                    <a:moveTo>
                      <a:pt x="12" y="6"/>
                    </a:moveTo>
                    <a:lnTo>
                      <a:pt x="9" y="16"/>
                    </a:lnTo>
                    <a:lnTo>
                      <a:pt x="0" y="19"/>
                    </a:lnTo>
                    <a:lnTo>
                      <a:pt x="3" y="11"/>
                    </a:lnTo>
                    <a:lnTo>
                      <a:pt x="10" y="5"/>
                    </a:lnTo>
                    <a:lnTo>
                      <a:pt x="15" y="6"/>
                    </a:lnTo>
                    <a:lnTo>
                      <a:pt x="16" y="1"/>
                    </a:lnTo>
                    <a:lnTo>
                      <a:pt x="12" y="0"/>
                    </a:lnTo>
                    <a:lnTo>
                      <a:pt x="10" y="4"/>
                    </a:lnTo>
                    <a:lnTo>
                      <a:pt x="12" y="6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86" name="Freeform 50"/>
              <p:cNvSpPr>
                <a:spLocks/>
              </p:cNvSpPr>
              <p:nvPr/>
            </p:nvSpPr>
            <p:spPr bwMode="auto">
              <a:xfrm>
                <a:off x="2024" y="1418"/>
                <a:ext cx="17" cy="13"/>
              </a:xfrm>
              <a:custGeom>
                <a:avLst/>
                <a:gdLst>
                  <a:gd name="T0" fmla="*/ 0 w 17"/>
                  <a:gd name="T1" fmla="*/ 5 h 13"/>
                  <a:gd name="T2" fmla="*/ 6 w 17"/>
                  <a:gd name="T3" fmla="*/ 0 h 13"/>
                  <a:gd name="T4" fmla="*/ 16 w 17"/>
                  <a:gd name="T5" fmla="*/ 6 h 13"/>
                  <a:gd name="T6" fmla="*/ 17 w 17"/>
                  <a:gd name="T7" fmla="*/ 13 h 13"/>
                  <a:gd name="T8" fmla="*/ 5 w 17"/>
                  <a:gd name="T9" fmla="*/ 13 h 13"/>
                  <a:gd name="T10" fmla="*/ 1 w 17"/>
                  <a:gd name="T11" fmla="*/ 10 h 13"/>
                  <a:gd name="T12" fmla="*/ 0 w 17"/>
                  <a:gd name="T13" fmla="*/ 5 h 13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17"/>
                  <a:gd name="T22" fmla="*/ 0 h 13"/>
                  <a:gd name="T23" fmla="*/ 17 w 17"/>
                  <a:gd name="T24" fmla="*/ 13 h 13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17" h="13">
                    <a:moveTo>
                      <a:pt x="0" y="5"/>
                    </a:moveTo>
                    <a:lnTo>
                      <a:pt x="6" y="0"/>
                    </a:lnTo>
                    <a:lnTo>
                      <a:pt x="16" y="6"/>
                    </a:lnTo>
                    <a:lnTo>
                      <a:pt x="17" y="13"/>
                    </a:lnTo>
                    <a:lnTo>
                      <a:pt x="5" y="13"/>
                    </a:lnTo>
                    <a:lnTo>
                      <a:pt x="1" y="10"/>
                    </a:lnTo>
                    <a:lnTo>
                      <a:pt x="0" y="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87" name="Freeform 51"/>
              <p:cNvSpPr>
                <a:spLocks/>
              </p:cNvSpPr>
              <p:nvPr/>
            </p:nvSpPr>
            <p:spPr bwMode="auto">
              <a:xfrm>
                <a:off x="1989" y="1411"/>
                <a:ext cx="30" cy="39"/>
              </a:xfrm>
              <a:custGeom>
                <a:avLst/>
                <a:gdLst>
                  <a:gd name="T0" fmla="*/ 13 w 30"/>
                  <a:gd name="T1" fmla="*/ 0 h 39"/>
                  <a:gd name="T2" fmla="*/ 28 w 30"/>
                  <a:gd name="T3" fmla="*/ 4 h 39"/>
                  <a:gd name="T4" fmla="*/ 30 w 30"/>
                  <a:gd name="T5" fmla="*/ 13 h 39"/>
                  <a:gd name="T6" fmla="*/ 30 w 30"/>
                  <a:gd name="T7" fmla="*/ 30 h 39"/>
                  <a:gd name="T8" fmla="*/ 22 w 30"/>
                  <a:gd name="T9" fmla="*/ 39 h 39"/>
                  <a:gd name="T10" fmla="*/ 3 w 30"/>
                  <a:gd name="T11" fmla="*/ 39 h 39"/>
                  <a:gd name="T12" fmla="*/ 0 w 30"/>
                  <a:gd name="T13" fmla="*/ 28 h 39"/>
                  <a:gd name="T14" fmla="*/ 0 w 30"/>
                  <a:gd name="T15" fmla="*/ 19 h 39"/>
                  <a:gd name="T16" fmla="*/ 7 w 30"/>
                  <a:gd name="T17" fmla="*/ 3 h 39"/>
                  <a:gd name="T18" fmla="*/ 13 w 30"/>
                  <a:gd name="T19" fmla="*/ 0 h 39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0"/>
                  <a:gd name="T31" fmla="*/ 0 h 39"/>
                  <a:gd name="T32" fmla="*/ 30 w 30"/>
                  <a:gd name="T33" fmla="*/ 39 h 39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0" h="39">
                    <a:moveTo>
                      <a:pt x="13" y="0"/>
                    </a:moveTo>
                    <a:lnTo>
                      <a:pt x="28" y="4"/>
                    </a:lnTo>
                    <a:lnTo>
                      <a:pt x="30" y="13"/>
                    </a:lnTo>
                    <a:lnTo>
                      <a:pt x="30" y="30"/>
                    </a:lnTo>
                    <a:lnTo>
                      <a:pt x="22" y="39"/>
                    </a:lnTo>
                    <a:lnTo>
                      <a:pt x="3" y="39"/>
                    </a:lnTo>
                    <a:lnTo>
                      <a:pt x="0" y="28"/>
                    </a:lnTo>
                    <a:lnTo>
                      <a:pt x="0" y="19"/>
                    </a:lnTo>
                    <a:lnTo>
                      <a:pt x="7" y="3"/>
                    </a:lnTo>
                    <a:lnTo>
                      <a:pt x="13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88" name="Freeform 52"/>
              <p:cNvSpPr>
                <a:spLocks/>
              </p:cNvSpPr>
              <p:nvPr/>
            </p:nvSpPr>
            <p:spPr bwMode="auto">
              <a:xfrm>
                <a:off x="1887" y="1491"/>
                <a:ext cx="17" cy="17"/>
              </a:xfrm>
              <a:custGeom>
                <a:avLst/>
                <a:gdLst>
                  <a:gd name="T0" fmla="*/ 9 w 17"/>
                  <a:gd name="T1" fmla="*/ 5 h 17"/>
                  <a:gd name="T2" fmla="*/ 17 w 17"/>
                  <a:gd name="T3" fmla="*/ 17 h 17"/>
                  <a:gd name="T4" fmla="*/ 10 w 17"/>
                  <a:gd name="T5" fmla="*/ 17 h 17"/>
                  <a:gd name="T6" fmla="*/ 5 w 17"/>
                  <a:gd name="T7" fmla="*/ 11 h 17"/>
                  <a:gd name="T8" fmla="*/ 0 w 17"/>
                  <a:gd name="T9" fmla="*/ 0 h 17"/>
                  <a:gd name="T10" fmla="*/ 9 w 17"/>
                  <a:gd name="T11" fmla="*/ 5 h 17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7"/>
                  <a:gd name="T19" fmla="*/ 0 h 17"/>
                  <a:gd name="T20" fmla="*/ 17 w 17"/>
                  <a:gd name="T21" fmla="*/ 17 h 17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7" h="17">
                    <a:moveTo>
                      <a:pt x="9" y="5"/>
                    </a:moveTo>
                    <a:lnTo>
                      <a:pt x="17" y="17"/>
                    </a:lnTo>
                    <a:lnTo>
                      <a:pt x="10" y="17"/>
                    </a:lnTo>
                    <a:lnTo>
                      <a:pt x="5" y="11"/>
                    </a:lnTo>
                    <a:lnTo>
                      <a:pt x="0" y="0"/>
                    </a:lnTo>
                    <a:lnTo>
                      <a:pt x="9" y="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89" name="Freeform 53"/>
              <p:cNvSpPr>
                <a:spLocks/>
              </p:cNvSpPr>
              <p:nvPr/>
            </p:nvSpPr>
            <p:spPr bwMode="auto">
              <a:xfrm>
                <a:off x="1808" y="1265"/>
                <a:ext cx="406" cy="363"/>
              </a:xfrm>
              <a:custGeom>
                <a:avLst/>
                <a:gdLst>
                  <a:gd name="T0" fmla="*/ 71 w 406"/>
                  <a:gd name="T1" fmla="*/ 25 h 363"/>
                  <a:gd name="T2" fmla="*/ 70 w 406"/>
                  <a:gd name="T3" fmla="*/ 38 h 363"/>
                  <a:gd name="T4" fmla="*/ 75 w 406"/>
                  <a:gd name="T5" fmla="*/ 9 h 363"/>
                  <a:gd name="T6" fmla="*/ 216 w 406"/>
                  <a:gd name="T7" fmla="*/ 11 h 363"/>
                  <a:gd name="T8" fmla="*/ 232 w 406"/>
                  <a:gd name="T9" fmla="*/ 19 h 363"/>
                  <a:gd name="T10" fmla="*/ 264 w 406"/>
                  <a:gd name="T11" fmla="*/ 16 h 363"/>
                  <a:gd name="T12" fmla="*/ 275 w 406"/>
                  <a:gd name="T13" fmla="*/ 36 h 363"/>
                  <a:gd name="T14" fmla="*/ 291 w 406"/>
                  <a:gd name="T15" fmla="*/ 48 h 363"/>
                  <a:gd name="T16" fmla="*/ 289 w 406"/>
                  <a:gd name="T17" fmla="*/ 73 h 363"/>
                  <a:gd name="T18" fmla="*/ 308 w 406"/>
                  <a:gd name="T19" fmla="*/ 71 h 363"/>
                  <a:gd name="T20" fmla="*/ 323 w 406"/>
                  <a:gd name="T21" fmla="*/ 91 h 363"/>
                  <a:gd name="T22" fmla="*/ 311 w 406"/>
                  <a:gd name="T23" fmla="*/ 100 h 363"/>
                  <a:gd name="T24" fmla="*/ 312 w 406"/>
                  <a:gd name="T25" fmla="*/ 109 h 363"/>
                  <a:gd name="T26" fmla="*/ 317 w 406"/>
                  <a:gd name="T27" fmla="*/ 132 h 363"/>
                  <a:gd name="T28" fmla="*/ 340 w 406"/>
                  <a:gd name="T29" fmla="*/ 154 h 363"/>
                  <a:gd name="T30" fmla="*/ 363 w 406"/>
                  <a:gd name="T31" fmla="*/ 166 h 363"/>
                  <a:gd name="T32" fmla="*/ 379 w 406"/>
                  <a:gd name="T33" fmla="*/ 199 h 363"/>
                  <a:gd name="T34" fmla="*/ 402 w 406"/>
                  <a:gd name="T35" fmla="*/ 222 h 363"/>
                  <a:gd name="T36" fmla="*/ 392 w 406"/>
                  <a:gd name="T37" fmla="*/ 232 h 363"/>
                  <a:gd name="T38" fmla="*/ 380 w 406"/>
                  <a:gd name="T39" fmla="*/ 255 h 363"/>
                  <a:gd name="T40" fmla="*/ 366 w 406"/>
                  <a:gd name="T41" fmla="*/ 256 h 363"/>
                  <a:gd name="T42" fmla="*/ 356 w 406"/>
                  <a:gd name="T43" fmla="*/ 250 h 363"/>
                  <a:gd name="T44" fmla="*/ 341 w 406"/>
                  <a:gd name="T45" fmla="*/ 227 h 363"/>
                  <a:gd name="T46" fmla="*/ 324 w 406"/>
                  <a:gd name="T47" fmla="*/ 215 h 363"/>
                  <a:gd name="T48" fmla="*/ 315 w 406"/>
                  <a:gd name="T49" fmla="*/ 217 h 363"/>
                  <a:gd name="T50" fmla="*/ 314 w 406"/>
                  <a:gd name="T51" fmla="*/ 234 h 363"/>
                  <a:gd name="T52" fmla="*/ 323 w 406"/>
                  <a:gd name="T53" fmla="*/ 251 h 363"/>
                  <a:gd name="T54" fmla="*/ 332 w 406"/>
                  <a:gd name="T55" fmla="*/ 267 h 363"/>
                  <a:gd name="T56" fmla="*/ 350 w 406"/>
                  <a:gd name="T57" fmla="*/ 274 h 363"/>
                  <a:gd name="T58" fmla="*/ 351 w 406"/>
                  <a:gd name="T59" fmla="*/ 287 h 363"/>
                  <a:gd name="T60" fmla="*/ 362 w 406"/>
                  <a:gd name="T61" fmla="*/ 320 h 363"/>
                  <a:gd name="T62" fmla="*/ 363 w 406"/>
                  <a:gd name="T63" fmla="*/ 330 h 363"/>
                  <a:gd name="T64" fmla="*/ 352 w 406"/>
                  <a:gd name="T65" fmla="*/ 339 h 363"/>
                  <a:gd name="T66" fmla="*/ 339 w 406"/>
                  <a:gd name="T67" fmla="*/ 327 h 363"/>
                  <a:gd name="T68" fmla="*/ 315 w 406"/>
                  <a:gd name="T69" fmla="*/ 311 h 363"/>
                  <a:gd name="T70" fmla="*/ 303 w 406"/>
                  <a:gd name="T71" fmla="*/ 311 h 363"/>
                  <a:gd name="T72" fmla="*/ 338 w 406"/>
                  <a:gd name="T73" fmla="*/ 358 h 363"/>
                  <a:gd name="T74" fmla="*/ 318 w 406"/>
                  <a:gd name="T75" fmla="*/ 354 h 363"/>
                  <a:gd name="T76" fmla="*/ 298 w 406"/>
                  <a:gd name="T77" fmla="*/ 347 h 363"/>
                  <a:gd name="T78" fmla="*/ 285 w 406"/>
                  <a:gd name="T79" fmla="*/ 336 h 363"/>
                  <a:gd name="T80" fmla="*/ 254 w 406"/>
                  <a:gd name="T81" fmla="*/ 311 h 363"/>
                  <a:gd name="T82" fmla="*/ 255 w 406"/>
                  <a:gd name="T83" fmla="*/ 308 h 363"/>
                  <a:gd name="T84" fmla="*/ 234 w 406"/>
                  <a:gd name="T85" fmla="*/ 277 h 363"/>
                  <a:gd name="T86" fmla="*/ 219 w 406"/>
                  <a:gd name="T87" fmla="*/ 275 h 363"/>
                  <a:gd name="T88" fmla="*/ 218 w 406"/>
                  <a:gd name="T89" fmla="*/ 281 h 363"/>
                  <a:gd name="T90" fmla="*/ 200 w 406"/>
                  <a:gd name="T91" fmla="*/ 279 h 363"/>
                  <a:gd name="T92" fmla="*/ 169 w 406"/>
                  <a:gd name="T93" fmla="*/ 268 h 363"/>
                  <a:gd name="T94" fmla="*/ 179 w 406"/>
                  <a:gd name="T95" fmla="*/ 250 h 363"/>
                  <a:gd name="T96" fmla="*/ 225 w 406"/>
                  <a:gd name="T97" fmla="*/ 246 h 363"/>
                  <a:gd name="T98" fmla="*/ 242 w 406"/>
                  <a:gd name="T99" fmla="*/ 205 h 363"/>
                  <a:gd name="T100" fmla="*/ 237 w 406"/>
                  <a:gd name="T101" fmla="*/ 147 h 363"/>
                  <a:gd name="T102" fmla="*/ 225 w 406"/>
                  <a:gd name="T103" fmla="*/ 137 h 363"/>
                  <a:gd name="T104" fmla="*/ 205 w 406"/>
                  <a:gd name="T105" fmla="*/ 122 h 363"/>
                  <a:gd name="T106" fmla="*/ 203 w 406"/>
                  <a:gd name="T107" fmla="*/ 115 h 363"/>
                  <a:gd name="T108" fmla="*/ 175 w 406"/>
                  <a:gd name="T109" fmla="*/ 87 h 363"/>
                  <a:gd name="T110" fmla="*/ 160 w 406"/>
                  <a:gd name="T111" fmla="*/ 81 h 363"/>
                  <a:gd name="T112" fmla="*/ 117 w 406"/>
                  <a:gd name="T113" fmla="*/ 78 h 363"/>
                  <a:gd name="T114" fmla="*/ 115 w 406"/>
                  <a:gd name="T115" fmla="*/ 88 h 363"/>
                  <a:gd name="T116" fmla="*/ 57 w 406"/>
                  <a:gd name="T117" fmla="*/ 78 h 363"/>
                  <a:gd name="T118" fmla="*/ 26 w 406"/>
                  <a:gd name="T119" fmla="*/ 66 h 363"/>
                  <a:gd name="T120" fmla="*/ 41 w 406"/>
                  <a:gd name="T121" fmla="*/ 38 h 363"/>
                  <a:gd name="T122" fmla="*/ 2 w 406"/>
                  <a:gd name="T123" fmla="*/ 3 h 363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60000 65536"/>
                  <a:gd name="T181" fmla="*/ 0 60000 65536"/>
                  <a:gd name="T182" fmla="*/ 0 60000 65536"/>
                  <a:gd name="T183" fmla="*/ 0 60000 65536"/>
                  <a:gd name="T184" fmla="*/ 0 60000 65536"/>
                  <a:gd name="T185" fmla="*/ 0 60000 65536"/>
                  <a:gd name="T186" fmla="*/ 0 w 406"/>
                  <a:gd name="T187" fmla="*/ 0 h 363"/>
                  <a:gd name="T188" fmla="*/ 406 w 406"/>
                  <a:gd name="T189" fmla="*/ 363 h 363"/>
                </a:gdLst>
                <a:ahLst/>
                <a:cxnLst>
                  <a:cxn ang="T124">
                    <a:pos x="T0" y="T1"/>
                  </a:cxn>
                  <a:cxn ang="T125">
                    <a:pos x="T2" y="T3"/>
                  </a:cxn>
                  <a:cxn ang="T126">
                    <a:pos x="T4" y="T5"/>
                  </a:cxn>
                  <a:cxn ang="T127">
                    <a:pos x="T6" y="T7"/>
                  </a:cxn>
                  <a:cxn ang="T128">
                    <a:pos x="T8" y="T9"/>
                  </a:cxn>
                  <a:cxn ang="T129">
                    <a:pos x="T10" y="T11"/>
                  </a:cxn>
                  <a:cxn ang="T130">
                    <a:pos x="T12" y="T13"/>
                  </a:cxn>
                  <a:cxn ang="T131">
                    <a:pos x="T14" y="T15"/>
                  </a:cxn>
                  <a:cxn ang="T132">
                    <a:pos x="T16" y="T17"/>
                  </a:cxn>
                  <a:cxn ang="T133">
                    <a:pos x="T18" y="T19"/>
                  </a:cxn>
                  <a:cxn ang="T134">
                    <a:pos x="T20" y="T21"/>
                  </a:cxn>
                  <a:cxn ang="T135">
                    <a:pos x="T22" y="T23"/>
                  </a:cxn>
                  <a:cxn ang="T136">
                    <a:pos x="T24" y="T25"/>
                  </a:cxn>
                  <a:cxn ang="T137">
                    <a:pos x="T26" y="T27"/>
                  </a:cxn>
                  <a:cxn ang="T138">
                    <a:pos x="T28" y="T29"/>
                  </a:cxn>
                  <a:cxn ang="T139">
                    <a:pos x="T30" y="T31"/>
                  </a:cxn>
                  <a:cxn ang="T140">
                    <a:pos x="T32" y="T33"/>
                  </a:cxn>
                  <a:cxn ang="T141">
                    <a:pos x="T34" y="T35"/>
                  </a:cxn>
                  <a:cxn ang="T142">
                    <a:pos x="T36" y="T37"/>
                  </a:cxn>
                  <a:cxn ang="T143">
                    <a:pos x="T38" y="T39"/>
                  </a:cxn>
                  <a:cxn ang="T144">
                    <a:pos x="T40" y="T41"/>
                  </a:cxn>
                  <a:cxn ang="T145">
                    <a:pos x="T42" y="T43"/>
                  </a:cxn>
                  <a:cxn ang="T146">
                    <a:pos x="T44" y="T45"/>
                  </a:cxn>
                  <a:cxn ang="T147">
                    <a:pos x="T46" y="T47"/>
                  </a:cxn>
                  <a:cxn ang="T148">
                    <a:pos x="T48" y="T49"/>
                  </a:cxn>
                  <a:cxn ang="T149">
                    <a:pos x="T50" y="T51"/>
                  </a:cxn>
                  <a:cxn ang="T150">
                    <a:pos x="T52" y="T53"/>
                  </a:cxn>
                  <a:cxn ang="T151">
                    <a:pos x="T54" y="T55"/>
                  </a:cxn>
                  <a:cxn ang="T152">
                    <a:pos x="T56" y="T57"/>
                  </a:cxn>
                  <a:cxn ang="T153">
                    <a:pos x="T58" y="T59"/>
                  </a:cxn>
                  <a:cxn ang="T154">
                    <a:pos x="T60" y="T61"/>
                  </a:cxn>
                  <a:cxn ang="T155">
                    <a:pos x="T62" y="T63"/>
                  </a:cxn>
                  <a:cxn ang="T156">
                    <a:pos x="T64" y="T65"/>
                  </a:cxn>
                  <a:cxn ang="T157">
                    <a:pos x="T66" y="T67"/>
                  </a:cxn>
                  <a:cxn ang="T158">
                    <a:pos x="T68" y="T69"/>
                  </a:cxn>
                  <a:cxn ang="T159">
                    <a:pos x="T70" y="T71"/>
                  </a:cxn>
                  <a:cxn ang="T160">
                    <a:pos x="T72" y="T73"/>
                  </a:cxn>
                  <a:cxn ang="T161">
                    <a:pos x="T74" y="T75"/>
                  </a:cxn>
                  <a:cxn ang="T162">
                    <a:pos x="T76" y="T77"/>
                  </a:cxn>
                  <a:cxn ang="T163">
                    <a:pos x="T78" y="T79"/>
                  </a:cxn>
                  <a:cxn ang="T164">
                    <a:pos x="T80" y="T81"/>
                  </a:cxn>
                  <a:cxn ang="T165">
                    <a:pos x="T82" y="T83"/>
                  </a:cxn>
                  <a:cxn ang="T166">
                    <a:pos x="T84" y="T85"/>
                  </a:cxn>
                  <a:cxn ang="T167">
                    <a:pos x="T86" y="T87"/>
                  </a:cxn>
                  <a:cxn ang="T168">
                    <a:pos x="T88" y="T89"/>
                  </a:cxn>
                  <a:cxn ang="T169">
                    <a:pos x="T90" y="T91"/>
                  </a:cxn>
                  <a:cxn ang="T170">
                    <a:pos x="T92" y="T93"/>
                  </a:cxn>
                  <a:cxn ang="T171">
                    <a:pos x="T94" y="T95"/>
                  </a:cxn>
                  <a:cxn ang="T172">
                    <a:pos x="T96" y="T97"/>
                  </a:cxn>
                  <a:cxn ang="T173">
                    <a:pos x="T98" y="T99"/>
                  </a:cxn>
                  <a:cxn ang="T174">
                    <a:pos x="T100" y="T101"/>
                  </a:cxn>
                  <a:cxn ang="T175">
                    <a:pos x="T102" y="T103"/>
                  </a:cxn>
                  <a:cxn ang="T176">
                    <a:pos x="T104" y="T105"/>
                  </a:cxn>
                  <a:cxn ang="T177">
                    <a:pos x="T106" y="T107"/>
                  </a:cxn>
                  <a:cxn ang="T178">
                    <a:pos x="T108" y="T109"/>
                  </a:cxn>
                  <a:cxn ang="T179">
                    <a:pos x="T110" y="T111"/>
                  </a:cxn>
                  <a:cxn ang="T180">
                    <a:pos x="T112" y="T113"/>
                  </a:cxn>
                  <a:cxn ang="T181">
                    <a:pos x="T114" y="T115"/>
                  </a:cxn>
                  <a:cxn ang="T182">
                    <a:pos x="T116" y="T117"/>
                  </a:cxn>
                  <a:cxn ang="T183">
                    <a:pos x="T118" y="T119"/>
                  </a:cxn>
                  <a:cxn ang="T184">
                    <a:pos x="T120" y="T121"/>
                  </a:cxn>
                  <a:cxn ang="T185">
                    <a:pos x="T122" y="T123"/>
                  </a:cxn>
                </a:cxnLst>
                <a:rect l="T186" t="T187" r="T188" b="T189"/>
                <a:pathLst>
                  <a:path w="406" h="363">
                    <a:moveTo>
                      <a:pt x="1" y="0"/>
                    </a:moveTo>
                    <a:lnTo>
                      <a:pt x="53" y="0"/>
                    </a:lnTo>
                    <a:lnTo>
                      <a:pt x="64" y="16"/>
                    </a:lnTo>
                    <a:lnTo>
                      <a:pt x="69" y="17"/>
                    </a:lnTo>
                    <a:lnTo>
                      <a:pt x="71" y="25"/>
                    </a:lnTo>
                    <a:lnTo>
                      <a:pt x="57" y="29"/>
                    </a:lnTo>
                    <a:lnTo>
                      <a:pt x="48" y="37"/>
                    </a:lnTo>
                    <a:lnTo>
                      <a:pt x="70" y="30"/>
                    </a:lnTo>
                    <a:lnTo>
                      <a:pt x="71" y="32"/>
                    </a:lnTo>
                    <a:lnTo>
                      <a:pt x="70" y="38"/>
                    </a:lnTo>
                    <a:lnTo>
                      <a:pt x="71" y="40"/>
                    </a:lnTo>
                    <a:lnTo>
                      <a:pt x="73" y="35"/>
                    </a:lnTo>
                    <a:lnTo>
                      <a:pt x="73" y="22"/>
                    </a:lnTo>
                    <a:lnTo>
                      <a:pt x="75" y="13"/>
                    </a:lnTo>
                    <a:lnTo>
                      <a:pt x="75" y="9"/>
                    </a:lnTo>
                    <a:lnTo>
                      <a:pt x="65" y="8"/>
                    </a:lnTo>
                    <a:lnTo>
                      <a:pt x="61" y="0"/>
                    </a:lnTo>
                    <a:lnTo>
                      <a:pt x="221" y="0"/>
                    </a:lnTo>
                    <a:lnTo>
                      <a:pt x="217" y="5"/>
                    </a:lnTo>
                    <a:lnTo>
                      <a:pt x="216" y="11"/>
                    </a:lnTo>
                    <a:lnTo>
                      <a:pt x="222" y="4"/>
                    </a:lnTo>
                    <a:lnTo>
                      <a:pt x="233" y="2"/>
                    </a:lnTo>
                    <a:lnTo>
                      <a:pt x="226" y="17"/>
                    </a:lnTo>
                    <a:lnTo>
                      <a:pt x="233" y="13"/>
                    </a:lnTo>
                    <a:lnTo>
                      <a:pt x="232" y="19"/>
                    </a:lnTo>
                    <a:lnTo>
                      <a:pt x="238" y="24"/>
                    </a:lnTo>
                    <a:lnTo>
                      <a:pt x="237" y="14"/>
                    </a:lnTo>
                    <a:lnTo>
                      <a:pt x="244" y="14"/>
                    </a:lnTo>
                    <a:lnTo>
                      <a:pt x="248" y="7"/>
                    </a:lnTo>
                    <a:lnTo>
                      <a:pt x="264" y="16"/>
                    </a:lnTo>
                    <a:lnTo>
                      <a:pt x="269" y="28"/>
                    </a:lnTo>
                    <a:lnTo>
                      <a:pt x="268" y="31"/>
                    </a:lnTo>
                    <a:lnTo>
                      <a:pt x="254" y="35"/>
                    </a:lnTo>
                    <a:lnTo>
                      <a:pt x="264" y="40"/>
                    </a:lnTo>
                    <a:lnTo>
                      <a:pt x="275" y="36"/>
                    </a:lnTo>
                    <a:lnTo>
                      <a:pt x="276" y="41"/>
                    </a:lnTo>
                    <a:lnTo>
                      <a:pt x="272" y="53"/>
                    </a:lnTo>
                    <a:lnTo>
                      <a:pt x="285" y="44"/>
                    </a:lnTo>
                    <a:lnTo>
                      <a:pt x="278" y="58"/>
                    </a:lnTo>
                    <a:lnTo>
                      <a:pt x="291" y="48"/>
                    </a:lnTo>
                    <a:lnTo>
                      <a:pt x="306" y="55"/>
                    </a:lnTo>
                    <a:lnTo>
                      <a:pt x="305" y="64"/>
                    </a:lnTo>
                    <a:lnTo>
                      <a:pt x="302" y="61"/>
                    </a:lnTo>
                    <a:lnTo>
                      <a:pt x="300" y="67"/>
                    </a:lnTo>
                    <a:lnTo>
                      <a:pt x="289" y="73"/>
                    </a:lnTo>
                    <a:lnTo>
                      <a:pt x="303" y="72"/>
                    </a:lnTo>
                    <a:lnTo>
                      <a:pt x="298" y="82"/>
                    </a:lnTo>
                    <a:lnTo>
                      <a:pt x="302" y="82"/>
                    </a:lnTo>
                    <a:lnTo>
                      <a:pt x="309" y="75"/>
                    </a:lnTo>
                    <a:lnTo>
                      <a:pt x="308" y="71"/>
                    </a:lnTo>
                    <a:lnTo>
                      <a:pt x="310" y="67"/>
                    </a:lnTo>
                    <a:lnTo>
                      <a:pt x="315" y="70"/>
                    </a:lnTo>
                    <a:lnTo>
                      <a:pt x="324" y="83"/>
                    </a:lnTo>
                    <a:lnTo>
                      <a:pt x="326" y="87"/>
                    </a:lnTo>
                    <a:lnTo>
                      <a:pt x="323" y="91"/>
                    </a:lnTo>
                    <a:lnTo>
                      <a:pt x="314" y="89"/>
                    </a:lnTo>
                    <a:lnTo>
                      <a:pt x="300" y="99"/>
                    </a:lnTo>
                    <a:lnTo>
                      <a:pt x="303" y="96"/>
                    </a:lnTo>
                    <a:lnTo>
                      <a:pt x="310" y="103"/>
                    </a:lnTo>
                    <a:lnTo>
                      <a:pt x="311" y="100"/>
                    </a:lnTo>
                    <a:lnTo>
                      <a:pt x="326" y="102"/>
                    </a:lnTo>
                    <a:lnTo>
                      <a:pt x="334" y="109"/>
                    </a:lnTo>
                    <a:lnTo>
                      <a:pt x="332" y="113"/>
                    </a:lnTo>
                    <a:lnTo>
                      <a:pt x="320" y="114"/>
                    </a:lnTo>
                    <a:lnTo>
                      <a:pt x="312" y="109"/>
                    </a:lnTo>
                    <a:lnTo>
                      <a:pt x="312" y="112"/>
                    </a:lnTo>
                    <a:lnTo>
                      <a:pt x="305" y="113"/>
                    </a:lnTo>
                    <a:lnTo>
                      <a:pt x="316" y="120"/>
                    </a:lnTo>
                    <a:lnTo>
                      <a:pt x="310" y="124"/>
                    </a:lnTo>
                    <a:lnTo>
                      <a:pt x="317" y="132"/>
                    </a:lnTo>
                    <a:lnTo>
                      <a:pt x="307" y="135"/>
                    </a:lnTo>
                    <a:lnTo>
                      <a:pt x="331" y="144"/>
                    </a:lnTo>
                    <a:lnTo>
                      <a:pt x="328" y="150"/>
                    </a:lnTo>
                    <a:lnTo>
                      <a:pt x="338" y="150"/>
                    </a:lnTo>
                    <a:lnTo>
                      <a:pt x="340" y="154"/>
                    </a:lnTo>
                    <a:lnTo>
                      <a:pt x="337" y="158"/>
                    </a:lnTo>
                    <a:lnTo>
                      <a:pt x="341" y="162"/>
                    </a:lnTo>
                    <a:lnTo>
                      <a:pt x="355" y="157"/>
                    </a:lnTo>
                    <a:lnTo>
                      <a:pt x="353" y="165"/>
                    </a:lnTo>
                    <a:lnTo>
                      <a:pt x="363" y="166"/>
                    </a:lnTo>
                    <a:lnTo>
                      <a:pt x="370" y="181"/>
                    </a:lnTo>
                    <a:lnTo>
                      <a:pt x="366" y="185"/>
                    </a:lnTo>
                    <a:lnTo>
                      <a:pt x="366" y="188"/>
                    </a:lnTo>
                    <a:lnTo>
                      <a:pt x="383" y="185"/>
                    </a:lnTo>
                    <a:lnTo>
                      <a:pt x="379" y="199"/>
                    </a:lnTo>
                    <a:lnTo>
                      <a:pt x="395" y="196"/>
                    </a:lnTo>
                    <a:lnTo>
                      <a:pt x="406" y="209"/>
                    </a:lnTo>
                    <a:lnTo>
                      <a:pt x="401" y="217"/>
                    </a:lnTo>
                    <a:lnTo>
                      <a:pt x="403" y="220"/>
                    </a:lnTo>
                    <a:lnTo>
                      <a:pt x="402" y="222"/>
                    </a:lnTo>
                    <a:lnTo>
                      <a:pt x="393" y="221"/>
                    </a:lnTo>
                    <a:lnTo>
                      <a:pt x="389" y="228"/>
                    </a:lnTo>
                    <a:lnTo>
                      <a:pt x="394" y="227"/>
                    </a:lnTo>
                    <a:lnTo>
                      <a:pt x="396" y="231"/>
                    </a:lnTo>
                    <a:lnTo>
                      <a:pt x="392" y="232"/>
                    </a:lnTo>
                    <a:lnTo>
                      <a:pt x="392" y="238"/>
                    </a:lnTo>
                    <a:lnTo>
                      <a:pt x="389" y="239"/>
                    </a:lnTo>
                    <a:lnTo>
                      <a:pt x="387" y="245"/>
                    </a:lnTo>
                    <a:lnTo>
                      <a:pt x="377" y="239"/>
                    </a:lnTo>
                    <a:lnTo>
                      <a:pt x="380" y="255"/>
                    </a:lnTo>
                    <a:lnTo>
                      <a:pt x="378" y="255"/>
                    </a:lnTo>
                    <a:lnTo>
                      <a:pt x="375" y="268"/>
                    </a:lnTo>
                    <a:lnTo>
                      <a:pt x="370" y="260"/>
                    </a:lnTo>
                    <a:lnTo>
                      <a:pt x="368" y="263"/>
                    </a:lnTo>
                    <a:lnTo>
                      <a:pt x="366" y="256"/>
                    </a:lnTo>
                    <a:lnTo>
                      <a:pt x="361" y="259"/>
                    </a:lnTo>
                    <a:lnTo>
                      <a:pt x="358" y="255"/>
                    </a:lnTo>
                    <a:lnTo>
                      <a:pt x="360" y="251"/>
                    </a:lnTo>
                    <a:lnTo>
                      <a:pt x="360" y="248"/>
                    </a:lnTo>
                    <a:lnTo>
                      <a:pt x="356" y="250"/>
                    </a:lnTo>
                    <a:lnTo>
                      <a:pt x="350" y="241"/>
                    </a:lnTo>
                    <a:lnTo>
                      <a:pt x="349" y="236"/>
                    </a:lnTo>
                    <a:lnTo>
                      <a:pt x="350" y="231"/>
                    </a:lnTo>
                    <a:lnTo>
                      <a:pt x="342" y="232"/>
                    </a:lnTo>
                    <a:lnTo>
                      <a:pt x="341" y="227"/>
                    </a:lnTo>
                    <a:lnTo>
                      <a:pt x="326" y="219"/>
                    </a:lnTo>
                    <a:lnTo>
                      <a:pt x="328" y="212"/>
                    </a:lnTo>
                    <a:lnTo>
                      <a:pt x="322" y="209"/>
                    </a:lnTo>
                    <a:lnTo>
                      <a:pt x="320" y="212"/>
                    </a:lnTo>
                    <a:lnTo>
                      <a:pt x="324" y="215"/>
                    </a:lnTo>
                    <a:lnTo>
                      <a:pt x="321" y="215"/>
                    </a:lnTo>
                    <a:lnTo>
                      <a:pt x="324" y="220"/>
                    </a:lnTo>
                    <a:lnTo>
                      <a:pt x="316" y="214"/>
                    </a:lnTo>
                    <a:lnTo>
                      <a:pt x="314" y="214"/>
                    </a:lnTo>
                    <a:lnTo>
                      <a:pt x="315" y="217"/>
                    </a:lnTo>
                    <a:lnTo>
                      <a:pt x="310" y="217"/>
                    </a:lnTo>
                    <a:lnTo>
                      <a:pt x="312" y="221"/>
                    </a:lnTo>
                    <a:lnTo>
                      <a:pt x="319" y="224"/>
                    </a:lnTo>
                    <a:lnTo>
                      <a:pt x="325" y="232"/>
                    </a:lnTo>
                    <a:lnTo>
                      <a:pt x="314" y="234"/>
                    </a:lnTo>
                    <a:lnTo>
                      <a:pt x="313" y="244"/>
                    </a:lnTo>
                    <a:lnTo>
                      <a:pt x="323" y="244"/>
                    </a:lnTo>
                    <a:lnTo>
                      <a:pt x="322" y="249"/>
                    </a:lnTo>
                    <a:lnTo>
                      <a:pt x="324" y="251"/>
                    </a:lnTo>
                    <a:lnTo>
                      <a:pt x="323" y="251"/>
                    </a:lnTo>
                    <a:lnTo>
                      <a:pt x="324" y="254"/>
                    </a:lnTo>
                    <a:lnTo>
                      <a:pt x="323" y="257"/>
                    </a:lnTo>
                    <a:lnTo>
                      <a:pt x="326" y="258"/>
                    </a:lnTo>
                    <a:lnTo>
                      <a:pt x="331" y="271"/>
                    </a:lnTo>
                    <a:lnTo>
                      <a:pt x="332" y="267"/>
                    </a:lnTo>
                    <a:lnTo>
                      <a:pt x="339" y="267"/>
                    </a:lnTo>
                    <a:lnTo>
                      <a:pt x="336" y="271"/>
                    </a:lnTo>
                    <a:lnTo>
                      <a:pt x="345" y="269"/>
                    </a:lnTo>
                    <a:lnTo>
                      <a:pt x="346" y="278"/>
                    </a:lnTo>
                    <a:lnTo>
                      <a:pt x="350" y="274"/>
                    </a:lnTo>
                    <a:lnTo>
                      <a:pt x="352" y="279"/>
                    </a:lnTo>
                    <a:lnTo>
                      <a:pt x="355" y="278"/>
                    </a:lnTo>
                    <a:lnTo>
                      <a:pt x="355" y="282"/>
                    </a:lnTo>
                    <a:lnTo>
                      <a:pt x="354" y="286"/>
                    </a:lnTo>
                    <a:lnTo>
                      <a:pt x="351" y="287"/>
                    </a:lnTo>
                    <a:lnTo>
                      <a:pt x="352" y="292"/>
                    </a:lnTo>
                    <a:lnTo>
                      <a:pt x="360" y="297"/>
                    </a:lnTo>
                    <a:lnTo>
                      <a:pt x="363" y="307"/>
                    </a:lnTo>
                    <a:lnTo>
                      <a:pt x="361" y="315"/>
                    </a:lnTo>
                    <a:lnTo>
                      <a:pt x="362" y="320"/>
                    </a:lnTo>
                    <a:lnTo>
                      <a:pt x="355" y="314"/>
                    </a:lnTo>
                    <a:lnTo>
                      <a:pt x="355" y="321"/>
                    </a:lnTo>
                    <a:lnTo>
                      <a:pt x="358" y="328"/>
                    </a:lnTo>
                    <a:lnTo>
                      <a:pt x="360" y="328"/>
                    </a:lnTo>
                    <a:lnTo>
                      <a:pt x="363" y="330"/>
                    </a:lnTo>
                    <a:lnTo>
                      <a:pt x="363" y="334"/>
                    </a:lnTo>
                    <a:lnTo>
                      <a:pt x="355" y="332"/>
                    </a:lnTo>
                    <a:lnTo>
                      <a:pt x="358" y="342"/>
                    </a:lnTo>
                    <a:lnTo>
                      <a:pt x="357" y="343"/>
                    </a:lnTo>
                    <a:lnTo>
                      <a:pt x="352" y="339"/>
                    </a:lnTo>
                    <a:lnTo>
                      <a:pt x="353" y="333"/>
                    </a:lnTo>
                    <a:lnTo>
                      <a:pt x="351" y="335"/>
                    </a:lnTo>
                    <a:lnTo>
                      <a:pt x="349" y="330"/>
                    </a:lnTo>
                    <a:lnTo>
                      <a:pt x="342" y="332"/>
                    </a:lnTo>
                    <a:lnTo>
                      <a:pt x="339" y="327"/>
                    </a:lnTo>
                    <a:lnTo>
                      <a:pt x="330" y="327"/>
                    </a:lnTo>
                    <a:lnTo>
                      <a:pt x="329" y="322"/>
                    </a:lnTo>
                    <a:lnTo>
                      <a:pt x="323" y="320"/>
                    </a:lnTo>
                    <a:lnTo>
                      <a:pt x="318" y="311"/>
                    </a:lnTo>
                    <a:lnTo>
                      <a:pt x="315" y="311"/>
                    </a:lnTo>
                    <a:lnTo>
                      <a:pt x="316" y="315"/>
                    </a:lnTo>
                    <a:lnTo>
                      <a:pt x="312" y="314"/>
                    </a:lnTo>
                    <a:lnTo>
                      <a:pt x="303" y="305"/>
                    </a:lnTo>
                    <a:lnTo>
                      <a:pt x="299" y="305"/>
                    </a:lnTo>
                    <a:lnTo>
                      <a:pt x="303" y="311"/>
                    </a:lnTo>
                    <a:lnTo>
                      <a:pt x="315" y="326"/>
                    </a:lnTo>
                    <a:lnTo>
                      <a:pt x="318" y="325"/>
                    </a:lnTo>
                    <a:lnTo>
                      <a:pt x="318" y="328"/>
                    </a:lnTo>
                    <a:lnTo>
                      <a:pt x="339" y="349"/>
                    </a:lnTo>
                    <a:lnTo>
                      <a:pt x="338" y="358"/>
                    </a:lnTo>
                    <a:lnTo>
                      <a:pt x="340" y="362"/>
                    </a:lnTo>
                    <a:lnTo>
                      <a:pt x="336" y="363"/>
                    </a:lnTo>
                    <a:lnTo>
                      <a:pt x="329" y="355"/>
                    </a:lnTo>
                    <a:lnTo>
                      <a:pt x="322" y="358"/>
                    </a:lnTo>
                    <a:lnTo>
                      <a:pt x="318" y="354"/>
                    </a:lnTo>
                    <a:lnTo>
                      <a:pt x="304" y="350"/>
                    </a:lnTo>
                    <a:lnTo>
                      <a:pt x="302" y="348"/>
                    </a:lnTo>
                    <a:lnTo>
                      <a:pt x="302" y="344"/>
                    </a:lnTo>
                    <a:lnTo>
                      <a:pt x="300" y="348"/>
                    </a:lnTo>
                    <a:lnTo>
                      <a:pt x="298" y="347"/>
                    </a:lnTo>
                    <a:lnTo>
                      <a:pt x="295" y="341"/>
                    </a:lnTo>
                    <a:lnTo>
                      <a:pt x="292" y="340"/>
                    </a:lnTo>
                    <a:lnTo>
                      <a:pt x="292" y="334"/>
                    </a:lnTo>
                    <a:lnTo>
                      <a:pt x="287" y="337"/>
                    </a:lnTo>
                    <a:lnTo>
                      <a:pt x="285" y="336"/>
                    </a:lnTo>
                    <a:lnTo>
                      <a:pt x="285" y="331"/>
                    </a:lnTo>
                    <a:lnTo>
                      <a:pt x="280" y="336"/>
                    </a:lnTo>
                    <a:lnTo>
                      <a:pt x="266" y="329"/>
                    </a:lnTo>
                    <a:lnTo>
                      <a:pt x="260" y="324"/>
                    </a:lnTo>
                    <a:lnTo>
                      <a:pt x="254" y="311"/>
                    </a:lnTo>
                    <a:lnTo>
                      <a:pt x="258" y="315"/>
                    </a:lnTo>
                    <a:lnTo>
                      <a:pt x="265" y="309"/>
                    </a:lnTo>
                    <a:lnTo>
                      <a:pt x="262" y="309"/>
                    </a:lnTo>
                    <a:lnTo>
                      <a:pt x="257" y="302"/>
                    </a:lnTo>
                    <a:lnTo>
                      <a:pt x="255" y="308"/>
                    </a:lnTo>
                    <a:lnTo>
                      <a:pt x="252" y="303"/>
                    </a:lnTo>
                    <a:lnTo>
                      <a:pt x="242" y="298"/>
                    </a:lnTo>
                    <a:lnTo>
                      <a:pt x="241" y="290"/>
                    </a:lnTo>
                    <a:lnTo>
                      <a:pt x="236" y="287"/>
                    </a:lnTo>
                    <a:lnTo>
                      <a:pt x="234" y="277"/>
                    </a:lnTo>
                    <a:lnTo>
                      <a:pt x="231" y="278"/>
                    </a:lnTo>
                    <a:lnTo>
                      <a:pt x="227" y="275"/>
                    </a:lnTo>
                    <a:lnTo>
                      <a:pt x="223" y="277"/>
                    </a:lnTo>
                    <a:lnTo>
                      <a:pt x="221" y="272"/>
                    </a:lnTo>
                    <a:lnTo>
                      <a:pt x="219" y="275"/>
                    </a:lnTo>
                    <a:lnTo>
                      <a:pt x="218" y="269"/>
                    </a:lnTo>
                    <a:lnTo>
                      <a:pt x="214" y="271"/>
                    </a:lnTo>
                    <a:lnTo>
                      <a:pt x="214" y="275"/>
                    </a:lnTo>
                    <a:lnTo>
                      <a:pt x="220" y="281"/>
                    </a:lnTo>
                    <a:lnTo>
                      <a:pt x="218" y="281"/>
                    </a:lnTo>
                    <a:lnTo>
                      <a:pt x="218" y="284"/>
                    </a:lnTo>
                    <a:lnTo>
                      <a:pt x="209" y="282"/>
                    </a:lnTo>
                    <a:lnTo>
                      <a:pt x="207" y="278"/>
                    </a:lnTo>
                    <a:lnTo>
                      <a:pt x="203" y="278"/>
                    </a:lnTo>
                    <a:lnTo>
                      <a:pt x="200" y="279"/>
                    </a:lnTo>
                    <a:lnTo>
                      <a:pt x="200" y="284"/>
                    </a:lnTo>
                    <a:lnTo>
                      <a:pt x="188" y="290"/>
                    </a:lnTo>
                    <a:lnTo>
                      <a:pt x="174" y="284"/>
                    </a:lnTo>
                    <a:lnTo>
                      <a:pt x="169" y="276"/>
                    </a:lnTo>
                    <a:lnTo>
                      <a:pt x="169" y="268"/>
                    </a:lnTo>
                    <a:lnTo>
                      <a:pt x="171" y="264"/>
                    </a:lnTo>
                    <a:lnTo>
                      <a:pt x="179" y="259"/>
                    </a:lnTo>
                    <a:lnTo>
                      <a:pt x="179" y="253"/>
                    </a:lnTo>
                    <a:lnTo>
                      <a:pt x="181" y="253"/>
                    </a:lnTo>
                    <a:lnTo>
                      <a:pt x="179" y="250"/>
                    </a:lnTo>
                    <a:lnTo>
                      <a:pt x="208" y="256"/>
                    </a:lnTo>
                    <a:lnTo>
                      <a:pt x="210" y="255"/>
                    </a:lnTo>
                    <a:lnTo>
                      <a:pt x="211" y="251"/>
                    </a:lnTo>
                    <a:lnTo>
                      <a:pt x="217" y="251"/>
                    </a:lnTo>
                    <a:lnTo>
                      <a:pt x="225" y="246"/>
                    </a:lnTo>
                    <a:lnTo>
                      <a:pt x="233" y="249"/>
                    </a:lnTo>
                    <a:lnTo>
                      <a:pt x="233" y="243"/>
                    </a:lnTo>
                    <a:lnTo>
                      <a:pt x="221" y="225"/>
                    </a:lnTo>
                    <a:lnTo>
                      <a:pt x="237" y="207"/>
                    </a:lnTo>
                    <a:lnTo>
                      <a:pt x="242" y="205"/>
                    </a:lnTo>
                    <a:lnTo>
                      <a:pt x="242" y="196"/>
                    </a:lnTo>
                    <a:lnTo>
                      <a:pt x="251" y="185"/>
                    </a:lnTo>
                    <a:lnTo>
                      <a:pt x="249" y="184"/>
                    </a:lnTo>
                    <a:lnTo>
                      <a:pt x="241" y="153"/>
                    </a:lnTo>
                    <a:lnTo>
                      <a:pt x="237" y="147"/>
                    </a:lnTo>
                    <a:lnTo>
                      <a:pt x="230" y="146"/>
                    </a:lnTo>
                    <a:lnTo>
                      <a:pt x="228" y="142"/>
                    </a:lnTo>
                    <a:lnTo>
                      <a:pt x="228" y="132"/>
                    </a:lnTo>
                    <a:lnTo>
                      <a:pt x="223" y="131"/>
                    </a:lnTo>
                    <a:lnTo>
                      <a:pt x="225" y="137"/>
                    </a:lnTo>
                    <a:lnTo>
                      <a:pt x="224" y="139"/>
                    </a:lnTo>
                    <a:lnTo>
                      <a:pt x="214" y="127"/>
                    </a:lnTo>
                    <a:lnTo>
                      <a:pt x="216" y="123"/>
                    </a:lnTo>
                    <a:lnTo>
                      <a:pt x="215" y="122"/>
                    </a:lnTo>
                    <a:lnTo>
                      <a:pt x="205" y="122"/>
                    </a:lnTo>
                    <a:lnTo>
                      <a:pt x="189" y="133"/>
                    </a:lnTo>
                    <a:lnTo>
                      <a:pt x="190" y="124"/>
                    </a:lnTo>
                    <a:lnTo>
                      <a:pt x="189" y="118"/>
                    </a:lnTo>
                    <a:lnTo>
                      <a:pt x="198" y="120"/>
                    </a:lnTo>
                    <a:lnTo>
                      <a:pt x="203" y="115"/>
                    </a:lnTo>
                    <a:lnTo>
                      <a:pt x="202" y="109"/>
                    </a:lnTo>
                    <a:lnTo>
                      <a:pt x="183" y="94"/>
                    </a:lnTo>
                    <a:lnTo>
                      <a:pt x="186" y="92"/>
                    </a:lnTo>
                    <a:lnTo>
                      <a:pt x="186" y="87"/>
                    </a:lnTo>
                    <a:lnTo>
                      <a:pt x="175" y="87"/>
                    </a:lnTo>
                    <a:lnTo>
                      <a:pt x="175" y="70"/>
                    </a:lnTo>
                    <a:lnTo>
                      <a:pt x="167" y="72"/>
                    </a:lnTo>
                    <a:lnTo>
                      <a:pt x="158" y="63"/>
                    </a:lnTo>
                    <a:lnTo>
                      <a:pt x="155" y="66"/>
                    </a:lnTo>
                    <a:lnTo>
                      <a:pt x="160" y="81"/>
                    </a:lnTo>
                    <a:lnTo>
                      <a:pt x="158" y="84"/>
                    </a:lnTo>
                    <a:lnTo>
                      <a:pt x="145" y="87"/>
                    </a:lnTo>
                    <a:lnTo>
                      <a:pt x="142" y="80"/>
                    </a:lnTo>
                    <a:lnTo>
                      <a:pt x="118" y="74"/>
                    </a:lnTo>
                    <a:lnTo>
                      <a:pt x="117" y="78"/>
                    </a:lnTo>
                    <a:lnTo>
                      <a:pt x="128" y="86"/>
                    </a:lnTo>
                    <a:lnTo>
                      <a:pt x="129" y="89"/>
                    </a:lnTo>
                    <a:lnTo>
                      <a:pt x="126" y="89"/>
                    </a:lnTo>
                    <a:lnTo>
                      <a:pt x="120" y="82"/>
                    </a:lnTo>
                    <a:lnTo>
                      <a:pt x="115" y="88"/>
                    </a:lnTo>
                    <a:lnTo>
                      <a:pt x="98" y="79"/>
                    </a:lnTo>
                    <a:lnTo>
                      <a:pt x="91" y="84"/>
                    </a:lnTo>
                    <a:lnTo>
                      <a:pt x="67" y="77"/>
                    </a:lnTo>
                    <a:lnTo>
                      <a:pt x="67" y="80"/>
                    </a:lnTo>
                    <a:lnTo>
                      <a:pt x="57" y="78"/>
                    </a:lnTo>
                    <a:lnTo>
                      <a:pt x="49" y="68"/>
                    </a:lnTo>
                    <a:lnTo>
                      <a:pt x="49" y="61"/>
                    </a:lnTo>
                    <a:lnTo>
                      <a:pt x="47" y="66"/>
                    </a:lnTo>
                    <a:lnTo>
                      <a:pt x="42" y="68"/>
                    </a:lnTo>
                    <a:lnTo>
                      <a:pt x="26" y="66"/>
                    </a:lnTo>
                    <a:lnTo>
                      <a:pt x="20" y="60"/>
                    </a:lnTo>
                    <a:lnTo>
                      <a:pt x="8" y="42"/>
                    </a:lnTo>
                    <a:lnTo>
                      <a:pt x="8" y="35"/>
                    </a:lnTo>
                    <a:lnTo>
                      <a:pt x="26" y="41"/>
                    </a:lnTo>
                    <a:lnTo>
                      <a:pt x="41" y="38"/>
                    </a:lnTo>
                    <a:lnTo>
                      <a:pt x="28" y="27"/>
                    </a:lnTo>
                    <a:lnTo>
                      <a:pt x="2" y="23"/>
                    </a:lnTo>
                    <a:lnTo>
                      <a:pt x="0" y="18"/>
                    </a:lnTo>
                    <a:lnTo>
                      <a:pt x="0" y="8"/>
                    </a:lnTo>
                    <a:lnTo>
                      <a:pt x="2" y="3"/>
                    </a:lnTo>
                    <a:lnTo>
                      <a:pt x="1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90" name="Freeform 54"/>
              <p:cNvSpPr>
                <a:spLocks/>
              </p:cNvSpPr>
              <p:nvPr/>
            </p:nvSpPr>
            <p:spPr bwMode="auto">
              <a:xfrm>
                <a:off x="1849" y="1499"/>
                <a:ext cx="99" cy="90"/>
              </a:xfrm>
              <a:custGeom>
                <a:avLst/>
                <a:gdLst>
                  <a:gd name="T0" fmla="*/ 19 w 99"/>
                  <a:gd name="T1" fmla="*/ 4 h 90"/>
                  <a:gd name="T2" fmla="*/ 23 w 99"/>
                  <a:gd name="T3" fmla="*/ 0 h 90"/>
                  <a:gd name="T4" fmla="*/ 23 w 99"/>
                  <a:gd name="T5" fmla="*/ 3 h 90"/>
                  <a:gd name="T6" fmla="*/ 27 w 99"/>
                  <a:gd name="T7" fmla="*/ 3 h 90"/>
                  <a:gd name="T8" fmla="*/ 30 w 99"/>
                  <a:gd name="T9" fmla="*/ 10 h 90"/>
                  <a:gd name="T10" fmla="*/ 29 w 99"/>
                  <a:gd name="T11" fmla="*/ 12 h 90"/>
                  <a:gd name="T12" fmla="*/ 30 w 99"/>
                  <a:gd name="T13" fmla="*/ 21 h 90"/>
                  <a:gd name="T14" fmla="*/ 33 w 99"/>
                  <a:gd name="T15" fmla="*/ 22 h 90"/>
                  <a:gd name="T16" fmla="*/ 36 w 99"/>
                  <a:gd name="T17" fmla="*/ 15 h 90"/>
                  <a:gd name="T18" fmla="*/ 38 w 99"/>
                  <a:gd name="T19" fmla="*/ 15 h 90"/>
                  <a:gd name="T20" fmla="*/ 43 w 99"/>
                  <a:gd name="T21" fmla="*/ 19 h 90"/>
                  <a:gd name="T22" fmla="*/ 43 w 99"/>
                  <a:gd name="T23" fmla="*/ 23 h 90"/>
                  <a:gd name="T24" fmla="*/ 53 w 99"/>
                  <a:gd name="T25" fmla="*/ 26 h 90"/>
                  <a:gd name="T26" fmla="*/ 62 w 99"/>
                  <a:gd name="T27" fmla="*/ 37 h 90"/>
                  <a:gd name="T28" fmla="*/ 74 w 99"/>
                  <a:gd name="T29" fmla="*/ 42 h 90"/>
                  <a:gd name="T30" fmla="*/ 79 w 99"/>
                  <a:gd name="T31" fmla="*/ 57 h 90"/>
                  <a:gd name="T32" fmla="*/ 77 w 99"/>
                  <a:gd name="T33" fmla="*/ 61 h 90"/>
                  <a:gd name="T34" fmla="*/ 84 w 99"/>
                  <a:gd name="T35" fmla="*/ 62 h 90"/>
                  <a:gd name="T36" fmla="*/ 88 w 99"/>
                  <a:gd name="T37" fmla="*/ 58 h 90"/>
                  <a:gd name="T38" fmla="*/ 93 w 99"/>
                  <a:gd name="T39" fmla="*/ 63 h 90"/>
                  <a:gd name="T40" fmla="*/ 93 w 99"/>
                  <a:gd name="T41" fmla="*/ 67 h 90"/>
                  <a:gd name="T42" fmla="*/ 99 w 99"/>
                  <a:gd name="T43" fmla="*/ 70 h 90"/>
                  <a:gd name="T44" fmla="*/ 86 w 99"/>
                  <a:gd name="T45" fmla="*/ 80 h 90"/>
                  <a:gd name="T46" fmla="*/ 72 w 99"/>
                  <a:gd name="T47" fmla="*/ 72 h 90"/>
                  <a:gd name="T48" fmla="*/ 67 w 99"/>
                  <a:gd name="T49" fmla="*/ 73 h 90"/>
                  <a:gd name="T50" fmla="*/ 67 w 99"/>
                  <a:gd name="T51" fmla="*/ 65 h 90"/>
                  <a:gd name="T52" fmla="*/ 57 w 99"/>
                  <a:gd name="T53" fmla="*/ 63 h 90"/>
                  <a:gd name="T54" fmla="*/ 60 w 99"/>
                  <a:gd name="T55" fmla="*/ 57 h 90"/>
                  <a:gd name="T56" fmla="*/ 50 w 99"/>
                  <a:gd name="T57" fmla="*/ 60 h 90"/>
                  <a:gd name="T58" fmla="*/ 50 w 99"/>
                  <a:gd name="T59" fmla="*/ 71 h 90"/>
                  <a:gd name="T60" fmla="*/ 41 w 99"/>
                  <a:gd name="T61" fmla="*/ 76 h 90"/>
                  <a:gd name="T62" fmla="*/ 35 w 99"/>
                  <a:gd name="T63" fmla="*/ 86 h 90"/>
                  <a:gd name="T64" fmla="*/ 27 w 99"/>
                  <a:gd name="T65" fmla="*/ 90 h 90"/>
                  <a:gd name="T66" fmla="*/ 24 w 99"/>
                  <a:gd name="T67" fmla="*/ 90 h 90"/>
                  <a:gd name="T68" fmla="*/ 22 w 99"/>
                  <a:gd name="T69" fmla="*/ 85 h 90"/>
                  <a:gd name="T70" fmla="*/ 21 w 99"/>
                  <a:gd name="T71" fmla="*/ 67 h 90"/>
                  <a:gd name="T72" fmla="*/ 19 w 99"/>
                  <a:gd name="T73" fmla="*/ 72 h 90"/>
                  <a:gd name="T74" fmla="*/ 2 w 99"/>
                  <a:gd name="T75" fmla="*/ 77 h 90"/>
                  <a:gd name="T76" fmla="*/ 0 w 99"/>
                  <a:gd name="T77" fmla="*/ 73 h 90"/>
                  <a:gd name="T78" fmla="*/ 3 w 99"/>
                  <a:gd name="T79" fmla="*/ 66 h 90"/>
                  <a:gd name="T80" fmla="*/ 13 w 99"/>
                  <a:gd name="T81" fmla="*/ 58 h 90"/>
                  <a:gd name="T82" fmla="*/ 11 w 99"/>
                  <a:gd name="T83" fmla="*/ 44 h 90"/>
                  <a:gd name="T84" fmla="*/ 14 w 99"/>
                  <a:gd name="T85" fmla="*/ 29 h 90"/>
                  <a:gd name="T86" fmla="*/ 15 w 99"/>
                  <a:gd name="T87" fmla="*/ 15 h 90"/>
                  <a:gd name="T88" fmla="*/ 19 w 99"/>
                  <a:gd name="T89" fmla="*/ 4 h 90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w 99"/>
                  <a:gd name="T136" fmla="*/ 0 h 90"/>
                  <a:gd name="T137" fmla="*/ 99 w 99"/>
                  <a:gd name="T138" fmla="*/ 90 h 90"/>
                </a:gdLst>
                <a:ahLst/>
                <a:cxnLst>
                  <a:cxn ang="T90">
                    <a:pos x="T0" y="T1"/>
                  </a:cxn>
                  <a:cxn ang="T91">
                    <a:pos x="T2" y="T3"/>
                  </a:cxn>
                  <a:cxn ang="T92">
                    <a:pos x="T4" y="T5"/>
                  </a:cxn>
                  <a:cxn ang="T93">
                    <a:pos x="T6" y="T7"/>
                  </a:cxn>
                  <a:cxn ang="T94">
                    <a:pos x="T8" y="T9"/>
                  </a:cxn>
                  <a:cxn ang="T95">
                    <a:pos x="T10" y="T11"/>
                  </a:cxn>
                  <a:cxn ang="T96">
                    <a:pos x="T12" y="T13"/>
                  </a:cxn>
                  <a:cxn ang="T97">
                    <a:pos x="T14" y="T15"/>
                  </a:cxn>
                  <a:cxn ang="T98">
                    <a:pos x="T16" y="T17"/>
                  </a:cxn>
                  <a:cxn ang="T99">
                    <a:pos x="T18" y="T19"/>
                  </a:cxn>
                  <a:cxn ang="T100">
                    <a:pos x="T20" y="T21"/>
                  </a:cxn>
                  <a:cxn ang="T101">
                    <a:pos x="T22" y="T23"/>
                  </a:cxn>
                  <a:cxn ang="T102">
                    <a:pos x="T24" y="T25"/>
                  </a:cxn>
                  <a:cxn ang="T103">
                    <a:pos x="T26" y="T27"/>
                  </a:cxn>
                  <a:cxn ang="T104">
                    <a:pos x="T28" y="T29"/>
                  </a:cxn>
                  <a:cxn ang="T105">
                    <a:pos x="T30" y="T31"/>
                  </a:cxn>
                  <a:cxn ang="T106">
                    <a:pos x="T32" y="T33"/>
                  </a:cxn>
                  <a:cxn ang="T107">
                    <a:pos x="T34" y="T35"/>
                  </a:cxn>
                  <a:cxn ang="T108">
                    <a:pos x="T36" y="T37"/>
                  </a:cxn>
                  <a:cxn ang="T109">
                    <a:pos x="T38" y="T39"/>
                  </a:cxn>
                  <a:cxn ang="T110">
                    <a:pos x="T40" y="T41"/>
                  </a:cxn>
                  <a:cxn ang="T111">
                    <a:pos x="T42" y="T43"/>
                  </a:cxn>
                  <a:cxn ang="T112">
                    <a:pos x="T44" y="T45"/>
                  </a:cxn>
                  <a:cxn ang="T113">
                    <a:pos x="T46" y="T47"/>
                  </a:cxn>
                  <a:cxn ang="T114">
                    <a:pos x="T48" y="T49"/>
                  </a:cxn>
                  <a:cxn ang="T115">
                    <a:pos x="T50" y="T51"/>
                  </a:cxn>
                  <a:cxn ang="T116">
                    <a:pos x="T52" y="T53"/>
                  </a:cxn>
                  <a:cxn ang="T117">
                    <a:pos x="T54" y="T55"/>
                  </a:cxn>
                  <a:cxn ang="T118">
                    <a:pos x="T56" y="T57"/>
                  </a:cxn>
                  <a:cxn ang="T119">
                    <a:pos x="T58" y="T59"/>
                  </a:cxn>
                  <a:cxn ang="T120">
                    <a:pos x="T60" y="T61"/>
                  </a:cxn>
                  <a:cxn ang="T121">
                    <a:pos x="T62" y="T63"/>
                  </a:cxn>
                  <a:cxn ang="T122">
                    <a:pos x="T64" y="T65"/>
                  </a:cxn>
                  <a:cxn ang="T123">
                    <a:pos x="T66" y="T67"/>
                  </a:cxn>
                  <a:cxn ang="T124">
                    <a:pos x="T68" y="T69"/>
                  </a:cxn>
                  <a:cxn ang="T125">
                    <a:pos x="T70" y="T71"/>
                  </a:cxn>
                  <a:cxn ang="T126">
                    <a:pos x="T72" y="T73"/>
                  </a:cxn>
                  <a:cxn ang="T127">
                    <a:pos x="T74" y="T75"/>
                  </a:cxn>
                  <a:cxn ang="T128">
                    <a:pos x="T76" y="T77"/>
                  </a:cxn>
                  <a:cxn ang="T129">
                    <a:pos x="T78" y="T79"/>
                  </a:cxn>
                  <a:cxn ang="T130">
                    <a:pos x="T80" y="T81"/>
                  </a:cxn>
                  <a:cxn ang="T131">
                    <a:pos x="T82" y="T83"/>
                  </a:cxn>
                  <a:cxn ang="T132">
                    <a:pos x="T84" y="T85"/>
                  </a:cxn>
                  <a:cxn ang="T133">
                    <a:pos x="T86" y="T87"/>
                  </a:cxn>
                  <a:cxn ang="T134">
                    <a:pos x="T88" y="T89"/>
                  </a:cxn>
                </a:cxnLst>
                <a:rect l="T135" t="T136" r="T137" b="T138"/>
                <a:pathLst>
                  <a:path w="99" h="90">
                    <a:moveTo>
                      <a:pt x="19" y="4"/>
                    </a:moveTo>
                    <a:lnTo>
                      <a:pt x="23" y="0"/>
                    </a:lnTo>
                    <a:lnTo>
                      <a:pt x="23" y="3"/>
                    </a:lnTo>
                    <a:lnTo>
                      <a:pt x="27" y="3"/>
                    </a:lnTo>
                    <a:lnTo>
                      <a:pt x="30" y="10"/>
                    </a:lnTo>
                    <a:lnTo>
                      <a:pt x="29" y="12"/>
                    </a:lnTo>
                    <a:lnTo>
                      <a:pt x="30" y="21"/>
                    </a:lnTo>
                    <a:lnTo>
                      <a:pt x="33" y="22"/>
                    </a:lnTo>
                    <a:lnTo>
                      <a:pt x="36" y="15"/>
                    </a:lnTo>
                    <a:lnTo>
                      <a:pt x="38" y="15"/>
                    </a:lnTo>
                    <a:lnTo>
                      <a:pt x="43" y="19"/>
                    </a:lnTo>
                    <a:lnTo>
                      <a:pt x="43" y="23"/>
                    </a:lnTo>
                    <a:lnTo>
                      <a:pt x="53" y="26"/>
                    </a:lnTo>
                    <a:lnTo>
                      <a:pt x="62" y="37"/>
                    </a:lnTo>
                    <a:lnTo>
                      <a:pt x="74" y="42"/>
                    </a:lnTo>
                    <a:lnTo>
                      <a:pt x="79" y="57"/>
                    </a:lnTo>
                    <a:lnTo>
                      <a:pt x="77" y="61"/>
                    </a:lnTo>
                    <a:lnTo>
                      <a:pt x="84" y="62"/>
                    </a:lnTo>
                    <a:lnTo>
                      <a:pt x="88" y="58"/>
                    </a:lnTo>
                    <a:lnTo>
                      <a:pt x="93" y="63"/>
                    </a:lnTo>
                    <a:lnTo>
                      <a:pt x="93" y="67"/>
                    </a:lnTo>
                    <a:lnTo>
                      <a:pt x="99" y="70"/>
                    </a:lnTo>
                    <a:lnTo>
                      <a:pt x="86" y="80"/>
                    </a:lnTo>
                    <a:lnTo>
                      <a:pt x="72" y="72"/>
                    </a:lnTo>
                    <a:lnTo>
                      <a:pt x="67" y="73"/>
                    </a:lnTo>
                    <a:lnTo>
                      <a:pt x="67" y="65"/>
                    </a:lnTo>
                    <a:lnTo>
                      <a:pt x="57" y="63"/>
                    </a:lnTo>
                    <a:lnTo>
                      <a:pt x="60" y="57"/>
                    </a:lnTo>
                    <a:lnTo>
                      <a:pt x="50" y="60"/>
                    </a:lnTo>
                    <a:lnTo>
                      <a:pt x="50" y="71"/>
                    </a:lnTo>
                    <a:lnTo>
                      <a:pt x="41" y="76"/>
                    </a:lnTo>
                    <a:lnTo>
                      <a:pt x="35" y="86"/>
                    </a:lnTo>
                    <a:lnTo>
                      <a:pt x="27" y="90"/>
                    </a:lnTo>
                    <a:lnTo>
                      <a:pt x="24" y="90"/>
                    </a:lnTo>
                    <a:lnTo>
                      <a:pt x="22" y="85"/>
                    </a:lnTo>
                    <a:lnTo>
                      <a:pt x="21" y="67"/>
                    </a:lnTo>
                    <a:lnTo>
                      <a:pt x="19" y="72"/>
                    </a:lnTo>
                    <a:lnTo>
                      <a:pt x="2" y="77"/>
                    </a:lnTo>
                    <a:lnTo>
                      <a:pt x="0" y="73"/>
                    </a:lnTo>
                    <a:lnTo>
                      <a:pt x="3" y="66"/>
                    </a:lnTo>
                    <a:lnTo>
                      <a:pt x="13" y="58"/>
                    </a:lnTo>
                    <a:lnTo>
                      <a:pt x="11" y="44"/>
                    </a:lnTo>
                    <a:lnTo>
                      <a:pt x="14" y="29"/>
                    </a:lnTo>
                    <a:lnTo>
                      <a:pt x="15" y="15"/>
                    </a:lnTo>
                    <a:lnTo>
                      <a:pt x="19" y="4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91" name="Freeform 55"/>
              <p:cNvSpPr>
                <a:spLocks/>
              </p:cNvSpPr>
              <p:nvPr/>
            </p:nvSpPr>
            <p:spPr bwMode="auto">
              <a:xfrm>
                <a:off x="1671" y="1265"/>
                <a:ext cx="47" cy="26"/>
              </a:xfrm>
              <a:custGeom>
                <a:avLst/>
                <a:gdLst>
                  <a:gd name="T0" fmla="*/ 0 w 47"/>
                  <a:gd name="T1" fmla="*/ 0 h 26"/>
                  <a:gd name="T2" fmla="*/ 47 w 47"/>
                  <a:gd name="T3" fmla="*/ 0 h 26"/>
                  <a:gd name="T4" fmla="*/ 47 w 47"/>
                  <a:gd name="T5" fmla="*/ 1 h 26"/>
                  <a:gd name="T6" fmla="*/ 35 w 47"/>
                  <a:gd name="T7" fmla="*/ 12 h 26"/>
                  <a:gd name="T8" fmla="*/ 24 w 47"/>
                  <a:gd name="T9" fmla="*/ 10 h 26"/>
                  <a:gd name="T10" fmla="*/ 26 w 47"/>
                  <a:gd name="T11" fmla="*/ 18 h 26"/>
                  <a:gd name="T12" fmla="*/ 19 w 47"/>
                  <a:gd name="T13" fmla="*/ 26 h 26"/>
                  <a:gd name="T14" fmla="*/ 15 w 47"/>
                  <a:gd name="T15" fmla="*/ 21 h 26"/>
                  <a:gd name="T16" fmla="*/ 10 w 47"/>
                  <a:gd name="T17" fmla="*/ 23 h 26"/>
                  <a:gd name="T18" fmla="*/ 5 w 47"/>
                  <a:gd name="T19" fmla="*/ 6 h 26"/>
                  <a:gd name="T20" fmla="*/ 0 w 47"/>
                  <a:gd name="T21" fmla="*/ 0 h 2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47"/>
                  <a:gd name="T34" fmla="*/ 0 h 26"/>
                  <a:gd name="T35" fmla="*/ 47 w 47"/>
                  <a:gd name="T36" fmla="*/ 26 h 26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47" h="26">
                    <a:moveTo>
                      <a:pt x="0" y="0"/>
                    </a:moveTo>
                    <a:lnTo>
                      <a:pt x="47" y="0"/>
                    </a:lnTo>
                    <a:lnTo>
                      <a:pt x="47" y="1"/>
                    </a:lnTo>
                    <a:lnTo>
                      <a:pt x="35" y="12"/>
                    </a:lnTo>
                    <a:lnTo>
                      <a:pt x="24" y="10"/>
                    </a:lnTo>
                    <a:lnTo>
                      <a:pt x="26" y="18"/>
                    </a:lnTo>
                    <a:lnTo>
                      <a:pt x="19" y="26"/>
                    </a:lnTo>
                    <a:lnTo>
                      <a:pt x="15" y="21"/>
                    </a:lnTo>
                    <a:lnTo>
                      <a:pt x="10" y="23"/>
                    </a:lnTo>
                    <a:lnTo>
                      <a:pt x="5" y="6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92" name="Freeform 56"/>
              <p:cNvSpPr>
                <a:spLocks/>
              </p:cNvSpPr>
              <p:nvPr/>
            </p:nvSpPr>
            <p:spPr bwMode="auto">
              <a:xfrm>
                <a:off x="1398" y="1265"/>
                <a:ext cx="258" cy="139"/>
              </a:xfrm>
              <a:custGeom>
                <a:avLst/>
                <a:gdLst>
                  <a:gd name="T0" fmla="*/ 151 w 258"/>
                  <a:gd name="T1" fmla="*/ 0 h 139"/>
                  <a:gd name="T2" fmla="*/ 155 w 258"/>
                  <a:gd name="T3" fmla="*/ 8 h 139"/>
                  <a:gd name="T4" fmla="*/ 162 w 258"/>
                  <a:gd name="T5" fmla="*/ 0 h 139"/>
                  <a:gd name="T6" fmla="*/ 207 w 258"/>
                  <a:gd name="T7" fmla="*/ 11 h 139"/>
                  <a:gd name="T8" fmla="*/ 205 w 258"/>
                  <a:gd name="T9" fmla="*/ 21 h 139"/>
                  <a:gd name="T10" fmla="*/ 206 w 258"/>
                  <a:gd name="T11" fmla="*/ 34 h 139"/>
                  <a:gd name="T12" fmla="*/ 231 w 258"/>
                  <a:gd name="T13" fmla="*/ 52 h 139"/>
                  <a:gd name="T14" fmla="*/ 247 w 258"/>
                  <a:gd name="T15" fmla="*/ 66 h 139"/>
                  <a:gd name="T16" fmla="*/ 256 w 258"/>
                  <a:gd name="T17" fmla="*/ 73 h 139"/>
                  <a:gd name="T18" fmla="*/ 256 w 258"/>
                  <a:gd name="T19" fmla="*/ 92 h 139"/>
                  <a:gd name="T20" fmla="*/ 250 w 258"/>
                  <a:gd name="T21" fmla="*/ 87 h 139"/>
                  <a:gd name="T22" fmla="*/ 247 w 258"/>
                  <a:gd name="T23" fmla="*/ 92 h 139"/>
                  <a:gd name="T24" fmla="*/ 241 w 258"/>
                  <a:gd name="T25" fmla="*/ 82 h 139"/>
                  <a:gd name="T26" fmla="*/ 234 w 258"/>
                  <a:gd name="T27" fmla="*/ 97 h 139"/>
                  <a:gd name="T28" fmla="*/ 226 w 258"/>
                  <a:gd name="T29" fmla="*/ 109 h 139"/>
                  <a:gd name="T30" fmla="*/ 240 w 258"/>
                  <a:gd name="T31" fmla="*/ 99 h 139"/>
                  <a:gd name="T32" fmla="*/ 239 w 258"/>
                  <a:gd name="T33" fmla="*/ 107 h 139"/>
                  <a:gd name="T34" fmla="*/ 241 w 258"/>
                  <a:gd name="T35" fmla="*/ 108 h 139"/>
                  <a:gd name="T36" fmla="*/ 243 w 258"/>
                  <a:gd name="T37" fmla="*/ 120 h 139"/>
                  <a:gd name="T38" fmla="*/ 228 w 258"/>
                  <a:gd name="T39" fmla="*/ 128 h 139"/>
                  <a:gd name="T40" fmla="*/ 199 w 258"/>
                  <a:gd name="T41" fmla="*/ 115 h 139"/>
                  <a:gd name="T42" fmla="*/ 180 w 258"/>
                  <a:gd name="T43" fmla="*/ 102 h 139"/>
                  <a:gd name="T44" fmla="*/ 170 w 258"/>
                  <a:gd name="T45" fmla="*/ 105 h 139"/>
                  <a:gd name="T46" fmla="*/ 165 w 258"/>
                  <a:gd name="T47" fmla="*/ 119 h 139"/>
                  <a:gd name="T48" fmla="*/ 146 w 258"/>
                  <a:gd name="T49" fmla="*/ 127 h 139"/>
                  <a:gd name="T50" fmla="*/ 82 w 258"/>
                  <a:gd name="T51" fmla="*/ 139 h 139"/>
                  <a:gd name="T52" fmla="*/ 78 w 258"/>
                  <a:gd name="T53" fmla="*/ 129 h 139"/>
                  <a:gd name="T54" fmla="*/ 77 w 258"/>
                  <a:gd name="T55" fmla="*/ 116 h 139"/>
                  <a:gd name="T56" fmla="*/ 59 w 258"/>
                  <a:gd name="T57" fmla="*/ 108 h 139"/>
                  <a:gd name="T58" fmla="*/ 36 w 258"/>
                  <a:gd name="T59" fmla="*/ 101 h 139"/>
                  <a:gd name="T60" fmla="*/ 23 w 258"/>
                  <a:gd name="T61" fmla="*/ 78 h 139"/>
                  <a:gd name="T62" fmla="*/ 92 w 258"/>
                  <a:gd name="T63" fmla="*/ 69 h 139"/>
                  <a:gd name="T64" fmla="*/ 94 w 258"/>
                  <a:gd name="T65" fmla="*/ 62 h 139"/>
                  <a:gd name="T66" fmla="*/ 51 w 258"/>
                  <a:gd name="T67" fmla="*/ 56 h 139"/>
                  <a:gd name="T68" fmla="*/ 21 w 258"/>
                  <a:gd name="T69" fmla="*/ 52 h 139"/>
                  <a:gd name="T70" fmla="*/ 21 w 258"/>
                  <a:gd name="T71" fmla="*/ 28 h 139"/>
                  <a:gd name="T72" fmla="*/ 46 w 258"/>
                  <a:gd name="T73" fmla="*/ 22 h 139"/>
                  <a:gd name="T74" fmla="*/ 13 w 258"/>
                  <a:gd name="T75" fmla="*/ 21 h 139"/>
                  <a:gd name="T76" fmla="*/ 18 w 258"/>
                  <a:gd name="T77" fmla="*/ 14 h 139"/>
                  <a:gd name="T78" fmla="*/ 1 w 258"/>
                  <a:gd name="T79" fmla="*/ 9 h 139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w 258"/>
                  <a:gd name="T121" fmla="*/ 0 h 139"/>
                  <a:gd name="T122" fmla="*/ 258 w 258"/>
                  <a:gd name="T123" fmla="*/ 139 h 139"/>
                </a:gdLst>
                <a:ahLst/>
                <a:cxnLst>
                  <a:cxn ang="T80">
                    <a:pos x="T0" y="T1"/>
                  </a:cxn>
                  <a:cxn ang="T81">
                    <a:pos x="T2" y="T3"/>
                  </a:cxn>
                  <a:cxn ang="T82">
                    <a:pos x="T4" y="T5"/>
                  </a:cxn>
                  <a:cxn ang="T83">
                    <a:pos x="T6" y="T7"/>
                  </a:cxn>
                  <a:cxn ang="T84">
                    <a:pos x="T8" y="T9"/>
                  </a:cxn>
                  <a:cxn ang="T85">
                    <a:pos x="T10" y="T11"/>
                  </a:cxn>
                  <a:cxn ang="T86">
                    <a:pos x="T12" y="T13"/>
                  </a:cxn>
                  <a:cxn ang="T87">
                    <a:pos x="T14" y="T15"/>
                  </a:cxn>
                  <a:cxn ang="T88">
                    <a:pos x="T16" y="T17"/>
                  </a:cxn>
                  <a:cxn ang="T89">
                    <a:pos x="T18" y="T19"/>
                  </a:cxn>
                  <a:cxn ang="T90">
                    <a:pos x="T20" y="T21"/>
                  </a:cxn>
                  <a:cxn ang="T91">
                    <a:pos x="T22" y="T23"/>
                  </a:cxn>
                  <a:cxn ang="T92">
                    <a:pos x="T24" y="T25"/>
                  </a:cxn>
                  <a:cxn ang="T93">
                    <a:pos x="T26" y="T27"/>
                  </a:cxn>
                  <a:cxn ang="T94">
                    <a:pos x="T28" y="T29"/>
                  </a:cxn>
                  <a:cxn ang="T95">
                    <a:pos x="T30" y="T31"/>
                  </a:cxn>
                  <a:cxn ang="T96">
                    <a:pos x="T32" y="T33"/>
                  </a:cxn>
                  <a:cxn ang="T97">
                    <a:pos x="T34" y="T35"/>
                  </a:cxn>
                  <a:cxn ang="T98">
                    <a:pos x="T36" y="T37"/>
                  </a:cxn>
                  <a:cxn ang="T99">
                    <a:pos x="T38" y="T39"/>
                  </a:cxn>
                  <a:cxn ang="T100">
                    <a:pos x="T40" y="T41"/>
                  </a:cxn>
                  <a:cxn ang="T101">
                    <a:pos x="T42" y="T43"/>
                  </a:cxn>
                  <a:cxn ang="T102">
                    <a:pos x="T44" y="T45"/>
                  </a:cxn>
                  <a:cxn ang="T103">
                    <a:pos x="T46" y="T47"/>
                  </a:cxn>
                  <a:cxn ang="T104">
                    <a:pos x="T48" y="T49"/>
                  </a:cxn>
                  <a:cxn ang="T105">
                    <a:pos x="T50" y="T51"/>
                  </a:cxn>
                  <a:cxn ang="T106">
                    <a:pos x="T52" y="T53"/>
                  </a:cxn>
                  <a:cxn ang="T107">
                    <a:pos x="T54" y="T55"/>
                  </a:cxn>
                  <a:cxn ang="T108">
                    <a:pos x="T56" y="T57"/>
                  </a:cxn>
                  <a:cxn ang="T109">
                    <a:pos x="T58" y="T59"/>
                  </a:cxn>
                  <a:cxn ang="T110">
                    <a:pos x="T60" y="T61"/>
                  </a:cxn>
                  <a:cxn ang="T111">
                    <a:pos x="T62" y="T63"/>
                  </a:cxn>
                  <a:cxn ang="T112">
                    <a:pos x="T64" y="T65"/>
                  </a:cxn>
                  <a:cxn ang="T113">
                    <a:pos x="T66" y="T67"/>
                  </a:cxn>
                  <a:cxn ang="T114">
                    <a:pos x="T68" y="T69"/>
                  </a:cxn>
                  <a:cxn ang="T115">
                    <a:pos x="T70" y="T71"/>
                  </a:cxn>
                  <a:cxn ang="T116">
                    <a:pos x="T72" y="T73"/>
                  </a:cxn>
                  <a:cxn ang="T117">
                    <a:pos x="T74" y="T75"/>
                  </a:cxn>
                  <a:cxn ang="T118">
                    <a:pos x="T76" y="T77"/>
                  </a:cxn>
                  <a:cxn ang="T119">
                    <a:pos x="T78" y="T79"/>
                  </a:cxn>
                </a:cxnLst>
                <a:rect l="T120" t="T121" r="T122" b="T123"/>
                <a:pathLst>
                  <a:path w="258" h="139">
                    <a:moveTo>
                      <a:pt x="0" y="0"/>
                    </a:moveTo>
                    <a:lnTo>
                      <a:pt x="151" y="0"/>
                    </a:lnTo>
                    <a:lnTo>
                      <a:pt x="151" y="5"/>
                    </a:lnTo>
                    <a:lnTo>
                      <a:pt x="155" y="8"/>
                    </a:lnTo>
                    <a:lnTo>
                      <a:pt x="159" y="5"/>
                    </a:lnTo>
                    <a:lnTo>
                      <a:pt x="162" y="0"/>
                    </a:lnTo>
                    <a:lnTo>
                      <a:pt x="202" y="0"/>
                    </a:lnTo>
                    <a:lnTo>
                      <a:pt x="207" y="11"/>
                    </a:lnTo>
                    <a:lnTo>
                      <a:pt x="208" y="19"/>
                    </a:lnTo>
                    <a:lnTo>
                      <a:pt x="205" y="21"/>
                    </a:lnTo>
                    <a:lnTo>
                      <a:pt x="205" y="30"/>
                    </a:lnTo>
                    <a:lnTo>
                      <a:pt x="206" y="34"/>
                    </a:lnTo>
                    <a:lnTo>
                      <a:pt x="222" y="53"/>
                    </a:lnTo>
                    <a:lnTo>
                      <a:pt x="231" y="52"/>
                    </a:lnTo>
                    <a:lnTo>
                      <a:pt x="242" y="65"/>
                    </a:lnTo>
                    <a:lnTo>
                      <a:pt x="247" y="66"/>
                    </a:lnTo>
                    <a:lnTo>
                      <a:pt x="248" y="73"/>
                    </a:lnTo>
                    <a:lnTo>
                      <a:pt x="256" y="73"/>
                    </a:lnTo>
                    <a:lnTo>
                      <a:pt x="258" y="79"/>
                    </a:lnTo>
                    <a:lnTo>
                      <a:pt x="256" y="92"/>
                    </a:lnTo>
                    <a:lnTo>
                      <a:pt x="252" y="92"/>
                    </a:lnTo>
                    <a:lnTo>
                      <a:pt x="250" y="87"/>
                    </a:lnTo>
                    <a:lnTo>
                      <a:pt x="250" y="81"/>
                    </a:lnTo>
                    <a:lnTo>
                      <a:pt x="247" y="92"/>
                    </a:lnTo>
                    <a:lnTo>
                      <a:pt x="243" y="91"/>
                    </a:lnTo>
                    <a:lnTo>
                      <a:pt x="241" y="82"/>
                    </a:lnTo>
                    <a:lnTo>
                      <a:pt x="233" y="89"/>
                    </a:lnTo>
                    <a:lnTo>
                      <a:pt x="234" y="97"/>
                    </a:lnTo>
                    <a:lnTo>
                      <a:pt x="225" y="96"/>
                    </a:lnTo>
                    <a:lnTo>
                      <a:pt x="226" y="109"/>
                    </a:lnTo>
                    <a:lnTo>
                      <a:pt x="233" y="99"/>
                    </a:lnTo>
                    <a:lnTo>
                      <a:pt x="240" y="99"/>
                    </a:lnTo>
                    <a:lnTo>
                      <a:pt x="242" y="101"/>
                    </a:lnTo>
                    <a:lnTo>
                      <a:pt x="239" y="107"/>
                    </a:lnTo>
                    <a:lnTo>
                      <a:pt x="239" y="111"/>
                    </a:lnTo>
                    <a:lnTo>
                      <a:pt x="241" y="108"/>
                    </a:lnTo>
                    <a:lnTo>
                      <a:pt x="248" y="113"/>
                    </a:lnTo>
                    <a:lnTo>
                      <a:pt x="243" y="120"/>
                    </a:lnTo>
                    <a:lnTo>
                      <a:pt x="231" y="123"/>
                    </a:lnTo>
                    <a:lnTo>
                      <a:pt x="228" y="128"/>
                    </a:lnTo>
                    <a:lnTo>
                      <a:pt x="196" y="121"/>
                    </a:lnTo>
                    <a:lnTo>
                      <a:pt x="199" y="115"/>
                    </a:lnTo>
                    <a:lnTo>
                      <a:pt x="180" y="111"/>
                    </a:lnTo>
                    <a:lnTo>
                      <a:pt x="180" y="102"/>
                    </a:lnTo>
                    <a:lnTo>
                      <a:pt x="176" y="99"/>
                    </a:lnTo>
                    <a:lnTo>
                      <a:pt x="170" y="105"/>
                    </a:lnTo>
                    <a:lnTo>
                      <a:pt x="171" y="111"/>
                    </a:lnTo>
                    <a:lnTo>
                      <a:pt x="165" y="119"/>
                    </a:lnTo>
                    <a:lnTo>
                      <a:pt x="149" y="122"/>
                    </a:lnTo>
                    <a:lnTo>
                      <a:pt x="146" y="127"/>
                    </a:lnTo>
                    <a:lnTo>
                      <a:pt x="135" y="133"/>
                    </a:lnTo>
                    <a:lnTo>
                      <a:pt x="82" y="139"/>
                    </a:lnTo>
                    <a:lnTo>
                      <a:pt x="86" y="136"/>
                    </a:lnTo>
                    <a:lnTo>
                      <a:pt x="78" y="129"/>
                    </a:lnTo>
                    <a:lnTo>
                      <a:pt x="76" y="124"/>
                    </a:lnTo>
                    <a:lnTo>
                      <a:pt x="77" y="116"/>
                    </a:lnTo>
                    <a:lnTo>
                      <a:pt x="71" y="109"/>
                    </a:lnTo>
                    <a:lnTo>
                      <a:pt x="59" y="108"/>
                    </a:lnTo>
                    <a:lnTo>
                      <a:pt x="45" y="108"/>
                    </a:lnTo>
                    <a:lnTo>
                      <a:pt x="36" y="101"/>
                    </a:lnTo>
                    <a:lnTo>
                      <a:pt x="31" y="96"/>
                    </a:lnTo>
                    <a:lnTo>
                      <a:pt x="23" y="78"/>
                    </a:lnTo>
                    <a:lnTo>
                      <a:pt x="65" y="65"/>
                    </a:lnTo>
                    <a:lnTo>
                      <a:pt x="92" y="69"/>
                    </a:lnTo>
                    <a:lnTo>
                      <a:pt x="95" y="66"/>
                    </a:lnTo>
                    <a:lnTo>
                      <a:pt x="94" y="62"/>
                    </a:lnTo>
                    <a:lnTo>
                      <a:pt x="72" y="50"/>
                    </a:lnTo>
                    <a:lnTo>
                      <a:pt x="51" y="56"/>
                    </a:lnTo>
                    <a:lnTo>
                      <a:pt x="40" y="52"/>
                    </a:lnTo>
                    <a:lnTo>
                      <a:pt x="21" y="52"/>
                    </a:lnTo>
                    <a:lnTo>
                      <a:pt x="10" y="36"/>
                    </a:lnTo>
                    <a:lnTo>
                      <a:pt x="21" y="28"/>
                    </a:lnTo>
                    <a:lnTo>
                      <a:pt x="35" y="24"/>
                    </a:lnTo>
                    <a:lnTo>
                      <a:pt x="46" y="22"/>
                    </a:lnTo>
                    <a:lnTo>
                      <a:pt x="42" y="18"/>
                    </a:lnTo>
                    <a:lnTo>
                      <a:pt x="13" y="21"/>
                    </a:lnTo>
                    <a:lnTo>
                      <a:pt x="11" y="17"/>
                    </a:lnTo>
                    <a:lnTo>
                      <a:pt x="18" y="14"/>
                    </a:lnTo>
                    <a:lnTo>
                      <a:pt x="17" y="8"/>
                    </a:lnTo>
                    <a:lnTo>
                      <a:pt x="1" y="9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93" name="Freeform 57"/>
              <p:cNvSpPr>
                <a:spLocks/>
              </p:cNvSpPr>
              <p:nvPr/>
            </p:nvSpPr>
            <p:spPr bwMode="auto">
              <a:xfrm>
                <a:off x="1317" y="1265"/>
                <a:ext cx="1" cy="1"/>
              </a:xfrm>
              <a:custGeom>
                <a:avLst/>
                <a:gdLst>
                  <a:gd name="T0" fmla="*/ 0 w 1"/>
                  <a:gd name="T1" fmla="*/ 0 h 1"/>
                  <a:gd name="T2" fmla="*/ 0 w 1"/>
                  <a:gd name="T3" fmla="*/ 0 h 1"/>
                  <a:gd name="T4" fmla="*/ 0 w 1"/>
                  <a:gd name="T5" fmla="*/ 1 h 1"/>
                  <a:gd name="T6" fmla="*/ 0 w 1"/>
                  <a:gd name="T7" fmla="*/ 0 h 1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"/>
                  <a:gd name="T13" fmla="*/ 0 h 1"/>
                  <a:gd name="T14" fmla="*/ 1 w 1"/>
                  <a:gd name="T15" fmla="*/ 1 h 1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" h="1">
                    <a:moveTo>
                      <a:pt x="0" y="0"/>
                    </a:moveTo>
                    <a:lnTo>
                      <a:pt x="0" y="0"/>
                    </a:lnTo>
                    <a:lnTo>
                      <a:pt x="0" y="1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94" name="Freeform 58"/>
              <p:cNvSpPr>
                <a:spLocks/>
              </p:cNvSpPr>
              <p:nvPr/>
            </p:nvSpPr>
            <p:spPr bwMode="auto">
              <a:xfrm>
                <a:off x="1322" y="1265"/>
                <a:ext cx="56" cy="32"/>
              </a:xfrm>
              <a:custGeom>
                <a:avLst/>
                <a:gdLst>
                  <a:gd name="T0" fmla="*/ 0 w 56"/>
                  <a:gd name="T1" fmla="*/ 0 h 32"/>
                  <a:gd name="T2" fmla="*/ 55 w 56"/>
                  <a:gd name="T3" fmla="*/ 0 h 32"/>
                  <a:gd name="T4" fmla="*/ 56 w 56"/>
                  <a:gd name="T5" fmla="*/ 4 h 32"/>
                  <a:gd name="T6" fmla="*/ 53 w 56"/>
                  <a:gd name="T7" fmla="*/ 13 h 32"/>
                  <a:gd name="T8" fmla="*/ 43 w 56"/>
                  <a:gd name="T9" fmla="*/ 19 h 32"/>
                  <a:gd name="T10" fmla="*/ 37 w 56"/>
                  <a:gd name="T11" fmla="*/ 14 h 32"/>
                  <a:gd name="T12" fmla="*/ 17 w 56"/>
                  <a:gd name="T13" fmla="*/ 32 h 32"/>
                  <a:gd name="T14" fmla="*/ 4 w 56"/>
                  <a:gd name="T15" fmla="*/ 4 h 32"/>
                  <a:gd name="T16" fmla="*/ 0 w 56"/>
                  <a:gd name="T17" fmla="*/ 0 h 32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56"/>
                  <a:gd name="T28" fmla="*/ 0 h 32"/>
                  <a:gd name="T29" fmla="*/ 56 w 56"/>
                  <a:gd name="T30" fmla="*/ 32 h 32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56" h="32">
                    <a:moveTo>
                      <a:pt x="0" y="0"/>
                    </a:moveTo>
                    <a:lnTo>
                      <a:pt x="55" y="0"/>
                    </a:lnTo>
                    <a:lnTo>
                      <a:pt x="56" y="4"/>
                    </a:lnTo>
                    <a:lnTo>
                      <a:pt x="53" y="13"/>
                    </a:lnTo>
                    <a:lnTo>
                      <a:pt x="43" y="19"/>
                    </a:lnTo>
                    <a:lnTo>
                      <a:pt x="37" y="14"/>
                    </a:lnTo>
                    <a:lnTo>
                      <a:pt x="17" y="32"/>
                    </a:lnTo>
                    <a:lnTo>
                      <a:pt x="4" y="4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95" name="Freeform 59"/>
              <p:cNvSpPr>
                <a:spLocks/>
              </p:cNvSpPr>
              <p:nvPr/>
            </p:nvSpPr>
            <p:spPr bwMode="auto">
              <a:xfrm>
                <a:off x="1675" y="1349"/>
                <a:ext cx="61" cy="55"/>
              </a:xfrm>
              <a:custGeom>
                <a:avLst/>
                <a:gdLst>
                  <a:gd name="T0" fmla="*/ 36 w 61"/>
                  <a:gd name="T1" fmla="*/ 14 h 55"/>
                  <a:gd name="T2" fmla="*/ 30 w 61"/>
                  <a:gd name="T3" fmla="*/ 9 h 55"/>
                  <a:gd name="T4" fmla="*/ 30 w 61"/>
                  <a:gd name="T5" fmla="*/ 5 h 55"/>
                  <a:gd name="T6" fmla="*/ 22 w 61"/>
                  <a:gd name="T7" fmla="*/ 0 h 55"/>
                  <a:gd name="T8" fmla="*/ 17 w 61"/>
                  <a:gd name="T9" fmla="*/ 11 h 55"/>
                  <a:gd name="T10" fmla="*/ 18 w 61"/>
                  <a:gd name="T11" fmla="*/ 15 h 55"/>
                  <a:gd name="T12" fmla="*/ 13 w 61"/>
                  <a:gd name="T13" fmla="*/ 15 h 55"/>
                  <a:gd name="T14" fmla="*/ 14 w 61"/>
                  <a:gd name="T15" fmla="*/ 23 h 55"/>
                  <a:gd name="T16" fmla="*/ 12 w 61"/>
                  <a:gd name="T17" fmla="*/ 28 h 55"/>
                  <a:gd name="T18" fmla="*/ 1 w 61"/>
                  <a:gd name="T19" fmla="*/ 32 h 55"/>
                  <a:gd name="T20" fmla="*/ 0 w 61"/>
                  <a:gd name="T21" fmla="*/ 39 h 55"/>
                  <a:gd name="T22" fmla="*/ 6 w 61"/>
                  <a:gd name="T23" fmla="*/ 43 h 55"/>
                  <a:gd name="T24" fmla="*/ 8 w 61"/>
                  <a:gd name="T25" fmla="*/ 39 h 55"/>
                  <a:gd name="T26" fmla="*/ 28 w 61"/>
                  <a:gd name="T27" fmla="*/ 52 h 55"/>
                  <a:gd name="T28" fmla="*/ 45 w 61"/>
                  <a:gd name="T29" fmla="*/ 55 h 55"/>
                  <a:gd name="T30" fmla="*/ 48 w 61"/>
                  <a:gd name="T31" fmla="*/ 50 h 55"/>
                  <a:gd name="T32" fmla="*/ 58 w 61"/>
                  <a:gd name="T33" fmla="*/ 47 h 55"/>
                  <a:gd name="T34" fmla="*/ 61 w 61"/>
                  <a:gd name="T35" fmla="*/ 43 h 55"/>
                  <a:gd name="T36" fmla="*/ 57 w 61"/>
                  <a:gd name="T37" fmla="*/ 44 h 55"/>
                  <a:gd name="T38" fmla="*/ 49 w 61"/>
                  <a:gd name="T39" fmla="*/ 29 h 55"/>
                  <a:gd name="T40" fmla="*/ 36 w 61"/>
                  <a:gd name="T41" fmla="*/ 14 h 55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w 61"/>
                  <a:gd name="T64" fmla="*/ 0 h 55"/>
                  <a:gd name="T65" fmla="*/ 61 w 61"/>
                  <a:gd name="T66" fmla="*/ 55 h 55"/>
                </a:gdLst>
                <a:ahLst/>
                <a:cxnLst>
                  <a:cxn ang="T42">
                    <a:pos x="T0" y="T1"/>
                  </a:cxn>
                  <a:cxn ang="T43">
                    <a:pos x="T2" y="T3"/>
                  </a:cxn>
                  <a:cxn ang="T44">
                    <a:pos x="T4" y="T5"/>
                  </a:cxn>
                  <a:cxn ang="T45">
                    <a:pos x="T6" y="T7"/>
                  </a:cxn>
                  <a:cxn ang="T46">
                    <a:pos x="T8" y="T9"/>
                  </a:cxn>
                  <a:cxn ang="T47">
                    <a:pos x="T10" y="T11"/>
                  </a:cxn>
                  <a:cxn ang="T48">
                    <a:pos x="T12" y="T13"/>
                  </a:cxn>
                  <a:cxn ang="T49">
                    <a:pos x="T14" y="T15"/>
                  </a:cxn>
                  <a:cxn ang="T50">
                    <a:pos x="T16" y="T17"/>
                  </a:cxn>
                  <a:cxn ang="T51">
                    <a:pos x="T18" y="T19"/>
                  </a:cxn>
                  <a:cxn ang="T52">
                    <a:pos x="T20" y="T21"/>
                  </a:cxn>
                  <a:cxn ang="T53">
                    <a:pos x="T22" y="T23"/>
                  </a:cxn>
                  <a:cxn ang="T54">
                    <a:pos x="T24" y="T25"/>
                  </a:cxn>
                  <a:cxn ang="T55">
                    <a:pos x="T26" y="T27"/>
                  </a:cxn>
                  <a:cxn ang="T56">
                    <a:pos x="T28" y="T29"/>
                  </a:cxn>
                  <a:cxn ang="T57">
                    <a:pos x="T30" y="T31"/>
                  </a:cxn>
                  <a:cxn ang="T58">
                    <a:pos x="T32" y="T33"/>
                  </a:cxn>
                  <a:cxn ang="T59">
                    <a:pos x="T34" y="T35"/>
                  </a:cxn>
                  <a:cxn ang="T60">
                    <a:pos x="T36" y="T37"/>
                  </a:cxn>
                  <a:cxn ang="T61">
                    <a:pos x="T38" y="T39"/>
                  </a:cxn>
                  <a:cxn ang="T62">
                    <a:pos x="T40" y="T41"/>
                  </a:cxn>
                </a:cxnLst>
                <a:rect l="T63" t="T64" r="T65" b="T66"/>
                <a:pathLst>
                  <a:path w="61" h="55">
                    <a:moveTo>
                      <a:pt x="36" y="14"/>
                    </a:moveTo>
                    <a:lnTo>
                      <a:pt x="30" y="9"/>
                    </a:lnTo>
                    <a:lnTo>
                      <a:pt x="30" y="5"/>
                    </a:lnTo>
                    <a:lnTo>
                      <a:pt x="22" y="0"/>
                    </a:lnTo>
                    <a:lnTo>
                      <a:pt x="17" y="11"/>
                    </a:lnTo>
                    <a:lnTo>
                      <a:pt x="18" y="15"/>
                    </a:lnTo>
                    <a:lnTo>
                      <a:pt x="13" y="15"/>
                    </a:lnTo>
                    <a:lnTo>
                      <a:pt x="14" y="23"/>
                    </a:lnTo>
                    <a:lnTo>
                      <a:pt x="12" y="28"/>
                    </a:lnTo>
                    <a:lnTo>
                      <a:pt x="1" y="32"/>
                    </a:lnTo>
                    <a:lnTo>
                      <a:pt x="0" y="39"/>
                    </a:lnTo>
                    <a:lnTo>
                      <a:pt x="6" y="43"/>
                    </a:lnTo>
                    <a:lnTo>
                      <a:pt x="8" y="39"/>
                    </a:lnTo>
                    <a:lnTo>
                      <a:pt x="28" y="52"/>
                    </a:lnTo>
                    <a:lnTo>
                      <a:pt x="45" y="55"/>
                    </a:lnTo>
                    <a:lnTo>
                      <a:pt x="48" y="50"/>
                    </a:lnTo>
                    <a:lnTo>
                      <a:pt x="58" y="47"/>
                    </a:lnTo>
                    <a:lnTo>
                      <a:pt x="61" y="43"/>
                    </a:lnTo>
                    <a:lnTo>
                      <a:pt x="57" y="44"/>
                    </a:lnTo>
                    <a:lnTo>
                      <a:pt x="49" y="29"/>
                    </a:lnTo>
                    <a:lnTo>
                      <a:pt x="36" y="14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96" name="Freeform 60"/>
              <p:cNvSpPr>
                <a:spLocks/>
              </p:cNvSpPr>
              <p:nvPr/>
            </p:nvSpPr>
            <p:spPr bwMode="auto">
              <a:xfrm>
                <a:off x="1168" y="1354"/>
                <a:ext cx="20" cy="29"/>
              </a:xfrm>
              <a:custGeom>
                <a:avLst/>
                <a:gdLst>
                  <a:gd name="T0" fmla="*/ 4 w 20"/>
                  <a:gd name="T1" fmla="*/ 15 h 29"/>
                  <a:gd name="T2" fmla="*/ 6 w 20"/>
                  <a:gd name="T3" fmla="*/ 15 h 29"/>
                  <a:gd name="T4" fmla="*/ 4 w 20"/>
                  <a:gd name="T5" fmla="*/ 12 h 29"/>
                  <a:gd name="T6" fmla="*/ 11 w 20"/>
                  <a:gd name="T7" fmla="*/ 12 h 29"/>
                  <a:gd name="T8" fmla="*/ 9 w 20"/>
                  <a:gd name="T9" fmla="*/ 10 h 29"/>
                  <a:gd name="T10" fmla="*/ 12 w 20"/>
                  <a:gd name="T11" fmla="*/ 5 h 29"/>
                  <a:gd name="T12" fmla="*/ 10 w 20"/>
                  <a:gd name="T13" fmla="*/ 0 h 29"/>
                  <a:gd name="T14" fmla="*/ 12 w 20"/>
                  <a:gd name="T15" fmla="*/ 0 h 29"/>
                  <a:gd name="T16" fmla="*/ 15 w 20"/>
                  <a:gd name="T17" fmla="*/ 8 h 29"/>
                  <a:gd name="T18" fmla="*/ 20 w 20"/>
                  <a:gd name="T19" fmla="*/ 8 h 29"/>
                  <a:gd name="T20" fmla="*/ 20 w 20"/>
                  <a:gd name="T21" fmla="*/ 13 h 29"/>
                  <a:gd name="T22" fmla="*/ 8 w 20"/>
                  <a:gd name="T23" fmla="*/ 29 h 29"/>
                  <a:gd name="T24" fmla="*/ 4 w 20"/>
                  <a:gd name="T25" fmla="*/ 27 h 29"/>
                  <a:gd name="T26" fmla="*/ 6 w 20"/>
                  <a:gd name="T27" fmla="*/ 25 h 29"/>
                  <a:gd name="T28" fmla="*/ 3 w 20"/>
                  <a:gd name="T29" fmla="*/ 22 h 29"/>
                  <a:gd name="T30" fmla="*/ 0 w 20"/>
                  <a:gd name="T31" fmla="*/ 13 h 29"/>
                  <a:gd name="T32" fmla="*/ 4 w 20"/>
                  <a:gd name="T33" fmla="*/ 15 h 29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w 20"/>
                  <a:gd name="T52" fmla="*/ 0 h 29"/>
                  <a:gd name="T53" fmla="*/ 20 w 20"/>
                  <a:gd name="T54" fmla="*/ 29 h 29"/>
                </a:gdLst>
                <a:ahLst/>
                <a:cxnLst>
                  <a:cxn ang="T34">
                    <a:pos x="T0" y="T1"/>
                  </a:cxn>
                  <a:cxn ang="T35">
                    <a:pos x="T2" y="T3"/>
                  </a:cxn>
                  <a:cxn ang="T36">
                    <a:pos x="T4" y="T5"/>
                  </a:cxn>
                  <a:cxn ang="T37">
                    <a:pos x="T6" y="T7"/>
                  </a:cxn>
                  <a:cxn ang="T38">
                    <a:pos x="T8" y="T9"/>
                  </a:cxn>
                  <a:cxn ang="T39">
                    <a:pos x="T10" y="T11"/>
                  </a:cxn>
                  <a:cxn ang="T40">
                    <a:pos x="T12" y="T13"/>
                  </a:cxn>
                  <a:cxn ang="T41">
                    <a:pos x="T14" y="T15"/>
                  </a:cxn>
                  <a:cxn ang="T42">
                    <a:pos x="T16" y="T17"/>
                  </a:cxn>
                  <a:cxn ang="T43">
                    <a:pos x="T18" y="T19"/>
                  </a:cxn>
                  <a:cxn ang="T44">
                    <a:pos x="T20" y="T21"/>
                  </a:cxn>
                  <a:cxn ang="T45">
                    <a:pos x="T22" y="T23"/>
                  </a:cxn>
                  <a:cxn ang="T46">
                    <a:pos x="T24" y="T25"/>
                  </a:cxn>
                  <a:cxn ang="T47">
                    <a:pos x="T26" y="T27"/>
                  </a:cxn>
                  <a:cxn ang="T48">
                    <a:pos x="T28" y="T29"/>
                  </a:cxn>
                  <a:cxn ang="T49">
                    <a:pos x="T30" y="T31"/>
                  </a:cxn>
                  <a:cxn ang="T50">
                    <a:pos x="T32" y="T33"/>
                  </a:cxn>
                </a:cxnLst>
                <a:rect l="T51" t="T52" r="T53" b="T54"/>
                <a:pathLst>
                  <a:path w="20" h="29">
                    <a:moveTo>
                      <a:pt x="4" y="15"/>
                    </a:moveTo>
                    <a:lnTo>
                      <a:pt x="6" y="15"/>
                    </a:lnTo>
                    <a:lnTo>
                      <a:pt x="4" y="12"/>
                    </a:lnTo>
                    <a:lnTo>
                      <a:pt x="11" y="12"/>
                    </a:lnTo>
                    <a:lnTo>
                      <a:pt x="9" y="10"/>
                    </a:lnTo>
                    <a:lnTo>
                      <a:pt x="12" y="5"/>
                    </a:lnTo>
                    <a:lnTo>
                      <a:pt x="10" y="0"/>
                    </a:lnTo>
                    <a:lnTo>
                      <a:pt x="12" y="0"/>
                    </a:lnTo>
                    <a:lnTo>
                      <a:pt x="15" y="8"/>
                    </a:lnTo>
                    <a:lnTo>
                      <a:pt x="20" y="8"/>
                    </a:lnTo>
                    <a:lnTo>
                      <a:pt x="20" y="13"/>
                    </a:lnTo>
                    <a:lnTo>
                      <a:pt x="8" y="29"/>
                    </a:lnTo>
                    <a:lnTo>
                      <a:pt x="4" y="27"/>
                    </a:lnTo>
                    <a:lnTo>
                      <a:pt x="6" y="25"/>
                    </a:lnTo>
                    <a:lnTo>
                      <a:pt x="3" y="22"/>
                    </a:lnTo>
                    <a:lnTo>
                      <a:pt x="0" y="13"/>
                    </a:lnTo>
                    <a:lnTo>
                      <a:pt x="4" y="1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97" name="Freeform 61"/>
              <p:cNvSpPr>
                <a:spLocks/>
              </p:cNvSpPr>
              <p:nvPr/>
            </p:nvSpPr>
            <p:spPr bwMode="auto">
              <a:xfrm>
                <a:off x="1158" y="1373"/>
                <a:ext cx="14" cy="13"/>
              </a:xfrm>
              <a:custGeom>
                <a:avLst/>
                <a:gdLst>
                  <a:gd name="T0" fmla="*/ 1 w 14"/>
                  <a:gd name="T1" fmla="*/ 1 h 13"/>
                  <a:gd name="T2" fmla="*/ 0 w 14"/>
                  <a:gd name="T3" fmla="*/ 5 h 13"/>
                  <a:gd name="T4" fmla="*/ 4 w 14"/>
                  <a:gd name="T5" fmla="*/ 10 h 13"/>
                  <a:gd name="T6" fmla="*/ 14 w 14"/>
                  <a:gd name="T7" fmla="*/ 13 h 13"/>
                  <a:gd name="T8" fmla="*/ 3 w 14"/>
                  <a:gd name="T9" fmla="*/ 0 h 13"/>
                  <a:gd name="T10" fmla="*/ 1 w 14"/>
                  <a:gd name="T11" fmla="*/ 1 h 13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4"/>
                  <a:gd name="T19" fmla="*/ 0 h 13"/>
                  <a:gd name="T20" fmla="*/ 14 w 14"/>
                  <a:gd name="T21" fmla="*/ 13 h 13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4" h="13">
                    <a:moveTo>
                      <a:pt x="1" y="1"/>
                    </a:moveTo>
                    <a:lnTo>
                      <a:pt x="0" y="5"/>
                    </a:lnTo>
                    <a:lnTo>
                      <a:pt x="4" y="10"/>
                    </a:lnTo>
                    <a:lnTo>
                      <a:pt x="14" y="13"/>
                    </a:lnTo>
                    <a:lnTo>
                      <a:pt x="3" y="0"/>
                    </a:lnTo>
                    <a:lnTo>
                      <a:pt x="1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98" name="Freeform 62"/>
              <p:cNvSpPr>
                <a:spLocks/>
              </p:cNvSpPr>
              <p:nvPr/>
            </p:nvSpPr>
            <p:spPr bwMode="auto">
              <a:xfrm>
                <a:off x="2243" y="1893"/>
                <a:ext cx="94" cy="109"/>
              </a:xfrm>
              <a:custGeom>
                <a:avLst/>
                <a:gdLst>
                  <a:gd name="T0" fmla="*/ 82 w 94"/>
                  <a:gd name="T1" fmla="*/ 51 h 109"/>
                  <a:gd name="T2" fmla="*/ 72 w 94"/>
                  <a:gd name="T3" fmla="*/ 50 h 109"/>
                  <a:gd name="T4" fmla="*/ 57 w 94"/>
                  <a:gd name="T5" fmla="*/ 53 h 109"/>
                  <a:gd name="T6" fmla="*/ 56 w 94"/>
                  <a:gd name="T7" fmla="*/ 49 h 109"/>
                  <a:gd name="T8" fmla="*/ 49 w 94"/>
                  <a:gd name="T9" fmla="*/ 45 h 109"/>
                  <a:gd name="T10" fmla="*/ 54 w 94"/>
                  <a:gd name="T11" fmla="*/ 39 h 109"/>
                  <a:gd name="T12" fmla="*/ 47 w 94"/>
                  <a:gd name="T13" fmla="*/ 35 h 109"/>
                  <a:gd name="T14" fmla="*/ 37 w 94"/>
                  <a:gd name="T15" fmla="*/ 45 h 109"/>
                  <a:gd name="T16" fmla="*/ 37 w 94"/>
                  <a:gd name="T17" fmla="*/ 36 h 109"/>
                  <a:gd name="T18" fmla="*/ 45 w 94"/>
                  <a:gd name="T19" fmla="*/ 17 h 109"/>
                  <a:gd name="T20" fmla="*/ 49 w 94"/>
                  <a:gd name="T21" fmla="*/ 17 h 109"/>
                  <a:gd name="T22" fmla="*/ 48 w 94"/>
                  <a:gd name="T23" fmla="*/ 9 h 109"/>
                  <a:gd name="T24" fmla="*/ 52 w 94"/>
                  <a:gd name="T25" fmla="*/ 6 h 109"/>
                  <a:gd name="T26" fmla="*/ 54 w 94"/>
                  <a:gd name="T27" fmla="*/ 0 h 109"/>
                  <a:gd name="T28" fmla="*/ 38 w 94"/>
                  <a:gd name="T29" fmla="*/ 6 h 109"/>
                  <a:gd name="T30" fmla="*/ 34 w 94"/>
                  <a:gd name="T31" fmla="*/ 14 h 109"/>
                  <a:gd name="T32" fmla="*/ 28 w 94"/>
                  <a:gd name="T33" fmla="*/ 21 h 109"/>
                  <a:gd name="T34" fmla="*/ 27 w 94"/>
                  <a:gd name="T35" fmla="*/ 31 h 109"/>
                  <a:gd name="T36" fmla="*/ 24 w 94"/>
                  <a:gd name="T37" fmla="*/ 35 h 109"/>
                  <a:gd name="T38" fmla="*/ 21 w 94"/>
                  <a:gd name="T39" fmla="*/ 47 h 109"/>
                  <a:gd name="T40" fmla="*/ 16 w 94"/>
                  <a:gd name="T41" fmla="*/ 53 h 109"/>
                  <a:gd name="T42" fmla="*/ 19 w 94"/>
                  <a:gd name="T43" fmla="*/ 57 h 109"/>
                  <a:gd name="T44" fmla="*/ 10 w 94"/>
                  <a:gd name="T45" fmla="*/ 66 h 109"/>
                  <a:gd name="T46" fmla="*/ 8 w 94"/>
                  <a:gd name="T47" fmla="*/ 66 h 109"/>
                  <a:gd name="T48" fmla="*/ 12 w 94"/>
                  <a:gd name="T49" fmla="*/ 69 h 109"/>
                  <a:gd name="T50" fmla="*/ 1 w 94"/>
                  <a:gd name="T51" fmla="*/ 82 h 109"/>
                  <a:gd name="T52" fmla="*/ 2 w 94"/>
                  <a:gd name="T53" fmla="*/ 89 h 109"/>
                  <a:gd name="T54" fmla="*/ 18 w 94"/>
                  <a:gd name="T55" fmla="*/ 86 h 109"/>
                  <a:gd name="T56" fmla="*/ 45 w 94"/>
                  <a:gd name="T57" fmla="*/ 87 h 109"/>
                  <a:gd name="T58" fmla="*/ 50 w 94"/>
                  <a:gd name="T59" fmla="*/ 87 h 109"/>
                  <a:gd name="T60" fmla="*/ 55 w 94"/>
                  <a:gd name="T61" fmla="*/ 90 h 109"/>
                  <a:gd name="T62" fmla="*/ 64 w 94"/>
                  <a:gd name="T63" fmla="*/ 89 h 109"/>
                  <a:gd name="T64" fmla="*/ 55 w 94"/>
                  <a:gd name="T65" fmla="*/ 98 h 109"/>
                  <a:gd name="T66" fmla="*/ 49 w 94"/>
                  <a:gd name="T67" fmla="*/ 102 h 109"/>
                  <a:gd name="T68" fmla="*/ 58 w 94"/>
                  <a:gd name="T69" fmla="*/ 101 h 109"/>
                  <a:gd name="T70" fmla="*/ 69 w 94"/>
                  <a:gd name="T71" fmla="*/ 92 h 109"/>
                  <a:gd name="T72" fmla="*/ 75 w 94"/>
                  <a:gd name="T73" fmla="*/ 81 h 109"/>
                  <a:gd name="T74" fmla="*/ 74 w 94"/>
                  <a:gd name="T75" fmla="*/ 103 h 109"/>
                  <a:gd name="T76" fmla="*/ 81 w 94"/>
                  <a:gd name="T77" fmla="*/ 97 h 109"/>
                  <a:gd name="T78" fmla="*/ 82 w 94"/>
                  <a:gd name="T79" fmla="*/ 106 h 109"/>
                  <a:gd name="T80" fmla="*/ 86 w 94"/>
                  <a:gd name="T81" fmla="*/ 106 h 109"/>
                  <a:gd name="T82" fmla="*/ 94 w 94"/>
                  <a:gd name="T83" fmla="*/ 92 h 109"/>
                  <a:gd name="T84" fmla="*/ 93 w 94"/>
                  <a:gd name="T85" fmla="*/ 85 h 109"/>
                  <a:gd name="T86" fmla="*/ 88 w 94"/>
                  <a:gd name="T87" fmla="*/ 89 h 109"/>
                  <a:gd name="T88" fmla="*/ 91 w 94"/>
                  <a:gd name="T89" fmla="*/ 76 h 109"/>
                  <a:gd name="T90" fmla="*/ 82 w 94"/>
                  <a:gd name="T91" fmla="*/ 87 h 109"/>
                  <a:gd name="T92" fmla="*/ 79 w 94"/>
                  <a:gd name="T93" fmla="*/ 84 h 109"/>
                  <a:gd name="T94" fmla="*/ 77 w 94"/>
                  <a:gd name="T95" fmla="*/ 75 h 109"/>
                  <a:gd name="T96" fmla="*/ 88 w 94"/>
                  <a:gd name="T97" fmla="*/ 66 h 109"/>
                  <a:gd name="T98" fmla="*/ 76 w 94"/>
                  <a:gd name="T99" fmla="*/ 69 h 109"/>
                  <a:gd name="T100" fmla="*/ 76 w 94"/>
                  <a:gd name="T101" fmla="*/ 62 h 109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w 94"/>
                  <a:gd name="T154" fmla="*/ 0 h 109"/>
                  <a:gd name="T155" fmla="*/ 94 w 94"/>
                  <a:gd name="T156" fmla="*/ 109 h 109"/>
                </a:gdLst>
                <a:ahLst/>
                <a:cxnLst>
                  <a:cxn ang="T102">
                    <a:pos x="T0" y="T1"/>
                  </a:cxn>
                  <a:cxn ang="T103">
                    <a:pos x="T2" y="T3"/>
                  </a:cxn>
                  <a:cxn ang="T104">
                    <a:pos x="T4" y="T5"/>
                  </a:cxn>
                  <a:cxn ang="T105">
                    <a:pos x="T6" y="T7"/>
                  </a:cxn>
                  <a:cxn ang="T106">
                    <a:pos x="T8" y="T9"/>
                  </a:cxn>
                  <a:cxn ang="T107">
                    <a:pos x="T10" y="T11"/>
                  </a:cxn>
                  <a:cxn ang="T108">
                    <a:pos x="T12" y="T13"/>
                  </a:cxn>
                  <a:cxn ang="T109">
                    <a:pos x="T14" y="T15"/>
                  </a:cxn>
                  <a:cxn ang="T110">
                    <a:pos x="T16" y="T17"/>
                  </a:cxn>
                  <a:cxn ang="T111">
                    <a:pos x="T18" y="T19"/>
                  </a:cxn>
                  <a:cxn ang="T112">
                    <a:pos x="T20" y="T21"/>
                  </a:cxn>
                  <a:cxn ang="T113">
                    <a:pos x="T22" y="T23"/>
                  </a:cxn>
                  <a:cxn ang="T114">
                    <a:pos x="T24" y="T25"/>
                  </a:cxn>
                  <a:cxn ang="T115">
                    <a:pos x="T26" y="T27"/>
                  </a:cxn>
                  <a:cxn ang="T116">
                    <a:pos x="T28" y="T29"/>
                  </a:cxn>
                  <a:cxn ang="T117">
                    <a:pos x="T30" y="T31"/>
                  </a:cxn>
                  <a:cxn ang="T118">
                    <a:pos x="T32" y="T33"/>
                  </a:cxn>
                  <a:cxn ang="T119">
                    <a:pos x="T34" y="T35"/>
                  </a:cxn>
                  <a:cxn ang="T120">
                    <a:pos x="T36" y="T37"/>
                  </a:cxn>
                  <a:cxn ang="T121">
                    <a:pos x="T38" y="T39"/>
                  </a:cxn>
                  <a:cxn ang="T122">
                    <a:pos x="T40" y="T41"/>
                  </a:cxn>
                  <a:cxn ang="T123">
                    <a:pos x="T42" y="T43"/>
                  </a:cxn>
                  <a:cxn ang="T124">
                    <a:pos x="T44" y="T45"/>
                  </a:cxn>
                  <a:cxn ang="T125">
                    <a:pos x="T46" y="T47"/>
                  </a:cxn>
                  <a:cxn ang="T126">
                    <a:pos x="T48" y="T49"/>
                  </a:cxn>
                  <a:cxn ang="T127">
                    <a:pos x="T50" y="T51"/>
                  </a:cxn>
                  <a:cxn ang="T128">
                    <a:pos x="T52" y="T53"/>
                  </a:cxn>
                  <a:cxn ang="T129">
                    <a:pos x="T54" y="T55"/>
                  </a:cxn>
                  <a:cxn ang="T130">
                    <a:pos x="T56" y="T57"/>
                  </a:cxn>
                  <a:cxn ang="T131">
                    <a:pos x="T58" y="T59"/>
                  </a:cxn>
                  <a:cxn ang="T132">
                    <a:pos x="T60" y="T61"/>
                  </a:cxn>
                  <a:cxn ang="T133">
                    <a:pos x="T62" y="T63"/>
                  </a:cxn>
                  <a:cxn ang="T134">
                    <a:pos x="T64" y="T65"/>
                  </a:cxn>
                  <a:cxn ang="T135">
                    <a:pos x="T66" y="T67"/>
                  </a:cxn>
                  <a:cxn ang="T136">
                    <a:pos x="T68" y="T69"/>
                  </a:cxn>
                  <a:cxn ang="T137">
                    <a:pos x="T70" y="T71"/>
                  </a:cxn>
                  <a:cxn ang="T138">
                    <a:pos x="T72" y="T73"/>
                  </a:cxn>
                  <a:cxn ang="T139">
                    <a:pos x="T74" y="T75"/>
                  </a:cxn>
                  <a:cxn ang="T140">
                    <a:pos x="T76" y="T77"/>
                  </a:cxn>
                  <a:cxn ang="T141">
                    <a:pos x="T78" y="T79"/>
                  </a:cxn>
                  <a:cxn ang="T142">
                    <a:pos x="T80" y="T81"/>
                  </a:cxn>
                  <a:cxn ang="T143">
                    <a:pos x="T82" y="T83"/>
                  </a:cxn>
                  <a:cxn ang="T144">
                    <a:pos x="T84" y="T85"/>
                  </a:cxn>
                  <a:cxn ang="T145">
                    <a:pos x="T86" y="T87"/>
                  </a:cxn>
                  <a:cxn ang="T146">
                    <a:pos x="T88" y="T89"/>
                  </a:cxn>
                  <a:cxn ang="T147">
                    <a:pos x="T90" y="T91"/>
                  </a:cxn>
                  <a:cxn ang="T148">
                    <a:pos x="T92" y="T93"/>
                  </a:cxn>
                  <a:cxn ang="T149">
                    <a:pos x="T94" y="T95"/>
                  </a:cxn>
                  <a:cxn ang="T150">
                    <a:pos x="T96" y="T97"/>
                  </a:cxn>
                  <a:cxn ang="T151">
                    <a:pos x="T98" y="T99"/>
                  </a:cxn>
                  <a:cxn ang="T152">
                    <a:pos x="T100" y="T101"/>
                  </a:cxn>
                </a:cxnLst>
                <a:rect l="T153" t="T154" r="T155" b="T156"/>
                <a:pathLst>
                  <a:path w="94" h="109">
                    <a:moveTo>
                      <a:pt x="83" y="53"/>
                    </a:moveTo>
                    <a:lnTo>
                      <a:pt x="82" y="51"/>
                    </a:lnTo>
                    <a:lnTo>
                      <a:pt x="76" y="49"/>
                    </a:lnTo>
                    <a:lnTo>
                      <a:pt x="72" y="50"/>
                    </a:lnTo>
                    <a:lnTo>
                      <a:pt x="69" y="48"/>
                    </a:lnTo>
                    <a:lnTo>
                      <a:pt x="57" y="53"/>
                    </a:lnTo>
                    <a:lnTo>
                      <a:pt x="60" y="47"/>
                    </a:lnTo>
                    <a:lnTo>
                      <a:pt x="56" y="49"/>
                    </a:lnTo>
                    <a:lnTo>
                      <a:pt x="49" y="48"/>
                    </a:lnTo>
                    <a:lnTo>
                      <a:pt x="49" y="45"/>
                    </a:lnTo>
                    <a:lnTo>
                      <a:pt x="47" y="44"/>
                    </a:lnTo>
                    <a:lnTo>
                      <a:pt x="54" y="39"/>
                    </a:lnTo>
                    <a:lnTo>
                      <a:pt x="46" y="37"/>
                    </a:lnTo>
                    <a:lnTo>
                      <a:pt x="47" y="35"/>
                    </a:lnTo>
                    <a:lnTo>
                      <a:pt x="45" y="34"/>
                    </a:lnTo>
                    <a:lnTo>
                      <a:pt x="37" y="45"/>
                    </a:lnTo>
                    <a:lnTo>
                      <a:pt x="36" y="42"/>
                    </a:lnTo>
                    <a:lnTo>
                      <a:pt x="37" y="36"/>
                    </a:lnTo>
                    <a:lnTo>
                      <a:pt x="45" y="24"/>
                    </a:lnTo>
                    <a:lnTo>
                      <a:pt x="45" y="17"/>
                    </a:lnTo>
                    <a:lnTo>
                      <a:pt x="46" y="18"/>
                    </a:lnTo>
                    <a:lnTo>
                      <a:pt x="49" y="17"/>
                    </a:lnTo>
                    <a:lnTo>
                      <a:pt x="51" y="11"/>
                    </a:lnTo>
                    <a:lnTo>
                      <a:pt x="48" y="9"/>
                    </a:lnTo>
                    <a:lnTo>
                      <a:pt x="49" y="7"/>
                    </a:lnTo>
                    <a:lnTo>
                      <a:pt x="52" y="6"/>
                    </a:lnTo>
                    <a:lnTo>
                      <a:pt x="54" y="2"/>
                    </a:lnTo>
                    <a:lnTo>
                      <a:pt x="54" y="0"/>
                    </a:lnTo>
                    <a:lnTo>
                      <a:pt x="45" y="3"/>
                    </a:lnTo>
                    <a:lnTo>
                      <a:pt x="38" y="6"/>
                    </a:lnTo>
                    <a:lnTo>
                      <a:pt x="36" y="12"/>
                    </a:lnTo>
                    <a:lnTo>
                      <a:pt x="34" y="14"/>
                    </a:lnTo>
                    <a:lnTo>
                      <a:pt x="33" y="18"/>
                    </a:lnTo>
                    <a:lnTo>
                      <a:pt x="28" y="21"/>
                    </a:lnTo>
                    <a:lnTo>
                      <a:pt x="30" y="23"/>
                    </a:lnTo>
                    <a:lnTo>
                      <a:pt x="27" y="31"/>
                    </a:lnTo>
                    <a:lnTo>
                      <a:pt x="29" y="34"/>
                    </a:lnTo>
                    <a:lnTo>
                      <a:pt x="24" y="35"/>
                    </a:lnTo>
                    <a:lnTo>
                      <a:pt x="21" y="43"/>
                    </a:lnTo>
                    <a:lnTo>
                      <a:pt x="21" y="47"/>
                    </a:lnTo>
                    <a:lnTo>
                      <a:pt x="17" y="50"/>
                    </a:lnTo>
                    <a:lnTo>
                      <a:pt x="16" y="53"/>
                    </a:lnTo>
                    <a:lnTo>
                      <a:pt x="19" y="54"/>
                    </a:lnTo>
                    <a:lnTo>
                      <a:pt x="19" y="57"/>
                    </a:lnTo>
                    <a:lnTo>
                      <a:pt x="14" y="57"/>
                    </a:lnTo>
                    <a:lnTo>
                      <a:pt x="10" y="66"/>
                    </a:lnTo>
                    <a:lnTo>
                      <a:pt x="9" y="67"/>
                    </a:lnTo>
                    <a:lnTo>
                      <a:pt x="8" y="66"/>
                    </a:lnTo>
                    <a:lnTo>
                      <a:pt x="3" y="68"/>
                    </a:lnTo>
                    <a:lnTo>
                      <a:pt x="12" y="69"/>
                    </a:lnTo>
                    <a:lnTo>
                      <a:pt x="13" y="71"/>
                    </a:lnTo>
                    <a:lnTo>
                      <a:pt x="1" y="82"/>
                    </a:lnTo>
                    <a:lnTo>
                      <a:pt x="0" y="86"/>
                    </a:lnTo>
                    <a:lnTo>
                      <a:pt x="2" y="89"/>
                    </a:lnTo>
                    <a:lnTo>
                      <a:pt x="5" y="89"/>
                    </a:lnTo>
                    <a:lnTo>
                      <a:pt x="18" y="86"/>
                    </a:lnTo>
                    <a:lnTo>
                      <a:pt x="37" y="89"/>
                    </a:lnTo>
                    <a:lnTo>
                      <a:pt x="45" y="87"/>
                    </a:lnTo>
                    <a:lnTo>
                      <a:pt x="51" y="83"/>
                    </a:lnTo>
                    <a:lnTo>
                      <a:pt x="50" y="87"/>
                    </a:lnTo>
                    <a:lnTo>
                      <a:pt x="46" y="90"/>
                    </a:lnTo>
                    <a:lnTo>
                      <a:pt x="55" y="90"/>
                    </a:lnTo>
                    <a:lnTo>
                      <a:pt x="57" y="87"/>
                    </a:lnTo>
                    <a:lnTo>
                      <a:pt x="64" y="89"/>
                    </a:lnTo>
                    <a:lnTo>
                      <a:pt x="59" y="94"/>
                    </a:lnTo>
                    <a:lnTo>
                      <a:pt x="55" y="98"/>
                    </a:lnTo>
                    <a:lnTo>
                      <a:pt x="49" y="100"/>
                    </a:lnTo>
                    <a:lnTo>
                      <a:pt x="49" y="102"/>
                    </a:lnTo>
                    <a:lnTo>
                      <a:pt x="52" y="103"/>
                    </a:lnTo>
                    <a:lnTo>
                      <a:pt x="58" y="101"/>
                    </a:lnTo>
                    <a:lnTo>
                      <a:pt x="64" y="93"/>
                    </a:lnTo>
                    <a:lnTo>
                      <a:pt x="69" y="92"/>
                    </a:lnTo>
                    <a:lnTo>
                      <a:pt x="73" y="81"/>
                    </a:lnTo>
                    <a:lnTo>
                      <a:pt x="75" y="81"/>
                    </a:lnTo>
                    <a:lnTo>
                      <a:pt x="77" y="94"/>
                    </a:lnTo>
                    <a:lnTo>
                      <a:pt x="74" y="103"/>
                    </a:lnTo>
                    <a:lnTo>
                      <a:pt x="76" y="104"/>
                    </a:lnTo>
                    <a:lnTo>
                      <a:pt x="81" y="97"/>
                    </a:lnTo>
                    <a:lnTo>
                      <a:pt x="82" y="98"/>
                    </a:lnTo>
                    <a:lnTo>
                      <a:pt x="82" y="106"/>
                    </a:lnTo>
                    <a:lnTo>
                      <a:pt x="83" y="109"/>
                    </a:lnTo>
                    <a:lnTo>
                      <a:pt x="86" y="106"/>
                    </a:lnTo>
                    <a:lnTo>
                      <a:pt x="89" y="107"/>
                    </a:lnTo>
                    <a:lnTo>
                      <a:pt x="94" y="92"/>
                    </a:lnTo>
                    <a:lnTo>
                      <a:pt x="94" y="86"/>
                    </a:lnTo>
                    <a:lnTo>
                      <a:pt x="93" y="85"/>
                    </a:lnTo>
                    <a:lnTo>
                      <a:pt x="89" y="91"/>
                    </a:lnTo>
                    <a:lnTo>
                      <a:pt x="88" y="89"/>
                    </a:lnTo>
                    <a:lnTo>
                      <a:pt x="88" y="86"/>
                    </a:lnTo>
                    <a:lnTo>
                      <a:pt x="91" y="76"/>
                    </a:lnTo>
                    <a:lnTo>
                      <a:pt x="86" y="80"/>
                    </a:lnTo>
                    <a:lnTo>
                      <a:pt x="82" y="87"/>
                    </a:lnTo>
                    <a:lnTo>
                      <a:pt x="81" y="87"/>
                    </a:lnTo>
                    <a:lnTo>
                      <a:pt x="79" y="84"/>
                    </a:lnTo>
                    <a:lnTo>
                      <a:pt x="80" y="79"/>
                    </a:lnTo>
                    <a:lnTo>
                      <a:pt x="77" y="75"/>
                    </a:lnTo>
                    <a:lnTo>
                      <a:pt x="87" y="70"/>
                    </a:lnTo>
                    <a:lnTo>
                      <a:pt x="88" y="66"/>
                    </a:lnTo>
                    <a:lnTo>
                      <a:pt x="81" y="69"/>
                    </a:lnTo>
                    <a:lnTo>
                      <a:pt x="76" y="69"/>
                    </a:lnTo>
                    <a:lnTo>
                      <a:pt x="79" y="64"/>
                    </a:lnTo>
                    <a:lnTo>
                      <a:pt x="76" y="62"/>
                    </a:lnTo>
                    <a:lnTo>
                      <a:pt x="83" y="53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99" name="Freeform 63"/>
              <p:cNvSpPr>
                <a:spLocks/>
              </p:cNvSpPr>
              <p:nvPr/>
            </p:nvSpPr>
            <p:spPr bwMode="auto">
              <a:xfrm>
                <a:off x="2214" y="1993"/>
                <a:ext cx="23" cy="28"/>
              </a:xfrm>
              <a:custGeom>
                <a:avLst/>
                <a:gdLst>
                  <a:gd name="T0" fmla="*/ 12 w 23"/>
                  <a:gd name="T1" fmla="*/ 1 h 28"/>
                  <a:gd name="T2" fmla="*/ 11 w 23"/>
                  <a:gd name="T3" fmla="*/ 0 h 28"/>
                  <a:gd name="T4" fmla="*/ 11 w 23"/>
                  <a:gd name="T5" fmla="*/ 2 h 28"/>
                  <a:gd name="T6" fmla="*/ 1 w 23"/>
                  <a:gd name="T7" fmla="*/ 18 h 28"/>
                  <a:gd name="T8" fmla="*/ 0 w 23"/>
                  <a:gd name="T9" fmla="*/ 25 h 28"/>
                  <a:gd name="T10" fmla="*/ 2 w 23"/>
                  <a:gd name="T11" fmla="*/ 28 h 28"/>
                  <a:gd name="T12" fmla="*/ 13 w 23"/>
                  <a:gd name="T13" fmla="*/ 28 h 28"/>
                  <a:gd name="T14" fmla="*/ 23 w 23"/>
                  <a:gd name="T15" fmla="*/ 21 h 28"/>
                  <a:gd name="T16" fmla="*/ 22 w 23"/>
                  <a:gd name="T17" fmla="*/ 20 h 28"/>
                  <a:gd name="T18" fmla="*/ 22 w 23"/>
                  <a:gd name="T19" fmla="*/ 16 h 28"/>
                  <a:gd name="T20" fmla="*/ 19 w 23"/>
                  <a:gd name="T21" fmla="*/ 15 h 28"/>
                  <a:gd name="T22" fmla="*/ 18 w 23"/>
                  <a:gd name="T23" fmla="*/ 19 h 28"/>
                  <a:gd name="T24" fmla="*/ 17 w 23"/>
                  <a:gd name="T25" fmla="*/ 16 h 28"/>
                  <a:gd name="T26" fmla="*/ 11 w 23"/>
                  <a:gd name="T27" fmla="*/ 19 h 28"/>
                  <a:gd name="T28" fmla="*/ 14 w 23"/>
                  <a:gd name="T29" fmla="*/ 14 h 28"/>
                  <a:gd name="T30" fmla="*/ 12 w 23"/>
                  <a:gd name="T31" fmla="*/ 14 h 28"/>
                  <a:gd name="T32" fmla="*/ 15 w 23"/>
                  <a:gd name="T33" fmla="*/ 3 h 28"/>
                  <a:gd name="T34" fmla="*/ 14 w 23"/>
                  <a:gd name="T35" fmla="*/ 0 h 28"/>
                  <a:gd name="T36" fmla="*/ 12 w 23"/>
                  <a:gd name="T37" fmla="*/ 1 h 28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23"/>
                  <a:gd name="T58" fmla="*/ 0 h 28"/>
                  <a:gd name="T59" fmla="*/ 23 w 23"/>
                  <a:gd name="T60" fmla="*/ 28 h 28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23" h="28">
                    <a:moveTo>
                      <a:pt x="12" y="1"/>
                    </a:moveTo>
                    <a:lnTo>
                      <a:pt x="11" y="0"/>
                    </a:lnTo>
                    <a:lnTo>
                      <a:pt x="11" y="2"/>
                    </a:lnTo>
                    <a:lnTo>
                      <a:pt x="1" y="18"/>
                    </a:lnTo>
                    <a:lnTo>
                      <a:pt x="0" y="25"/>
                    </a:lnTo>
                    <a:lnTo>
                      <a:pt x="2" y="28"/>
                    </a:lnTo>
                    <a:lnTo>
                      <a:pt x="13" y="28"/>
                    </a:lnTo>
                    <a:lnTo>
                      <a:pt x="23" y="21"/>
                    </a:lnTo>
                    <a:lnTo>
                      <a:pt x="22" y="20"/>
                    </a:lnTo>
                    <a:lnTo>
                      <a:pt x="22" y="16"/>
                    </a:lnTo>
                    <a:lnTo>
                      <a:pt x="19" y="15"/>
                    </a:lnTo>
                    <a:lnTo>
                      <a:pt x="18" y="19"/>
                    </a:lnTo>
                    <a:lnTo>
                      <a:pt x="17" y="16"/>
                    </a:lnTo>
                    <a:lnTo>
                      <a:pt x="11" y="19"/>
                    </a:lnTo>
                    <a:lnTo>
                      <a:pt x="14" y="14"/>
                    </a:lnTo>
                    <a:lnTo>
                      <a:pt x="12" y="14"/>
                    </a:lnTo>
                    <a:lnTo>
                      <a:pt x="15" y="3"/>
                    </a:lnTo>
                    <a:lnTo>
                      <a:pt x="14" y="0"/>
                    </a:lnTo>
                    <a:lnTo>
                      <a:pt x="12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1000" name="Freeform 64"/>
              <p:cNvSpPr>
                <a:spLocks/>
              </p:cNvSpPr>
              <p:nvPr/>
            </p:nvSpPr>
            <p:spPr bwMode="auto">
              <a:xfrm>
                <a:off x="2171" y="1931"/>
                <a:ext cx="39" cy="18"/>
              </a:xfrm>
              <a:custGeom>
                <a:avLst/>
                <a:gdLst>
                  <a:gd name="T0" fmla="*/ 6 w 39"/>
                  <a:gd name="T1" fmla="*/ 0 h 18"/>
                  <a:gd name="T2" fmla="*/ 27 w 39"/>
                  <a:gd name="T3" fmla="*/ 7 h 18"/>
                  <a:gd name="T4" fmla="*/ 31 w 39"/>
                  <a:gd name="T5" fmla="*/ 11 h 18"/>
                  <a:gd name="T6" fmla="*/ 36 w 39"/>
                  <a:gd name="T7" fmla="*/ 12 h 18"/>
                  <a:gd name="T8" fmla="*/ 39 w 39"/>
                  <a:gd name="T9" fmla="*/ 17 h 18"/>
                  <a:gd name="T10" fmla="*/ 31 w 39"/>
                  <a:gd name="T11" fmla="*/ 18 h 18"/>
                  <a:gd name="T12" fmla="*/ 15 w 39"/>
                  <a:gd name="T13" fmla="*/ 13 h 18"/>
                  <a:gd name="T14" fmla="*/ 12 w 39"/>
                  <a:gd name="T15" fmla="*/ 8 h 18"/>
                  <a:gd name="T16" fmla="*/ 0 w 39"/>
                  <a:gd name="T17" fmla="*/ 2 h 18"/>
                  <a:gd name="T18" fmla="*/ 0 w 39"/>
                  <a:gd name="T19" fmla="*/ 0 h 18"/>
                  <a:gd name="T20" fmla="*/ 6 w 39"/>
                  <a:gd name="T21" fmla="*/ 0 h 18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9"/>
                  <a:gd name="T34" fmla="*/ 0 h 18"/>
                  <a:gd name="T35" fmla="*/ 39 w 39"/>
                  <a:gd name="T36" fmla="*/ 18 h 18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9" h="18">
                    <a:moveTo>
                      <a:pt x="6" y="0"/>
                    </a:moveTo>
                    <a:lnTo>
                      <a:pt x="27" y="7"/>
                    </a:lnTo>
                    <a:lnTo>
                      <a:pt x="31" y="11"/>
                    </a:lnTo>
                    <a:lnTo>
                      <a:pt x="36" y="12"/>
                    </a:lnTo>
                    <a:lnTo>
                      <a:pt x="39" y="17"/>
                    </a:lnTo>
                    <a:lnTo>
                      <a:pt x="31" y="18"/>
                    </a:lnTo>
                    <a:lnTo>
                      <a:pt x="15" y="13"/>
                    </a:lnTo>
                    <a:lnTo>
                      <a:pt x="12" y="8"/>
                    </a:lnTo>
                    <a:lnTo>
                      <a:pt x="0" y="2"/>
                    </a:lnTo>
                    <a:lnTo>
                      <a:pt x="0" y="0"/>
                    </a:lnTo>
                    <a:lnTo>
                      <a:pt x="6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1001" name="Freeform 65"/>
              <p:cNvSpPr>
                <a:spLocks/>
              </p:cNvSpPr>
              <p:nvPr/>
            </p:nvSpPr>
            <p:spPr bwMode="auto">
              <a:xfrm>
                <a:off x="1906" y="2016"/>
                <a:ext cx="22" cy="8"/>
              </a:xfrm>
              <a:custGeom>
                <a:avLst/>
                <a:gdLst>
                  <a:gd name="T0" fmla="*/ 15 w 22"/>
                  <a:gd name="T1" fmla="*/ 1 h 8"/>
                  <a:gd name="T2" fmla="*/ 0 w 22"/>
                  <a:gd name="T3" fmla="*/ 1 h 8"/>
                  <a:gd name="T4" fmla="*/ 9 w 22"/>
                  <a:gd name="T5" fmla="*/ 5 h 8"/>
                  <a:gd name="T6" fmla="*/ 18 w 22"/>
                  <a:gd name="T7" fmla="*/ 8 h 8"/>
                  <a:gd name="T8" fmla="*/ 20 w 22"/>
                  <a:gd name="T9" fmla="*/ 5 h 8"/>
                  <a:gd name="T10" fmla="*/ 22 w 22"/>
                  <a:gd name="T11" fmla="*/ 1 h 8"/>
                  <a:gd name="T12" fmla="*/ 20 w 22"/>
                  <a:gd name="T13" fmla="*/ 1 h 8"/>
                  <a:gd name="T14" fmla="*/ 19 w 22"/>
                  <a:gd name="T15" fmla="*/ 6 h 8"/>
                  <a:gd name="T16" fmla="*/ 18 w 22"/>
                  <a:gd name="T17" fmla="*/ 0 h 8"/>
                  <a:gd name="T18" fmla="*/ 15 w 22"/>
                  <a:gd name="T19" fmla="*/ 1 h 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22"/>
                  <a:gd name="T31" fmla="*/ 0 h 8"/>
                  <a:gd name="T32" fmla="*/ 22 w 22"/>
                  <a:gd name="T33" fmla="*/ 8 h 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22" h="8">
                    <a:moveTo>
                      <a:pt x="15" y="1"/>
                    </a:moveTo>
                    <a:lnTo>
                      <a:pt x="0" y="1"/>
                    </a:lnTo>
                    <a:lnTo>
                      <a:pt x="9" y="5"/>
                    </a:lnTo>
                    <a:lnTo>
                      <a:pt x="18" y="8"/>
                    </a:lnTo>
                    <a:lnTo>
                      <a:pt x="20" y="5"/>
                    </a:lnTo>
                    <a:lnTo>
                      <a:pt x="22" y="1"/>
                    </a:lnTo>
                    <a:lnTo>
                      <a:pt x="20" y="1"/>
                    </a:lnTo>
                    <a:lnTo>
                      <a:pt x="19" y="6"/>
                    </a:lnTo>
                    <a:lnTo>
                      <a:pt x="18" y="0"/>
                    </a:lnTo>
                    <a:lnTo>
                      <a:pt x="15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</p:grpSp>
        <p:sp>
          <p:nvSpPr>
            <p:cNvPr id="727" name="Freeform 66"/>
            <p:cNvSpPr>
              <a:spLocks noChangeAspect="1"/>
            </p:cNvSpPr>
            <p:nvPr/>
          </p:nvSpPr>
          <p:spPr bwMode="gray">
            <a:xfrm>
              <a:off x="9175750" y="4902201"/>
              <a:ext cx="6350" cy="4763"/>
            </a:xfrm>
            <a:custGeom>
              <a:avLst/>
              <a:gdLst>
                <a:gd name="T0" fmla="*/ 0 w 14"/>
                <a:gd name="T1" fmla="*/ 0 h 9"/>
                <a:gd name="T2" fmla="*/ 0 w 14"/>
                <a:gd name="T3" fmla="*/ 0 h 9"/>
                <a:gd name="T4" fmla="*/ 0 w 14"/>
                <a:gd name="T5" fmla="*/ 0 h 9"/>
                <a:gd name="T6" fmla="*/ 0 w 14"/>
                <a:gd name="T7" fmla="*/ 0 h 9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14"/>
                <a:gd name="T13" fmla="*/ 0 h 9"/>
                <a:gd name="T14" fmla="*/ 14 w 14"/>
                <a:gd name="T15" fmla="*/ 9 h 9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14" h="9">
                  <a:moveTo>
                    <a:pt x="14" y="1"/>
                  </a:moveTo>
                  <a:lnTo>
                    <a:pt x="14" y="9"/>
                  </a:lnTo>
                  <a:lnTo>
                    <a:pt x="0" y="0"/>
                  </a:lnTo>
                  <a:lnTo>
                    <a:pt x="14" y="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28" name="Freeform 67"/>
            <p:cNvSpPr>
              <a:spLocks noChangeAspect="1"/>
            </p:cNvSpPr>
            <p:nvPr/>
          </p:nvSpPr>
          <p:spPr bwMode="gray">
            <a:xfrm>
              <a:off x="7715250" y="3594101"/>
              <a:ext cx="41275" cy="79375"/>
            </a:xfrm>
            <a:custGeom>
              <a:avLst/>
              <a:gdLst>
                <a:gd name="T0" fmla="*/ 2 w 80"/>
                <a:gd name="T1" fmla="*/ 0 h 165"/>
                <a:gd name="T2" fmla="*/ 3 w 80"/>
                <a:gd name="T3" fmla="*/ 0 h 165"/>
                <a:gd name="T4" fmla="*/ 3 w 80"/>
                <a:gd name="T5" fmla="*/ 1 h 165"/>
                <a:gd name="T6" fmla="*/ 2 w 80"/>
                <a:gd name="T7" fmla="*/ 2 h 165"/>
                <a:gd name="T8" fmla="*/ 1 w 80"/>
                <a:gd name="T9" fmla="*/ 4 h 165"/>
                <a:gd name="T10" fmla="*/ 1 w 80"/>
                <a:gd name="T11" fmla="*/ 5 h 165"/>
                <a:gd name="T12" fmla="*/ 1 w 80"/>
                <a:gd name="T13" fmla="*/ 4 h 165"/>
                <a:gd name="T14" fmla="*/ 0 w 80"/>
                <a:gd name="T15" fmla="*/ 4 h 165"/>
                <a:gd name="T16" fmla="*/ 0 w 80"/>
                <a:gd name="T17" fmla="*/ 2 h 165"/>
                <a:gd name="T18" fmla="*/ 0 w 80"/>
                <a:gd name="T19" fmla="*/ 2 h 165"/>
                <a:gd name="T20" fmla="*/ 1 w 80"/>
                <a:gd name="T21" fmla="*/ 1 h 165"/>
                <a:gd name="T22" fmla="*/ 2 w 80"/>
                <a:gd name="T23" fmla="*/ 0 h 165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80"/>
                <a:gd name="T37" fmla="*/ 0 h 165"/>
                <a:gd name="T38" fmla="*/ 80 w 80"/>
                <a:gd name="T39" fmla="*/ 165 h 165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80" h="165">
                  <a:moveTo>
                    <a:pt x="62" y="0"/>
                  </a:moveTo>
                  <a:lnTo>
                    <a:pt x="80" y="12"/>
                  </a:lnTo>
                  <a:lnTo>
                    <a:pt x="79" y="34"/>
                  </a:lnTo>
                  <a:lnTo>
                    <a:pt x="62" y="94"/>
                  </a:lnTo>
                  <a:lnTo>
                    <a:pt x="38" y="141"/>
                  </a:lnTo>
                  <a:lnTo>
                    <a:pt x="34" y="165"/>
                  </a:lnTo>
                  <a:lnTo>
                    <a:pt x="21" y="142"/>
                  </a:lnTo>
                  <a:lnTo>
                    <a:pt x="4" y="124"/>
                  </a:lnTo>
                  <a:lnTo>
                    <a:pt x="0" y="85"/>
                  </a:lnTo>
                  <a:lnTo>
                    <a:pt x="8" y="65"/>
                  </a:lnTo>
                  <a:lnTo>
                    <a:pt x="40" y="15"/>
                  </a:lnTo>
                  <a:lnTo>
                    <a:pt x="62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29" name="Freeform 68"/>
            <p:cNvSpPr>
              <a:spLocks noChangeAspect="1" noEditPoints="1"/>
            </p:cNvSpPr>
            <p:nvPr/>
          </p:nvSpPr>
          <p:spPr bwMode="gray">
            <a:xfrm>
              <a:off x="7267575" y="4019551"/>
              <a:ext cx="430213" cy="134938"/>
            </a:xfrm>
            <a:custGeom>
              <a:avLst/>
              <a:gdLst>
                <a:gd name="T0" fmla="*/ 19 w 878"/>
                <a:gd name="T1" fmla="*/ 4 h 275"/>
                <a:gd name="T2" fmla="*/ 20 w 878"/>
                <a:gd name="T3" fmla="*/ 3 h 275"/>
                <a:gd name="T4" fmla="*/ 20 w 878"/>
                <a:gd name="T5" fmla="*/ 3 h 275"/>
                <a:gd name="T6" fmla="*/ 21 w 878"/>
                <a:gd name="T7" fmla="*/ 3 h 275"/>
                <a:gd name="T8" fmla="*/ 21 w 878"/>
                <a:gd name="T9" fmla="*/ 2 h 275"/>
                <a:gd name="T10" fmla="*/ 21 w 878"/>
                <a:gd name="T11" fmla="*/ 2 h 275"/>
                <a:gd name="T12" fmla="*/ 23 w 878"/>
                <a:gd name="T13" fmla="*/ 0 h 275"/>
                <a:gd name="T14" fmla="*/ 23 w 878"/>
                <a:gd name="T15" fmla="*/ 0 h 275"/>
                <a:gd name="T16" fmla="*/ 23 w 878"/>
                <a:gd name="T17" fmla="*/ 1 h 275"/>
                <a:gd name="T18" fmla="*/ 24 w 878"/>
                <a:gd name="T19" fmla="*/ 1 h 275"/>
                <a:gd name="T20" fmla="*/ 24 w 878"/>
                <a:gd name="T21" fmla="*/ 2 h 275"/>
                <a:gd name="T22" fmla="*/ 26 w 878"/>
                <a:gd name="T23" fmla="*/ 2 h 275"/>
                <a:gd name="T24" fmla="*/ 25 w 878"/>
                <a:gd name="T25" fmla="*/ 3 h 275"/>
                <a:gd name="T26" fmla="*/ 24 w 878"/>
                <a:gd name="T27" fmla="*/ 3 h 275"/>
                <a:gd name="T28" fmla="*/ 24 w 878"/>
                <a:gd name="T29" fmla="*/ 4 h 275"/>
                <a:gd name="T30" fmla="*/ 24 w 878"/>
                <a:gd name="T31" fmla="*/ 4 h 275"/>
                <a:gd name="T32" fmla="*/ 21 w 878"/>
                <a:gd name="T33" fmla="*/ 3 h 275"/>
                <a:gd name="T34" fmla="*/ 20 w 878"/>
                <a:gd name="T35" fmla="*/ 6 h 275"/>
                <a:gd name="T36" fmla="*/ 19 w 878"/>
                <a:gd name="T37" fmla="*/ 7 h 275"/>
                <a:gd name="T38" fmla="*/ 18 w 878"/>
                <a:gd name="T39" fmla="*/ 8 h 275"/>
                <a:gd name="T40" fmla="*/ 17 w 878"/>
                <a:gd name="T41" fmla="*/ 7 h 275"/>
                <a:gd name="T42" fmla="*/ 15 w 878"/>
                <a:gd name="T43" fmla="*/ 8 h 275"/>
                <a:gd name="T44" fmla="*/ 15 w 878"/>
                <a:gd name="T45" fmla="*/ 8 h 275"/>
                <a:gd name="T46" fmla="*/ 14 w 878"/>
                <a:gd name="T47" fmla="*/ 8 h 275"/>
                <a:gd name="T48" fmla="*/ 13 w 878"/>
                <a:gd name="T49" fmla="*/ 7 h 275"/>
                <a:gd name="T50" fmla="*/ 13 w 878"/>
                <a:gd name="T51" fmla="*/ 6 h 275"/>
                <a:gd name="T52" fmla="*/ 13 w 878"/>
                <a:gd name="T53" fmla="*/ 7 h 275"/>
                <a:gd name="T54" fmla="*/ 15 w 878"/>
                <a:gd name="T55" fmla="*/ 7 h 275"/>
                <a:gd name="T56" fmla="*/ 15 w 878"/>
                <a:gd name="T57" fmla="*/ 6 h 275"/>
                <a:gd name="T58" fmla="*/ 15 w 878"/>
                <a:gd name="T59" fmla="*/ 6 h 275"/>
                <a:gd name="T60" fmla="*/ 17 w 878"/>
                <a:gd name="T61" fmla="*/ 5 h 275"/>
                <a:gd name="T62" fmla="*/ 19 w 878"/>
                <a:gd name="T63" fmla="*/ 3 h 275"/>
                <a:gd name="T64" fmla="*/ 3 w 878"/>
                <a:gd name="T65" fmla="*/ 1 h 275"/>
                <a:gd name="T66" fmla="*/ 4 w 878"/>
                <a:gd name="T67" fmla="*/ 3 h 275"/>
                <a:gd name="T68" fmla="*/ 5 w 878"/>
                <a:gd name="T69" fmla="*/ 6 h 275"/>
                <a:gd name="T70" fmla="*/ 6 w 878"/>
                <a:gd name="T71" fmla="*/ 7 h 275"/>
                <a:gd name="T72" fmla="*/ 5 w 878"/>
                <a:gd name="T73" fmla="*/ 7 h 275"/>
                <a:gd name="T74" fmla="*/ 3 w 878"/>
                <a:gd name="T75" fmla="*/ 6 h 275"/>
                <a:gd name="T76" fmla="*/ 2 w 878"/>
                <a:gd name="T77" fmla="*/ 5 h 275"/>
                <a:gd name="T78" fmla="*/ 1 w 878"/>
                <a:gd name="T79" fmla="*/ 3 h 275"/>
                <a:gd name="T80" fmla="*/ 0 w 878"/>
                <a:gd name="T81" fmla="*/ 2 h 275"/>
                <a:gd name="T82" fmla="*/ 0 w 878"/>
                <a:gd name="T83" fmla="*/ 0 h 275"/>
                <a:gd name="T84" fmla="*/ 1 w 878"/>
                <a:gd name="T85" fmla="*/ 1 h 275"/>
                <a:gd name="T86" fmla="*/ 2 w 878"/>
                <a:gd name="T87" fmla="*/ 1 h 275"/>
                <a:gd name="T88" fmla="*/ 3 w 878"/>
                <a:gd name="T89" fmla="*/ 1 h 275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w 878"/>
                <a:gd name="T136" fmla="*/ 0 h 275"/>
                <a:gd name="T137" fmla="*/ 878 w 878"/>
                <a:gd name="T138" fmla="*/ 275 h 275"/>
              </a:gdLst>
              <a:ahLst/>
              <a:cxnLst>
                <a:cxn ang="T90">
                  <a:pos x="T0" y="T1"/>
                </a:cxn>
                <a:cxn ang="T91">
                  <a:pos x="T2" y="T3"/>
                </a:cxn>
                <a:cxn ang="T92">
                  <a:pos x="T4" y="T5"/>
                </a:cxn>
                <a:cxn ang="T93">
                  <a:pos x="T6" y="T7"/>
                </a:cxn>
                <a:cxn ang="T94">
                  <a:pos x="T8" y="T9"/>
                </a:cxn>
                <a:cxn ang="T95">
                  <a:pos x="T10" y="T11"/>
                </a:cxn>
                <a:cxn ang="T96">
                  <a:pos x="T12" y="T13"/>
                </a:cxn>
                <a:cxn ang="T97">
                  <a:pos x="T14" y="T15"/>
                </a:cxn>
                <a:cxn ang="T98">
                  <a:pos x="T16" y="T17"/>
                </a:cxn>
                <a:cxn ang="T99">
                  <a:pos x="T18" y="T19"/>
                </a:cxn>
                <a:cxn ang="T100">
                  <a:pos x="T20" y="T21"/>
                </a:cxn>
                <a:cxn ang="T101">
                  <a:pos x="T22" y="T23"/>
                </a:cxn>
                <a:cxn ang="T102">
                  <a:pos x="T24" y="T25"/>
                </a:cxn>
                <a:cxn ang="T103">
                  <a:pos x="T26" y="T27"/>
                </a:cxn>
                <a:cxn ang="T104">
                  <a:pos x="T28" y="T29"/>
                </a:cxn>
                <a:cxn ang="T105">
                  <a:pos x="T30" y="T31"/>
                </a:cxn>
                <a:cxn ang="T106">
                  <a:pos x="T32" y="T33"/>
                </a:cxn>
                <a:cxn ang="T107">
                  <a:pos x="T34" y="T35"/>
                </a:cxn>
                <a:cxn ang="T108">
                  <a:pos x="T36" y="T37"/>
                </a:cxn>
                <a:cxn ang="T109">
                  <a:pos x="T38" y="T39"/>
                </a:cxn>
                <a:cxn ang="T110">
                  <a:pos x="T40" y="T41"/>
                </a:cxn>
                <a:cxn ang="T111">
                  <a:pos x="T42" y="T43"/>
                </a:cxn>
                <a:cxn ang="T112">
                  <a:pos x="T44" y="T45"/>
                </a:cxn>
                <a:cxn ang="T113">
                  <a:pos x="T46" y="T47"/>
                </a:cxn>
                <a:cxn ang="T114">
                  <a:pos x="T48" y="T49"/>
                </a:cxn>
                <a:cxn ang="T115">
                  <a:pos x="T50" y="T51"/>
                </a:cxn>
                <a:cxn ang="T116">
                  <a:pos x="T52" y="T53"/>
                </a:cxn>
                <a:cxn ang="T117">
                  <a:pos x="T54" y="T55"/>
                </a:cxn>
                <a:cxn ang="T118">
                  <a:pos x="T56" y="T57"/>
                </a:cxn>
                <a:cxn ang="T119">
                  <a:pos x="T58" y="T59"/>
                </a:cxn>
                <a:cxn ang="T120">
                  <a:pos x="T60" y="T61"/>
                </a:cxn>
                <a:cxn ang="T121">
                  <a:pos x="T62" y="T63"/>
                </a:cxn>
                <a:cxn ang="T122">
                  <a:pos x="T64" y="T65"/>
                </a:cxn>
                <a:cxn ang="T123">
                  <a:pos x="T66" y="T67"/>
                </a:cxn>
                <a:cxn ang="T124">
                  <a:pos x="T68" y="T69"/>
                </a:cxn>
                <a:cxn ang="T125">
                  <a:pos x="T70" y="T71"/>
                </a:cxn>
                <a:cxn ang="T126">
                  <a:pos x="T72" y="T73"/>
                </a:cxn>
                <a:cxn ang="T127">
                  <a:pos x="T74" y="T75"/>
                </a:cxn>
                <a:cxn ang="T128">
                  <a:pos x="T76" y="T77"/>
                </a:cxn>
                <a:cxn ang="T129">
                  <a:pos x="T78" y="T79"/>
                </a:cxn>
                <a:cxn ang="T130">
                  <a:pos x="T80" y="T81"/>
                </a:cxn>
                <a:cxn ang="T131">
                  <a:pos x="T82" y="T83"/>
                </a:cxn>
                <a:cxn ang="T132">
                  <a:pos x="T84" y="T85"/>
                </a:cxn>
                <a:cxn ang="T133">
                  <a:pos x="T86" y="T87"/>
                </a:cxn>
                <a:cxn ang="T134">
                  <a:pos x="T88" y="T89"/>
                </a:cxn>
              </a:cxnLst>
              <a:rect l="T135" t="T136" r="T137" b="T138"/>
              <a:pathLst>
                <a:path w="878" h="275">
                  <a:moveTo>
                    <a:pt x="634" y="108"/>
                  </a:moveTo>
                  <a:lnTo>
                    <a:pt x="665" y="133"/>
                  </a:lnTo>
                  <a:lnTo>
                    <a:pt x="670" y="125"/>
                  </a:lnTo>
                  <a:lnTo>
                    <a:pt x="670" y="105"/>
                  </a:lnTo>
                  <a:lnTo>
                    <a:pt x="679" y="97"/>
                  </a:lnTo>
                  <a:lnTo>
                    <a:pt x="690" y="113"/>
                  </a:lnTo>
                  <a:lnTo>
                    <a:pt x="699" y="116"/>
                  </a:lnTo>
                  <a:lnTo>
                    <a:pt x="699" y="102"/>
                  </a:lnTo>
                  <a:lnTo>
                    <a:pt x="692" y="91"/>
                  </a:lnTo>
                  <a:lnTo>
                    <a:pt x="707" y="80"/>
                  </a:lnTo>
                  <a:lnTo>
                    <a:pt x="701" y="72"/>
                  </a:lnTo>
                  <a:lnTo>
                    <a:pt x="704" y="68"/>
                  </a:lnTo>
                  <a:lnTo>
                    <a:pt x="717" y="66"/>
                  </a:lnTo>
                  <a:lnTo>
                    <a:pt x="761" y="0"/>
                  </a:lnTo>
                  <a:lnTo>
                    <a:pt x="763" y="18"/>
                  </a:lnTo>
                  <a:lnTo>
                    <a:pt x="775" y="0"/>
                  </a:lnTo>
                  <a:lnTo>
                    <a:pt x="780" y="0"/>
                  </a:lnTo>
                  <a:lnTo>
                    <a:pt x="787" y="15"/>
                  </a:lnTo>
                  <a:lnTo>
                    <a:pt x="804" y="21"/>
                  </a:lnTo>
                  <a:lnTo>
                    <a:pt x="804" y="46"/>
                  </a:lnTo>
                  <a:lnTo>
                    <a:pt x="821" y="43"/>
                  </a:lnTo>
                  <a:lnTo>
                    <a:pt x="821" y="57"/>
                  </a:lnTo>
                  <a:lnTo>
                    <a:pt x="835" y="54"/>
                  </a:lnTo>
                  <a:lnTo>
                    <a:pt x="871" y="71"/>
                  </a:lnTo>
                  <a:lnTo>
                    <a:pt x="878" y="79"/>
                  </a:lnTo>
                  <a:lnTo>
                    <a:pt x="852" y="93"/>
                  </a:lnTo>
                  <a:lnTo>
                    <a:pt x="832" y="94"/>
                  </a:lnTo>
                  <a:lnTo>
                    <a:pt x="832" y="105"/>
                  </a:lnTo>
                  <a:lnTo>
                    <a:pt x="846" y="116"/>
                  </a:lnTo>
                  <a:lnTo>
                    <a:pt x="821" y="125"/>
                  </a:lnTo>
                  <a:lnTo>
                    <a:pt x="807" y="118"/>
                  </a:lnTo>
                  <a:lnTo>
                    <a:pt x="802" y="126"/>
                  </a:lnTo>
                  <a:lnTo>
                    <a:pt x="778" y="118"/>
                  </a:lnTo>
                  <a:lnTo>
                    <a:pt x="721" y="118"/>
                  </a:lnTo>
                  <a:lnTo>
                    <a:pt x="704" y="167"/>
                  </a:lnTo>
                  <a:lnTo>
                    <a:pt x="682" y="193"/>
                  </a:lnTo>
                  <a:lnTo>
                    <a:pt x="670" y="230"/>
                  </a:lnTo>
                  <a:lnTo>
                    <a:pt x="660" y="244"/>
                  </a:lnTo>
                  <a:lnTo>
                    <a:pt x="643" y="253"/>
                  </a:lnTo>
                  <a:lnTo>
                    <a:pt x="608" y="261"/>
                  </a:lnTo>
                  <a:lnTo>
                    <a:pt x="587" y="255"/>
                  </a:lnTo>
                  <a:lnTo>
                    <a:pt x="582" y="249"/>
                  </a:lnTo>
                  <a:lnTo>
                    <a:pt x="558" y="247"/>
                  </a:lnTo>
                  <a:lnTo>
                    <a:pt x="527" y="274"/>
                  </a:lnTo>
                  <a:lnTo>
                    <a:pt x="504" y="275"/>
                  </a:lnTo>
                  <a:lnTo>
                    <a:pt x="495" y="270"/>
                  </a:lnTo>
                  <a:lnTo>
                    <a:pt x="476" y="275"/>
                  </a:lnTo>
                  <a:lnTo>
                    <a:pt x="465" y="272"/>
                  </a:lnTo>
                  <a:lnTo>
                    <a:pt x="453" y="269"/>
                  </a:lnTo>
                  <a:lnTo>
                    <a:pt x="434" y="235"/>
                  </a:lnTo>
                  <a:lnTo>
                    <a:pt x="433" y="223"/>
                  </a:lnTo>
                  <a:lnTo>
                    <a:pt x="438" y="219"/>
                  </a:lnTo>
                  <a:lnTo>
                    <a:pt x="442" y="232"/>
                  </a:lnTo>
                  <a:lnTo>
                    <a:pt x="455" y="236"/>
                  </a:lnTo>
                  <a:lnTo>
                    <a:pt x="472" y="236"/>
                  </a:lnTo>
                  <a:lnTo>
                    <a:pt x="502" y="244"/>
                  </a:lnTo>
                  <a:lnTo>
                    <a:pt x="509" y="219"/>
                  </a:lnTo>
                  <a:lnTo>
                    <a:pt x="507" y="211"/>
                  </a:lnTo>
                  <a:lnTo>
                    <a:pt x="519" y="211"/>
                  </a:lnTo>
                  <a:lnTo>
                    <a:pt x="519" y="199"/>
                  </a:lnTo>
                  <a:lnTo>
                    <a:pt x="526" y="187"/>
                  </a:lnTo>
                  <a:lnTo>
                    <a:pt x="582" y="176"/>
                  </a:lnTo>
                  <a:lnTo>
                    <a:pt x="626" y="128"/>
                  </a:lnTo>
                  <a:lnTo>
                    <a:pt x="634" y="108"/>
                  </a:lnTo>
                  <a:close/>
                  <a:moveTo>
                    <a:pt x="91" y="34"/>
                  </a:moveTo>
                  <a:lnTo>
                    <a:pt x="101" y="34"/>
                  </a:lnTo>
                  <a:lnTo>
                    <a:pt x="131" y="60"/>
                  </a:lnTo>
                  <a:lnTo>
                    <a:pt x="150" y="89"/>
                  </a:lnTo>
                  <a:lnTo>
                    <a:pt x="152" y="170"/>
                  </a:lnTo>
                  <a:lnTo>
                    <a:pt x="157" y="185"/>
                  </a:lnTo>
                  <a:lnTo>
                    <a:pt x="170" y="196"/>
                  </a:lnTo>
                  <a:lnTo>
                    <a:pt x="189" y="232"/>
                  </a:lnTo>
                  <a:lnTo>
                    <a:pt x="182" y="252"/>
                  </a:lnTo>
                  <a:lnTo>
                    <a:pt x="165" y="241"/>
                  </a:lnTo>
                  <a:lnTo>
                    <a:pt x="152" y="252"/>
                  </a:lnTo>
                  <a:lnTo>
                    <a:pt x="94" y="218"/>
                  </a:lnTo>
                  <a:lnTo>
                    <a:pt x="55" y="184"/>
                  </a:lnTo>
                  <a:lnTo>
                    <a:pt x="48" y="164"/>
                  </a:lnTo>
                  <a:lnTo>
                    <a:pt x="26" y="134"/>
                  </a:lnTo>
                  <a:lnTo>
                    <a:pt x="20" y="119"/>
                  </a:lnTo>
                  <a:lnTo>
                    <a:pt x="21" y="96"/>
                  </a:lnTo>
                  <a:lnTo>
                    <a:pt x="11" y="82"/>
                  </a:lnTo>
                  <a:lnTo>
                    <a:pt x="3" y="21"/>
                  </a:lnTo>
                  <a:lnTo>
                    <a:pt x="0" y="9"/>
                  </a:lnTo>
                  <a:lnTo>
                    <a:pt x="37" y="21"/>
                  </a:lnTo>
                  <a:lnTo>
                    <a:pt x="46" y="34"/>
                  </a:lnTo>
                  <a:lnTo>
                    <a:pt x="46" y="57"/>
                  </a:lnTo>
                  <a:lnTo>
                    <a:pt x="68" y="43"/>
                  </a:lnTo>
                  <a:lnTo>
                    <a:pt x="86" y="45"/>
                  </a:lnTo>
                  <a:lnTo>
                    <a:pt x="91" y="3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30" name="Freeform 69"/>
            <p:cNvSpPr>
              <a:spLocks noChangeAspect="1"/>
            </p:cNvSpPr>
            <p:nvPr/>
          </p:nvSpPr>
          <p:spPr bwMode="gray">
            <a:xfrm>
              <a:off x="7578725" y="4060826"/>
              <a:ext cx="31750" cy="25400"/>
            </a:xfrm>
            <a:custGeom>
              <a:avLst/>
              <a:gdLst>
                <a:gd name="T0" fmla="*/ 0 w 65"/>
                <a:gd name="T1" fmla="*/ 1 h 48"/>
                <a:gd name="T2" fmla="*/ 1 w 65"/>
                <a:gd name="T3" fmla="*/ 2 h 48"/>
                <a:gd name="T4" fmla="*/ 1 w 65"/>
                <a:gd name="T5" fmla="*/ 1 h 48"/>
                <a:gd name="T6" fmla="*/ 1 w 65"/>
                <a:gd name="T7" fmla="*/ 1 h 48"/>
                <a:gd name="T8" fmla="*/ 1 w 65"/>
                <a:gd name="T9" fmla="*/ 0 h 48"/>
                <a:gd name="T10" fmla="*/ 2 w 65"/>
                <a:gd name="T11" fmla="*/ 1 h 48"/>
                <a:gd name="T12" fmla="*/ 2 w 65"/>
                <a:gd name="T13" fmla="*/ 1 h 48"/>
                <a:gd name="T14" fmla="*/ 2 w 65"/>
                <a:gd name="T15" fmla="*/ 1 h 48"/>
                <a:gd name="T16" fmla="*/ 2 w 65"/>
                <a:gd name="T17" fmla="*/ 0 h 48"/>
                <a:gd name="T18" fmla="*/ 2 w 65"/>
                <a:gd name="T19" fmla="*/ 0 h 48"/>
                <a:gd name="T20" fmla="*/ 1 w 65"/>
                <a:gd name="T21" fmla="*/ 0 h 48"/>
                <a:gd name="T22" fmla="*/ 1 w 65"/>
                <a:gd name="T23" fmla="*/ 1 h 48"/>
                <a:gd name="T24" fmla="*/ 0 w 65"/>
                <a:gd name="T25" fmla="*/ 1 h 48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w 65"/>
                <a:gd name="T40" fmla="*/ 0 h 48"/>
                <a:gd name="T41" fmla="*/ 65 w 65"/>
                <a:gd name="T42" fmla="*/ 48 h 48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T39" t="T40" r="T41" b="T42"/>
              <a:pathLst>
                <a:path w="65" h="48">
                  <a:moveTo>
                    <a:pt x="0" y="23"/>
                  </a:moveTo>
                  <a:lnTo>
                    <a:pt x="31" y="48"/>
                  </a:lnTo>
                  <a:lnTo>
                    <a:pt x="36" y="40"/>
                  </a:lnTo>
                  <a:lnTo>
                    <a:pt x="36" y="20"/>
                  </a:lnTo>
                  <a:lnTo>
                    <a:pt x="45" y="12"/>
                  </a:lnTo>
                  <a:lnTo>
                    <a:pt x="56" y="28"/>
                  </a:lnTo>
                  <a:lnTo>
                    <a:pt x="65" y="31"/>
                  </a:lnTo>
                  <a:lnTo>
                    <a:pt x="65" y="17"/>
                  </a:lnTo>
                  <a:lnTo>
                    <a:pt x="58" y="6"/>
                  </a:lnTo>
                  <a:lnTo>
                    <a:pt x="48" y="6"/>
                  </a:lnTo>
                  <a:lnTo>
                    <a:pt x="45" y="0"/>
                  </a:lnTo>
                  <a:lnTo>
                    <a:pt x="22" y="17"/>
                  </a:lnTo>
                  <a:lnTo>
                    <a:pt x="0" y="2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31" name="Freeform 70"/>
            <p:cNvSpPr>
              <a:spLocks noChangeAspect="1" noEditPoints="1"/>
            </p:cNvSpPr>
            <p:nvPr/>
          </p:nvSpPr>
          <p:spPr bwMode="gray">
            <a:xfrm>
              <a:off x="7653338" y="3752851"/>
              <a:ext cx="619125" cy="333375"/>
            </a:xfrm>
            <a:custGeom>
              <a:avLst/>
              <a:gdLst>
                <a:gd name="T0" fmla="*/ 36 w 1277"/>
                <a:gd name="T1" fmla="*/ 7 h 682"/>
                <a:gd name="T2" fmla="*/ 23 w 1277"/>
                <a:gd name="T3" fmla="*/ 15 h 682"/>
                <a:gd name="T4" fmla="*/ 13 w 1277"/>
                <a:gd name="T5" fmla="*/ 20 h 682"/>
                <a:gd name="T6" fmla="*/ 4 w 1277"/>
                <a:gd name="T7" fmla="*/ 18 h 682"/>
                <a:gd name="T8" fmla="*/ 5 w 1277"/>
                <a:gd name="T9" fmla="*/ 18 h 682"/>
                <a:gd name="T10" fmla="*/ 6 w 1277"/>
                <a:gd name="T11" fmla="*/ 17 h 682"/>
                <a:gd name="T12" fmla="*/ 12 w 1277"/>
                <a:gd name="T13" fmla="*/ 14 h 682"/>
                <a:gd name="T14" fmla="*/ 12 w 1277"/>
                <a:gd name="T15" fmla="*/ 16 h 682"/>
                <a:gd name="T16" fmla="*/ 11 w 1277"/>
                <a:gd name="T17" fmla="*/ 15 h 682"/>
                <a:gd name="T18" fmla="*/ 11 w 1277"/>
                <a:gd name="T19" fmla="*/ 18 h 682"/>
                <a:gd name="T20" fmla="*/ 9 w 1277"/>
                <a:gd name="T21" fmla="*/ 16 h 682"/>
                <a:gd name="T22" fmla="*/ 8 w 1277"/>
                <a:gd name="T23" fmla="*/ 15 h 682"/>
                <a:gd name="T24" fmla="*/ 7 w 1277"/>
                <a:gd name="T25" fmla="*/ 15 h 682"/>
                <a:gd name="T26" fmla="*/ 7 w 1277"/>
                <a:gd name="T27" fmla="*/ 14 h 682"/>
                <a:gd name="T28" fmla="*/ 9 w 1277"/>
                <a:gd name="T29" fmla="*/ 14 h 682"/>
                <a:gd name="T30" fmla="*/ 10 w 1277"/>
                <a:gd name="T31" fmla="*/ 14 h 682"/>
                <a:gd name="T32" fmla="*/ 3 w 1277"/>
                <a:gd name="T33" fmla="*/ 10 h 682"/>
                <a:gd name="T34" fmla="*/ 2 w 1277"/>
                <a:gd name="T35" fmla="*/ 12 h 682"/>
                <a:gd name="T36" fmla="*/ 1 w 1277"/>
                <a:gd name="T37" fmla="*/ 13 h 682"/>
                <a:gd name="T38" fmla="*/ 3 w 1277"/>
                <a:gd name="T39" fmla="*/ 11 h 682"/>
                <a:gd name="T40" fmla="*/ 9 w 1277"/>
                <a:gd name="T41" fmla="*/ 12 h 682"/>
                <a:gd name="T42" fmla="*/ 9 w 1277"/>
                <a:gd name="T43" fmla="*/ 11 h 682"/>
                <a:gd name="T44" fmla="*/ 9 w 1277"/>
                <a:gd name="T45" fmla="*/ 10 h 682"/>
                <a:gd name="T46" fmla="*/ 10 w 1277"/>
                <a:gd name="T47" fmla="*/ 12 h 682"/>
                <a:gd name="T48" fmla="*/ 9 w 1277"/>
                <a:gd name="T49" fmla="*/ 11 h 682"/>
                <a:gd name="T50" fmla="*/ 8 w 1277"/>
                <a:gd name="T51" fmla="*/ 11 h 682"/>
                <a:gd name="T52" fmla="*/ 7 w 1277"/>
                <a:gd name="T53" fmla="*/ 12 h 682"/>
                <a:gd name="T54" fmla="*/ 7 w 1277"/>
                <a:gd name="T55" fmla="*/ 10 h 682"/>
                <a:gd name="T56" fmla="*/ 6 w 1277"/>
                <a:gd name="T57" fmla="*/ 11 h 682"/>
                <a:gd name="T58" fmla="*/ 10 w 1277"/>
                <a:gd name="T59" fmla="*/ 8 h 682"/>
                <a:gd name="T60" fmla="*/ 11 w 1277"/>
                <a:gd name="T61" fmla="*/ 10 h 682"/>
                <a:gd name="T62" fmla="*/ 8 w 1277"/>
                <a:gd name="T63" fmla="*/ 8 h 682"/>
                <a:gd name="T64" fmla="*/ 8 w 1277"/>
                <a:gd name="T65" fmla="*/ 9 h 682"/>
                <a:gd name="T66" fmla="*/ 7 w 1277"/>
                <a:gd name="T67" fmla="*/ 9 h 682"/>
                <a:gd name="T68" fmla="*/ 6 w 1277"/>
                <a:gd name="T69" fmla="*/ 9 h 682"/>
                <a:gd name="T70" fmla="*/ 6 w 1277"/>
                <a:gd name="T71" fmla="*/ 7 h 682"/>
                <a:gd name="T72" fmla="*/ 6 w 1277"/>
                <a:gd name="T73" fmla="*/ 5 h 682"/>
                <a:gd name="T74" fmla="*/ 7 w 1277"/>
                <a:gd name="T75" fmla="*/ 2 h 682"/>
                <a:gd name="T76" fmla="*/ 5 w 1277"/>
                <a:gd name="T77" fmla="*/ 5 h 682"/>
                <a:gd name="T78" fmla="*/ 7 w 1277"/>
                <a:gd name="T79" fmla="*/ 6 h 682"/>
                <a:gd name="T80" fmla="*/ 8 w 1277"/>
                <a:gd name="T81" fmla="*/ 7 h 682"/>
                <a:gd name="T82" fmla="*/ 8 w 1277"/>
                <a:gd name="T83" fmla="*/ 7 h 682"/>
                <a:gd name="T84" fmla="*/ 9 w 1277"/>
                <a:gd name="T85" fmla="*/ 8 h 682"/>
                <a:gd name="T86" fmla="*/ 7 w 1277"/>
                <a:gd name="T87" fmla="*/ 7 h 682"/>
                <a:gd name="T88" fmla="*/ 5 w 1277"/>
                <a:gd name="T89" fmla="*/ 7 h 682"/>
                <a:gd name="T90" fmla="*/ 5 w 1277"/>
                <a:gd name="T91" fmla="*/ 6 h 682"/>
                <a:gd name="T92" fmla="*/ 4 w 1277"/>
                <a:gd name="T93" fmla="*/ 5 h 682"/>
                <a:gd name="T94" fmla="*/ 4 w 1277"/>
                <a:gd name="T95" fmla="*/ 1 h 682"/>
                <a:gd name="T96" fmla="*/ 6 w 1277"/>
                <a:gd name="T97" fmla="*/ 0 h 682"/>
                <a:gd name="T98" fmla="*/ 5 w 1277"/>
                <a:gd name="T99" fmla="*/ 7 h 682"/>
                <a:gd name="T100" fmla="*/ 5 w 1277"/>
                <a:gd name="T101" fmla="*/ 9 h 682"/>
                <a:gd name="T102" fmla="*/ 4 w 1277"/>
                <a:gd name="T103" fmla="*/ 9 h 682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w 1277"/>
                <a:gd name="T157" fmla="*/ 0 h 682"/>
                <a:gd name="T158" fmla="*/ 1277 w 1277"/>
                <a:gd name="T159" fmla="*/ 682 h 682"/>
              </a:gdLst>
              <a:ahLst/>
              <a:cxnLst>
                <a:cxn ang="T104">
                  <a:pos x="T0" y="T1"/>
                </a:cxn>
                <a:cxn ang="T105">
                  <a:pos x="T2" y="T3"/>
                </a:cxn>
                <a:cxn ang="T106">
                  <a:pos x="T4" y="T5"/>
                </a:cxn>
                <a:cxn ang="T107">
                  <a:pos x="T6" y="T7"/>
                </a:cxn>
                <a:cxn ang="T108">
                  <a:pos x="T8" y="T9"/>
                </a:cxn>
                <a:cxn ang="T109">
                  <a:pos x="T10" y="T11"/>
                </a:cxn>
                <a:cxn ang="T110">
                  <a:pos x="T12" y="T13"/>
                </a:cxn>
                <a:cxn ang="T111">
                  <a:pos x="T14" y="T15"/>
                </a:cxn>
                <a:cxn ang="T112">
                  <a:pos x="T16" y="T17"/>
                </a:cxn>
                <a:cxn ang="T113">
                  <a:pos x="T18" y="T19"/>
                </a:cxn>
                <a:cxn ang="T114">
                  <a:pos x="T20" y="T21"/>
                </a:cxn>
                <a:cxn ang="T115">
                  <a:pos x="T22" y="T23"/>
                </a:cxn>
                <a:cxn ang="T116">
                  <a:pos x="T24" y="T25"/>
                </a:cxn>
                <a:cxn ang="T117">
                  <a:pos x="T26" y="T27"/>
                </a:cxn>
                <a:cxn ang="T118">
                  <a:pos x="T28" y="T29"/>
                </a:cxn>
                <a:cxn ang="T119">
                  <a:pos x="T30" y="T31"/>
                </a:cxn>
                <a:cxn ang="T120">
                  <a:pos x="T32" y="T33"/>
                </a:cxn>
                <a:cxn ang="T121">
                  <a:pos x="T34" y="T35"/>
                </a:cxn>
                <a:cxn ang="T122">
                  <a:pos x="T36" y="T37"/>
                </a:cxn>
                <a:cxn ang="T123">
                  <a:pos x="T38" y="T39"/>
                </a:cxn>
                <a:cxn ang="T124">
                  <a:pos x="T40" y="T41"/>
                </a:cxn>
                <a:cxn ang="T125">
                  <a:pos x="T42" y="T43"/>
                </a:cxn>
                <a:cxn ang="T126">
                  <a:pos x="T44" y="T45"/>
                </a:cxn>
                <a:cxn ang="T127">
                  <a:pos x="T46" y="T47"/>
                </a:cxn>
                <a:cxn ang="T128">
                  <a:pos x="T48" y="T49"/>
                </a:cxn>
                <a:cxn ang="T129">
                  <a:pos x="T50" y="T51"/>
                </a:cxn>
                <a:cxn ang="T130">
                  <a:pos x="T52" y="T53"/>
                </a:cxn>
                <a:cxn ang="T131">
                  <a:pos x="T54" y="T55"/>
                </a:cxn>
                <a:cxn ang="T132">
                  <a:pos x="T56" y="T57"/>
                </a:cxn>
                <a:cxn ang="T133">
                  <a:pos x="T58" y="T59"/>
                </a:cxn>
                <a:cxn ang="T134">
                  <a:pos x="T60" y="T61"/>
                </a:cxn>
                <a:cxn ang="T135">
                  <a:pos x="T62" y="T63"/>
                </a:cxn>
                <a:cxn ang="T136">
                  <a:pos x="T64" y="T65"/>
                </a:cxn>
                <a:cxn ang="T137">
                  <a:pos x="T66" y="T67"/>
                </a:cxn>
                <a:cxn ang="T138">
                  <a:pos x="T68" y="T69"/>
                </a:cxn>
                <a:cxn ang="T139">
                  <a:pos x="T70" y="T71"/>
                </a:cxn>
                <a:cxn ang="T140">
                  <a:pos x="T72" y="T73"/>
                </a:cxn>
                <a:cxn ang="T141">
                  <a:pos x="T74" y="T75"/>
                </a:cxn>
                <a:cxn ang="T142">
                  <a:pos x="T76" y="T77"/>
                </a:cxn>
                <a:cxn ang="T143">
                  <a:pos x="T78" y="T79"/>
                </a:cxn>
                <a:cxn ang="T144">
                  <a:pos x="T80" y="T81"/>
                </a:cxn>
                <a:cxn ang="T145">
                  <a:pos x="T82" y="T83"/>
                </a:cxn>
                <a:cxn ang="T146">
                  <a:pos x="T84" y="T85"/>
                </a:cxn>
                <a:cxn ang="T147">
                  <a:pos x="T86" y="T87"/>
                </a:cxn>
                <a:cxn ang="T148">
                  <a:pos x="T88" y="T89"/>
                </a:cxn>
                <a:cxn ang="T149">
                  <a:pos x="T90" y="T91"/>
                </a:cxn>
                <a:cxn ang="T150">
                  <a:pos x="T92" y="T93"/>
                </a:cxn>
                <a:cxn ang="T151">
                  <a:pos x="T94" y="T95"/>
                </a:cxn>
                <a:cxn ang="T152">
                  <a:pos x="T96" y="T97"/>
                </a:cxn>
                <a:cxn ang="T153">
                  <a:pos x="T98" y="T99"/>
                </a:cxn>
                <a:cxn ang="T154">
                  <a:pos x="T100" y="T101"/>
                </a:cxn>
                <a:cxn ang="T155">
                  <a:pos x="T102" y="T103"/>
                </a:cxn>
              </a:cxnLst>
              <a:rect l="T156" t="T157" r="T158" b="T159"/>
              <a:pathLst>
                <a:path w="1277" h="682">
                  <a:moveTo>
                    <a:pt x="120" y="317"/>
                  </a:moveTo>
                  <a:lnTo>
                    <a:pt x="129" y="323"/>
                  </a:lnTo>
                  <a:lnTo>
                    <a:pt x="127" y="329"/>
                  </a:lnTo>
                  <a:lnTo>
                    <a:pt x="120" y="317"/>
                  </a:lnTo>
                  <a:close/>
                  <a:moveTo>
                    <a:pt x="1277" y="242"/>
                  </a:moveTo>
                  <a:lnTo>
                    <a:pt x="1271" y="253"/>
                  </a:lnTo>
                  <a:lnTo>
                    <a:pt x="1269" y="249"/>
                  </a:lnTo>
                  <a:lnTo>
                    <a:pt x="1277" y="242"/>
                  </a:lnTo>
                  <a:close/>
                  <a:moveTo>
                    <a:pt x="806" y="515"/>
                  </a:moveTo>
                  <a:lnTo>
                    <a:pt x="801" y="528"/>
                  </a:lnTo>
                  <a:lnTo>
                    <a:pt x="801" y="518"/>
                  </a:lnTo>
                  <a:lnTo>
                    <a:pt x="806" y="515"/>
                  </a:lnTo>
                  <a:close/>
                  <a:moveTo>
                    <a:pt x="439" y="659"/>
                  </a:moveTo>
                  <a:lnTo>
                    <a:pt x="443" y="672"/>
                  </a:lnTo>
                  <a:lnTo>
                    <a:pt x="442" y="682"/>
                  </a:lnTo>
                  <a:lnTo>
                    <a:pt x="439" y="659"/>
                  </a:lnTo>
                  <a:close/>
                  <a:moveTo>
                    <a:pt x="120" y="638"/>
                  </a:moveTo>
                  <a:lnTo>
                    <a:pt x="126" y="629"/>
                  </a:lnTo>
                  <a:lnTo>
                    <a:pt x="137" y="628"/>
                  </a:lnTo>
                  <a:lnTo>
                    <a:pt x="139" y="631"/>
                  </a:lnTo>
                  <a:lnTo>
                    <a:pt x="120" y="638"/>
                  </a:lnTo>
                  <a:close/>
                  <a:moveTo>
                    <a:pt x="171" y="598"/>
                  </a:moveTo>
                  <a:lnTo>
                    <a:pt x="178" y="589"/>
                  </a:lnTo>
                  <a:lnTo>
                    <a:pt x="191" y="594"/>
                  </a:lnTo>
                  <a:lnTo>
                    <a:pt x="188" y="600"/>
                  </a:lnTo>
                  <a:lnTo>
                    <a:pt x="171" y="598"/>
                  </a:lnTo>
                  <a:close/>
                  <a:moveTo>
                    <a:pt x="211" y="562"/>
                  </a:moveTo>
                  <a:lnTo>
                    <a:pt x="222" y="558"/>
                  </a:lnTo>
                  <a:lnTo>
                    <a:pt x="234" y="564"/>
                  </a:lnTo>
                  <a:lnTo>
                    <a:pt x="219" y="572"/>
                  </a:lnTo>
                  <a:lnTo>
                    <a:pt x="211" y="562"/>
                  </a:lnTo>
                  <a:close/>
                  <a:moveTo>
                    <a:pt x="376" y="420"/>
                  </a:moveTo>
                  <a:lnTo>
                    <a:pt x="384" y="418"/>
                  </a:lnTo>
                  <a:lnTo>
                    <a:pt x="414" y="447"/>
                  </a:lnTo>
                  <a:lnTo>
                    <a:pt x="418" y="462"/>
                  </a:lnTo>
                  <a:lnTo>
                    <a:pt x="410" y="473"/>
                  </a:lnTo>
                  <a:lnTo>
                    <a:pt x="418" y="477"/>
                  </a:lnTo>
                  <a:lnTo>
                    <a:pt x="431" y="523"/>
                  </a:lnTo>
                  <a:lnTo>
                    <a:pt x="431" y="538"/>
                  </a:lnTo>
                  <a:lnTo>
                    <a:pt x="417" y="553"/>
                  </a:lnTo>
                  <a:lnTo>
                    <a:pt x="417" y="574"/>
                  </a:lnTo>
                  <a:lnTo>
                    <a:pt x="410" y="569"/>
                  </a:lnTo>
                  <a:lnTo>
                    <a:pt x="406" y="545"/>
                  </a:lnTo>
                  <a:lnTo>
                    <a:pt x="398" y="532"/>
                  </a:lnTo>
                  <a:lnTo>
                    <a:pt x="392" y="533"/>
                  </a:lnTo>
                  <a:lnTo>
                    <a:pt x="380" y="552"/>
                  </a:lnTo>
                  <a:lnTo>
                    <a:pt x="376" y="564"/>
                  </a:lnTo>
                  <a:lnTo>
                    <a:pt x="389" y="587"/>
                  </a:lnTo>
                  <a:lnTo>
                    <a:pt x="380" y="609"/>
                  </a:lnTo>
                  <a:lnTo>
                    <a:pt x="372" y="606"/>
                  </a:lnTo>
                  <a:lnTo>
                    <a:pt x="369" y="591"/>
                  </a:lnTo>
                  <a:lnTo>
                    <a:pt x="354" y="598"/>
                  </a:lnTo>
                  <a:lnTo>
                    <a:pt x="329" y="586"/>
                  </a:lnTo>
                  <a:lnTo>
                    <a:pt x="322" y="579"/>
                  </a:lnTo>
                  <a:lnTo>
                    <a:pt x="312" y="545"/>
                  </a:lnTo>
                  <a:lnTo>
                    <a:pt x="322" y="525"/>
                  </a:lnTo>
                  <a:lnTo>
                    <a:pt x="296" y="507"/>
                  </a:lnTo>
                  <a:lnTo>
                    <a:pt x="291" y="507"/>
                  </a:lnTo>
                  <a:lnTo>
                    <a:pt x="285" y="525"/>
                  </a:lnTo>
                  <a:lnTo>
                    <a:pt x="274" y="521"/>
                  </a:lnTo>
                  <a:lnTo>
                    <a:pt x="274" y="515"/>
                  </a:lnTo>
                  <a:lnTo>
                    <a:pt x="261" y="530"/>
                  </a:lnTo>
                  <a:lnTo>
                    <a:pt x="256" y="513"/>
                  </a:lnTo>
                  <a:lnTo>
                    <a:pt x="249" y="513"/>
                  </a:lnTo>
                  <a:lnTo>
                    <a:pt x="239" y="523"/>
                  </a:lnTo>
                  <a:lnTo>
                    <a:pt x="228" y="549"/>
                  </a:lnTo>
                  <a:lnTo>
                    <a:pt x="219" y="549"/>
                  </a:lnTo>
                  <a:lnTo>
                    <a:pt x="217" y="540"/>
                  </a:lnTo>
                  <a:lnTo>
                    <a:pt x="225" y="507"/>
                  </a:lnTo>
                  <a:lnTo>
                    <a:pt x="234" y="498"/>
                  </a:lnTo>
                  <a:lnTo>
                    <a:pt x="261" y="491"/>
                  </a:lnTo>
                  <a:lnTo>
                    <a:pt x="262" y="482"/>
                  </a:lnTo>
                  <a:lnTo>
                    <a:pt x="282" y="467"/>
                  </a:lnTo>
                  <a:lnTo>
                    <a:pt x="299" y="473"/>
                  </a:lnTo>
                  <a:lnTo>
                    <a:pt x="304" y="482"/>
                  </a:lnTo>
                  <a:lnTo>
                    <a:pt x="298" y="499"/>
                  </a:lnTo>
                  <a:lnTo>
                    <a:pt x="316" y="491"/>
                  </a:lnTo>
                  <a:lnTo>
                    <a:pt x="324" y="477"/>
                  </a:lnTo>
                  <a:lnTo>
                    <a:pt x="332" y="473"/>
                  </a:lnTo>
                  <a:lnTo>
                    <a:pt x="339" y="474"/>
                  </a:lnTo>
                  <a:lnTo>
                    <a:pt x="349" y="456"/>
                  </a:lnTo>
                  <a:lnTo>
                    <a:pt x="359" y="459"/>
                  </a:lnTo>
                  <a:lnTo>
                    <a:pt x="380" y="451"/>
                  </a:lnTo>
                  <a:lnTo>
                    <a:pt x="376" y="420"/>
                  </a:lnTo>
                  <a:close/>
                  <a:moveTo>
                    <a:pt x="101" y="343"/>
                  </a:moveTo>
                  <a:lnTo>
                    <a:pt x="106" y="343"/>
                  </a:lnTo>
                  <a:lnTo>
                    <a:pt x="107" y="357"/>
                  </a:lnTo>
                  <a:lnTo>
                    <a:pt x="107" y="388"/>
                  </a:lnTo>
                  <a:lnTo>
                    <a:pt x="73" y="413"/>
                  </a:lnTo>
                  <a:lnTo>
                    <a:pt x="70" y="425"/>
                  </a:lnTo>
                  <a:lnTo>
                    <a:pt x="30" y="462"/>
                  </a:lnTo>
                  <a:lnTo>
                    <a:pt x="5" y="481"/>
                  </a:lnTo>
                  <a:lnTo>
                    <a:pt x="0" y="479"/>
                  </a:lnTo>
                  <a:lnTo>
                    <a:pt x="8" y="459"/>
                  </a:lnTo>
                  <a:lnTo>
                    <a:pt x="30" y="442"/>
                  </a:lnTo>
                  <a:lnTo>
                    <a:pt x="75" y="394"/>
                  </a:lnTo>
                  <a:lnTo>
                    <a:pt x="89" y="388"/>
                  </a:lnTo>
                  <a:lnTo>
                    <a:pt x="93" y="368"/>
                  </a:lnTo>
                  <a:lnTo>
                    <a:pt x="95" y="371"/>
                  </a:lnTo>
                  <a:lnTo>
                    <a:pt x="98" y="369"/>
                  </a:lnTo>
                  <a:lnTo>
                    <a:pt x="93" y="363"/>
                  </a:lnTo>
                  <a:lnTo>
                    <a:pt x="101" y="343"/>
                  </a:lnTo>
                  <a:close/>
                  <a:moveTo>
                    <a:pt x="304" y="413"/>
                  </a:moveTo>
                  <a:lnTo>
                    <a:pt x="321" y="400"/>
                  </a:lnTo>
                  <a:lnTo>
                    <a:pt x="338" y="401"/>
                  </a:lnTo>
                  <a:lnTo>
                    <a:pt x="333" y="422"/>
                  </a:lnTo>
                  <a:lnTo>
                    <a:pt x="310" y="425"/>
                  </a:lnTo>
                  <a:lnTo>
                    <a:pt x="304" y="413"/>
                  </a:lnTo>
                  <a:close/>
                  <a:moveTo>
                    <a:pt x="312" y="351"/>
                  </a:moveTo>
                  <a:lnTo>
                    <a:pt x="312" y="388"/>
                  </a:lnTo>
                  <a:lnTo>
                    <a:pt x="302" y="397"/>
                  </a:lnTo>
                  <a:lnTo>
                    <a:pt x="285" y="431"/>
                  </a:lnTo>
                  <a:lnTo>
                    <a:pt x="281" y="413"/>
                  </a:lnTo>
                  <a:lnTo>
                    <a:pt x="312" y="351"/>
                  </a:lnTo>
                  <a:close/>
                  <a:moveTo>
                    <a:pt x="325" y="337"/>
                  </a:moveTo>
                  <a:lnTo>
                    <a:pt x="330" y="343"/>
                  </a:lnTo>
                  <a:lnTo>
                    <a:pt x="350" y="343"/>
                  </a:lnTo>
                  <a:lnTo>
                    <a:pt x="358" y="352"/>
                  </a:lnTo>
                  <a:lnTo>
                    <a:pt x="358" y="374"/>
                  </a:lnTo>
                  <a:lnTo>
                    <a:pt x="367" y="396"/>
                  </a:lnTo>
                  <a:lnTo>
                    <a:pt x="358" y="396"/>
                  </a:lnTo>
                  <a:lnTo>
                    <a:pt x="358" y="405"/>
                  </a:lnTo>
                  <a:lnTo>
                    <a:pt x="347" y="394"/>
                  </a:lnTo>
                  <a:lnTo>
                    <a:pt x="342" y="364"/>
                  </a:lnTo>
                  <a:lnTo>
                    <a:pt x="332" y="366"/>
                  </a:lnTo>
                  <a:lnTo>
                    <a:pt x="325" y="337"/>
                  </a:lnTo>
                  <a:close/>
                  <a:moveTo>
                    <a:pt x="262" y="368"/>
                  </a:moveTo>
                  <a:lnTo>
                    <a:pt x="271" y="363"/>
                  </a:lnTo>
                  <a:lnTo>
                    <a:pt x="288" y="366"/>
                  </a:lnTo>
                  <a:lnTo>
                    <a:pt x="288" y="374"/>
                  </a:lnTo>
                  <a:lnTo>
                    <a:pt x="274" y="413"/>
                  </a:lnTo>
                  <a:lnTo>
                    <a:pt x="274" y="447"/>
                  </a:lnTo>
                  <a:lnTo>
                    <a:pt x="268" y="451"/>
                  </a:lnTo>
                  <a:lnTo>
                    <a:pt x="239" y="420"/>
                  </a:lnTo>
                  <a:lnTo>
                    <a:pt x="240" y="409"/>
                  </a:lnTo>
                  <a:lnTo>
                    <a:pt x="254" y="405"/>
                  </a:lnTo>
                  <a:lnTo>
                    <a:pt x="262" y="368"/>
                  </a:lnTo>
                  <a:close/>
                  <a:moveTo>
                    <a:pt x="215" y="320"/>
                  </a:moveTo>
                  <a:lnTo>
                    <a:pt x="225" y="320"/>
                  </a:lnTo>
                  <a:lnTo>
                    <a:pt x="239" y="334"/>
                  </a:lnTo>
                  <a:lnTo>
                    <a:pt x="270" y="337"/>
                  </a:lnTo>
                  <a:lnTo>
                    <a:pt x="266" y="355"/>
                  </a:lnTo>
                  <a:lnTo>
                    <a:pt x="248" y="374"/>
                  </a:lnTo>
                  <a:lnTo>
                    <a:pt x="225" y="381"/>
                  </a:lnTo>
                  <a:lnTo>
                    <a:pt x="219" y="388"/>
                  </a:lnTo>
                  <a:lnTo>
                    <a:pt x="217" y="368"/>
                  </a:lnTo>
                  <a:lnTo>
                    <a:pt x="222" y="334"/>
                  </a:lnTo>
                  <a:lnTo>
                    <a:pt x="215" y="320"/>
                  </a:lnTo>
                  <a:close/>
                  <a:moveTo>
                    <a:pt x="325" y="289"/>
                  </a:moveTo>
                  <a:lnTo>
                    <a:pt x="358" y="286"/>
                  </a:lnTo>
                  <a:lnTo>
                    <a:pt x="369" y="292"/>
                  </a:lnTo>
                  <a:lnTo>
                    <a:pt x="380" y="303"/>
                  </a:lnTo>
                  <a:lnTo>
                    <a:pt x="380" y="334"/>
                  </a:lnTo>
                  <a:lnTo>
                    <a:pt x="392" y="357"/>
                  </a:lnTo>
                  <a:lnTo>
                    <a:pt x="369" y="355"/>
                  </a:lnTo>
                  <a:lnTo>
                    <a:pt x="354" y="338"/>
                  </a:lnTo>
                  <a:lnTo>
                    <a:pt x="356" y="327"/>
                  </a:lnTo>
                  <a:lnTo>
                    <a:pt x="338" y="310"/>
                  </a:lnTo>
                  <a:lnTo>
                    <a:pt x="325" y="289"/>
                  </a:lnTo>
                  <a:close/>
                  <a:moveTo>
                    <a:pt x="276" y="287"/>
                  </a:moveTo>
                  <a:lnTo>
                    <a:pt x="310" y="312"/>
                  </a:lnTo>
                  <a:lnTo>
                    <a:pt x="313" y="325"/>
                  </a:lnTo>
                  <a:lnTo>
                    <a:pt x="298" y="317"/>
                  </a:lnTo>
                  <a:lnTo>
                    <a:pt x="290" y="306"/>
                  </a:lnTo>
                  <a:lnTo>
                    <a:pt x="274" y="313"/>
                  </a:lnTo>
                  <a:lnTo>
                    <a:pt x="276" y="287"/>
                  </a:lnTo>
                  <a:close/>
                  <a:moveTo>
                    <a:pt x="239" y="293"/>
                  </a:moveTo>
                  <a:lnTo>
                    <a:pt x="244" y="292"/>
                  </a:lnTo>
                  <a:lnTo>
                    <a:pt x="249" y="300"/>
                  </a:lnTo>
                  <a:lnTo>
                    <a:pt x="239" y="293"/>
                  </a:lnTo>
                  <a:close/>
                  <a:moveTo>
                    <a:pt x="219" y="293"/>
                  </a:moveTo>
                  <a:lnTo>
                    <a:pt x="219" y="284"/>
                  </a:lnTo>
                  <a:lnTo>
                    <a:pt x="223" y="284"/>
                  </a:lnTo>
                  <a:lnTo>
                    <a:pt x="220" y="309"/>
                  </a:lnTo>
                  <a:lnTo>
                    <a:pt x="219" y="293"/>
                  </a:lnTo>
                  <a:close/>
                  <a:moveTo>
                    <a:pt x="211" y="252"/>
                  </a:moveTo>
                  <a:lnTo>
                    <a:pt x="211" y="242"/>
                  </a:lnTo>
                  <a:lnTo>
                    <a:pt x="223" y="244"/>
                  </a:lnTo>
                  <a:lnTo>
                    <a:pt x="222" y="258"/>
                  </a:lnTo>
                  <a:lnTo>
                    <a:pt x="211" y="252"/>
                  </a:lnTo>
                  <a:close/>
                  <a:moveTo>
                    <a:pt x="214" y="173"/>
                  </a:moveTo>
                  <a:lnTo>
                    <a:pt x="219" y="171"/>
                  </a:lnTo>
                  <a:lnTo>
                    <a:pt x="220" y="186"/>
                  </a:lnTo>
                  <a:lnTo>
                    <a:pt x="215" y="188"/>
                  </a:lnTo>
                  <a:lnTo>
                    <a:pt x="214" y="173"/>
                  </a:lnTo>
                  <a:close/>
                  <a:moveTo>
                    <a:pt x="231" y="9"/>
                  </a:moveTo>
                  <a:lnTo>
                    <a:pt x="234" y="13"/>
                  </a:lnTo>
                  <a:lnTo>
                    <a:pt x="227" y="29"/>
                  </a:lnTo>
                  <a:lnTo>
                    <a:pt x="227" y="55"/>
                  </a:lnTo>
                  <a:lnTo>
                    <a:pt x="240" y="72"/>
                  </a:lnTo>
                  <a:lnTo>
                    <a:pt x="240" y="81"/>
                  </a:lnTo>
                  <a:lnTo>
                    <a:pt x="225" y="120"/>
                  </a:lnTo>
                  <a:lnTo>
                    <a:pt x="205" y="131"/>
                  </a:lnTo>
                  <a:lnTo>
                    <a:pt x="197" y="154"/>
                  </a:lnTo>
                  <a:lnTo>
                    <a:pt x="191" y="157"/>
                  </a:lnTo>
                  <a:lnTo>
                    <a:pt x="203" y="186"/>
                  </a:lnTo>
                  <a:lnTo>
                    <a:pt x="202" y="199"/>
                  </a:lnTo>
                  <a:lnTo>
                    <a:pt x="206" y="213"/>
                  </a:lnTo>
                  <a:lnTo>
                    <a:pt x="219" y="225"/>
                  </a:lnTo>
                  <a:lnTo>
                    <a:pt x="231" y="224"/>
                  </a:lnTo>
                  <a:lnTo>
                    <a:pt x="228" y="211"/>
                  </a:lnTo>
                  <a:lnTo>
                    <a:pt x="253" y="203"/>
                  </a:lnTo>
                  <a:lnTo>
                    <a:pt x="264" y="211"/>
                  </a:lnTo>
                  <a:lnTo>
                    <a:pt x="273" y="232"/>
                  </a:lnTo>
                  <a:lnTo>
                    <a:pt x="278" y="227"/>
                  </a:lnTo>
                  <a:lnTo>
                    <a:pt x="276" y="219"/>
                  </a:lnTo>
                  <a:lnTo>
                    <a:pt x="304" y="228"/>
                  </a:lnTo>
                  <a:lnTo>
                    <a:pt x="307" y="233"/>
                  </a:lnTo>
                  <a:lnTo>
                    <a:pt x="291" y="241"/>
                  </a:lnTo>
                  <a:lnTo>
                    <a:pt x="293" y="247"/>
                  </a:lnTo>
                  <a:lnTo>
                    <a:pt x="305" y="252"/>
                  </a:lnTo>
                  <a:lnTo>
                    <a:pt x="304" y="262"/>
                  </a:lnTo>
                  <a:lnTo>
                    <a:pt x="315" y="269"/>
                  </a:lnTo>
                  <a:lnTo>
                    <a:pt x="312" y="289"/>
                  </a:lnTo>
                  <a:lnTo>
                    <a:pt x="304" y="278"/>
                  </a:lnTo>
                  <a:lnTo>
                    <a:pt x="310" y="273"/>
                  </a:lnTo>
                  <a:lnTo>
                    <a:pt x="295" y="273"/>
                  </a:lnTo>
                  <a:lnTo>
                    <a:pt x="281" y="264"/>
                  </a:lnTo>
                  <a:lnTo>
                    <a:pt x="273" y="247"/>
                  </a:lnTo>
                  <a:lnTo>
                    <a:pt x="249" y="227"/>
                  </a:lnTo>
                  <a:lnTo>
                    <a:pt x="240" y="225"/>
                  </a:lnTo>
                  <a:lnTo>
                    <a:pt x="251" y="258"/>
                  </a:lnTo>
                  <a:lnTo>
                    <a:pt x="215" y="225"/>
                  </a:lnTo>
                  <a:lnTo>
                    <a:pt x="200" y="225"/>
                  </a:lnTo>
                  <a:lnTo>
                    <a:pt x="188" y="237"/>
                  </a:lnTo>
                  <a:lnTo>
                    <a:pt x="182" y="237"/>
                  </a:lnTo>
                  <a:lnTo>
                    <a:pt x="165" y="227"/>
                  </a:lnTo>
                  <a:lnTo>
                    <a:pt x="161" y="230"/>
                  </a:lnTo>
                  <a:lnTo>
                    <a:pt x="156" y="213"/>
                  </a:lnTo>
                  <a:lnTo>
                    <a:pt x="169" y="188"/>
                  </a:lnTo>
                  <a:lnTo>
                    <a:pt x="156" y="185"/>
                  </a:lnTo>
                  <a:lnTo>
                    <a:pt x="152" y="199"/>
                  </a:lnTo>
                  <a:lnTo>
                    <a:pt x="141" y="185"/>
                  </a:lnTo>
                  <a:lnTo>
                    <a:pt x="135" y="183"/>
                  </a:lnTo>
                  <a:lnTo>
                    <a:pt x="131" y="169"/>
                  </a:lnTo>
                  <a:lnTo>
                    <a:pt x="117" y="115"/>
                  </a:lnTo>
                  <a:lnTo>
                    <a:pt x="126" y="115"/>
                  </a:lnTo>
                  <a:lnTo>
                    <a:pt x="132" y="122"/>
                  </a:lnTo>
                  <a:lnTo>
                    <a:pt x="143" y="120"/>
                  </a:lnTo>
                  <a:lnTo>
                    <a:pt x="146" y="34"/>
                  </a:lnTo>
                  <a:lnTo>
                    <a:pt x="154" y="7"/>
                  </a:lnTo>
                  <a:lnTo>
                    <a:pt x="160" y="0"/>
                  </a:lnTo>
                  <a:lnTo>
                    <a:pt x="185" y="4"/>
                  </a:lnTo>
                  <a:lnTo>
                    <a:pt x="203" y="13"/>
                  </a:lnTo>
                  <a:lnTo>
                    <a:pt x="219" y="12"/>
                  </a:lnTo>
                  <a:lnTo>
                    <a:pt x="220" y="4"/>
                  </a:lnTo>
                  <a:lnTo>
                    <a:pt x="227" y="4"/>
                  </a:lnTo>
                  <a:lnTo>
                    <a:pt x="231" y="9"/>
                  </a:lnTo>
                  <a:close/>
                  <a:moveTo>
                    <a:pt x="144" y="247"/>
                  </a:moveTo>
                  <a:lnTo>
                    <a:pt x="174" y="245"/>
                  </a:lnTo>
                  <a:lnTo>
                    <a:pt x="195" y="259"/>
                  </a:lnTo>
                  <a:lnTo>
                    <a:pt x="198" y="286"/>
                  </a:lnTo>
                  <a:lnTo>
                    <a:pt x="195" y="296"/>
                  </a:lnTo>
                  <a:lnTo>
                    <a:pt x="183" y="304"/>
                  </a:lnTo>
                  <a:lnTo>
                    <a:pt x="173" y="293"/>
                  </a:lnTo>
                  <a:lnTo>
                    <a:pt x="160" y="258"/>
                  </a:lnTo>
                  <a:lnTo>
                    <a:pt x="144" y="247"/>
                  </a:lnTo>
                  <a:close/>
                  <a:moveTo>
                    <a:pt x="123" y="300"/>
                  </a:moveTo>
                  <a:lnTo>
                    <a:pt x="139" y="312"/>
                  </a:lnTo>
                  <a:lnTo>
                    <a:pt x="127" y="310"/>
                  </a:lnTo>
                  <a:lnTo>
                    <a:pt x="123" y="30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32" name="Freeform 71"/>
            <p:cNvSpPr>
              <a:spLocks noChangeAspect="1" noEditPoints="1"/>
            </p:cNvSpPr>
            <p:nvPr/>
          </p:nvSpPr>
          <p:spPr bwMode="gray">
            <a:xfrm>
              <a:off x="8186738" y="4205288"/>
              <a:ext cx="334963" cy="207963"/>
            </a:xfrm>
            <a:custGeom>
              <a:avLst/>
              <a:gdLst>
                <a:gd name="T0" fmla="*/ 0 w 690"/>
                <a:gd name="T1" fmla="*/ 6 h 430"/>
                <a:gd name="T2" fmla="*/ 0 w 690"/>
                <a:gd name="T3" fmla="*/ 10 h 430"/>
                <a:gd name="T4" fmla="*/ 3 w 690"/>
                <a:gd name="T5" fmla="*/ 9 h 430"/>
                <a:gd name="T6" fmla="*/ 4 w 690"/>
                <a:gd name="T7" fmla="*/ 9 h 430"/>
                <a:gd name="T8" fmla="*/ 5 w 690"/>
                <a:gd name="T9" fmla="*/ 8 h 430"/>
                <a:gd name="T10" fmla="*/ 8 w 690"/>
                <a:gd name="T11" fmla="*/ 10 h 430"/>
                <a:gd name="T12" fmla="*/ 12 w 690"/>
                <a:gd name="T13" fmla="*/ 12 h 430"/>
                <a:gd name="T14" fmla="*/ 13 w 690"/>
                <a:gd name="T15" fmla="*/ 12 h 430"/>
                <a:gd name="T16" fmla="*/ 13 w 690"/>
                <a:gd name="T17" fmla="*/ 12 h 430"/>
                <a:gd name="T18" fmla="*/ 12 w 690"/>
                <a:gd name="T19" fmla="*/ 11 h 430"/>
                <a:gd name="T20" fmla="*/ 11 w 690"/>
                <a:gd name="T21" fmla="*/ 10 h 430"/>
                <a:gd name="T22" fmla="*/ 10 w 690"/>
                <a:gd name="T23" fmla="*/ 10 h 430"/>
                <a:gd name="T24" fmla="*/ 9 w 690"/>
                <a:gd name="T25" fmla="*/ 9 h 430"/>
                <a:gd name="T26" fmla="*/ 8 w 690"/>
                <a:gd name="T27" fmla="*/ 7 h 430"/>
                <a:gd name="T28" fmla="*/ 9 w 690"/>
                <a:gd name="T29" fmla="*/ 6 h 430"/>
                <a:gd name="T30" fmla="*/ 6 w 690"/>
                <a:gd name="T31" fmla="*/ 4 h 430"/>
                <a:gd name="T32" fmla="*/ 2 w 690"/>
                <a:gd name="T33" fmla="*/ 2 h 430"/>
                <a:gd name="T34" fmla="*/ 18 w 690"/>
                <a:gd name="T35" fmla="*/ 5 h 430"/>
                <a:gd name="T36" fmla="*/ 19 w 690"/>
                <a:gd name="T37" fmla="*/ 7 h 430"/>
                <a:gd name="T38" fmla="*/ 18 w 690"/>
                <a:gd name="T39" fmla="*/ 6 h 430"/>
                <a:gd name="T40" fmla="*/ 13 w 690"/>
                <a:gd name="T41" fmla="*/ 11 h 430"/>
                <a:gd name="T42" fmla="*/ 13 w 690"/>
                <a:gd name="T43" fmla="*/ 11 h 430"/>
                <a:gd name="T44" fmla="*/ 13 w 690"/>
                <a:gd name="T45" fmla="*/ 11 h 430"/>
                <a:gd name="T46" fmla="*/ 13 w 690"/>
                <a:gd name="T47" fmla="*/ 10 h 430"/>
                <a:gd name="T48" fmla="*/ 16 w 690"/>
                <a:gd name="T49" fmla="*/ 10 h 430"/>
                <a:gd name="T50" fmla="*/ 9 w 690"/>
                <a:gd name="T51" fmla="*/ 5 h 430"/>
                <a:gd name="T52" fmla="*/ 9 w 690"/>
                <a:gd name="T53" fmla="*/ 6 h 430"/>
                <a:gd name="T54" fmla="*/ 8 w 690"/>
                <a:gd name="T55" fmla="*/ 5 h 430"/>
                <a:gd name="T56" fmla="*/ 12 w 690"/>
                <a:gd name="T57" fmla="*/ 2 h 430"/>
                <a:gd name="T58" fmla="*/ 12 w 690"/>
                <a:gd name="T59" fmla="*/ 2 h 430"/>
                <a:gd name="T60" fmla="*/ 8 w 690"/>
                <a:gd name="T61" fmla="*/ 1 h 430"/>
                <a:gd name="T62" fmla="*/ 7 w 690"/>
                <a:gd name="T63" fmla="*/ 1 h 430"/>
                <a:gd name="T64" fmla="*/ 12 w 690"/>
                <a:gd name="T65" fmla="*/ 0 h 430"/>
                <a:gd name="T66" fmla="*/ 13 w 690"/>
                <a:gd name="T67" fmla="*/ 2 h 430"/>
                <a:gd name="T68" fmla="*/ 16 w 690"/>
                <a:gd name="T69" fmla="*/ 3 h 430"/>
                <a:gd name="T70" fmla="*/ 16 w 690"/>
                <a:gd name="T71" fmla="*/ 5 h 430"/>
                <a:gd name="T72" fmla="*/ 15 w 690"/>
                <a:gd name="T73" fmla="*/ 3 h 430"/>
                <a:gd name="T74" fmla="*/ 10 w 690"/>
                <a:gd name="T75" fmla="*/ 5 h 430"/>
                <a:gd name="T76" fmla="*/ 12 w 690"/>
                <a:gd name="T77" fmla="*/ 5 h 430"/>
                <a:gd name="T78" fmla="*/ 12 w 690"/>
                <a:gd name="T79" fmla="*/ 5 h 430"/>
                <a:gd name="T80" fmla="*/ 14 w 690"/>
                <a:gd name="T81" fmla="*/ 5 h 430"/>
                <a:gd name="T82" fmla="*/ 15 w 690"/>
                <a:gd name="T83" fmla="*/ 4 h 430"/>
                <a:gd name="T84" fmla="*/ 15 w 690"/>
                <a:gd name="T85" fmla="*/ 5 h 430"/>
                <a:gd name="T86" fmla="*/ 14 w 690"/>
                <a:gd name="T87" fmla="*/ 6 h 430"/>
                <a:gd name="T88" fmla="*/ 11 w 690"/>
                <a:gd name="T89" fmla="*/ 6 h 430"/>
                <a:gd name="T90" fmla="*/ 10 w 690"/>
                <a:gd name="T91" fmla="*/ 5 h 430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690"/>
                <a:gd name="T139" fmla="*/ 0 h 430"/>
                <a:gd name="T140" fmla="*/ 690 w 690"/>
                <a:gd name="T141" fmla="*/ 430 h 430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690" h="430">
                  <a:moveTo>
                    <a:pt x="2" y="57"/>
                  </a:moveTo>
                  <a:lnTo>
                    <a:pt x="3" y="169"/>
                  </a:lnTo>
                  <a:lnTo>
                    <a:pt x="5" y="230"/>
                  </a:lnTo>
                  <a:lnTo>
                    <a:pt x="0" y="250"/>
                  </a:lnTo>
                  <a:lnTo>
                    <a:pt x="6" y="264"/>
                  </a:lnTo>
                  <a:lnTo>
                    <a:pt x="12" y="359"/>
                  </a:lnTo>
                  <a:lnTo>
                    <a:pt x="85" y="363"/>
                  </a:lnTo>
                  <a:lnTo>
                    <a:pt x="110" y="348"/>
                  </a:lnTo>
                  <a:lnTo>
                    <a:pt x="95" y="323"/>
                  </a:lnTo>
                  <a:lnTo>
                    <a:pt x="117" y="314"/>
                  </a:lnTo>
                  <a:lnTo>
                    <a:pt x="119" y="306"/>
                  </a:lnTo>
                  <a:lnTo>
                    <a:pt x="136" y="305"/>
                  </a:lnTo>
                  <a:lnTo>
                    <a:pt x="130" y="286"/>
                  </a:lnTo>
                  <a:lnTo>
                    <a:pt x="146" y="292"/>
                  </a:lnTo>
                  <a:lnTo>
                    <a:pt x="159" y="283"/>
                  </a:lnTo>
                  <a:lnTo>
                    <a:pt x="244" y="318"/>
                  </a:lnTo>
                  <a:lnTo>
                    <a:pt x="263" y="354"/>
                  </a:lnTo>
                  <a:lnTo>
                    <a:pt x="278" y="355"/>
                  </a:lnTo>
                  <a:lnTo>
                    <a:pt x="278" y="365"/>
                  </a:lnTo>
                  <a:lnTo>
                    <a:pt x="314" y="401"/>
                  </a:lnTo>
                  <a:lnTo>
                    <a:pt x="416" y="418"/>
                  </a:lnTo>
                  <a:lnTo>
                    <a:pt x="419" y="427"/>
                  </a:lnTo>
                  <a:lnTo>
                    <a:pt x="432" y="430"/>
                  </a:lnTo>
                  <a:lnTo>
                    <a:pt x="447" y="421"/>
                  </a:lnTo>
                  <a:lnTo>
                    <a:pt x="433" y="414"/>
                  </a:lnTo>
                  <a:lnTo>
                    <a:pt x="449" y="416"/>
                  </a:lnTo>
                  <a:lnTo>
                    <a:pt x="458" y="413"/>
                  </a:lnTo>
                  <a:lnTo>
                    <a:pt x="456" y="410"/>
                  </a:lnTo>
                  <a:lnTo>
                    <a:pt x="435" y="405"/>
                  </a:lnTo>
                  <a:lnTo>
                    <a:pt x="408" y="394"/>
                  </a:lnTo>
                  <a:lnTo>
                    <a:pt x="419" y="384"/>
                  </a:lnTo>
                  <a:lnTo>
                    <a:pt x="381" y="372"/>
                  </a:lnTo>
                  <a:lnTo>
                    <a:pt x="383" y="357"/>
                  </a:lnTo>
                  <a:lnTo>
                    <a:pt x="379" y="354"/>
                  </a:lnTo>
                  <a:lnTo>
                    <a:pt x="359" y="355"/>
                  </a:lnTo>
                  <a:lnTo>
                    <a:pt x="353" y="351"/>
                  </a:lnTo>
                  <a:lnTo>
                    <a:pt x="334" y="328"/>
                  </a:lnTo>
                  <a:lnTo>
                    <a:pt x="334" y="311"/>
                  </a:lnTo>
                  <a:lnTo>
                    <a:pt x="325" y="308"/>
                  </a:lnTo>
                  <a:lnTo>
                    <a:pt x="294" y="283"/>
                  </a:lnTo>
                  <a:lnTo>
                    <a:pt x="281" y="255"/>
                  </a:lnTo>
                  <a:lnTo>
                    <a:pt x="285" y="250"/>
                  </a:lnTo>
                  <a:lnTo>
                    <a:pt x="319" y="247"/>
                  </a:lnTo>
                  <a:lnTo>
                    <a:pt x="320" y="235"/>
                  </a:lnTo>
                  <a:lnTo>
                    <a:pt x="308" y="218"/>
                  </a:lnTo>
                  <a:lnTo>
                    <a:pt x="227" y="190"/>
                  </a:lnTo>
                  <a:lnTo>
                    <a:pt x="226" y="170"/>
                  </a:lnTo>
                  <a:lnTo>
                    <a:pt x="212" y="150"/>
                  </a:lnTo>
                  <a:lnTo>
                    <a:pt x="170" y="125"/>
                  </a:lnTo>
                  <a:lnTo>
                    <a:pt x="158" y="111"/>
                  </a:lnTo>
                  <a:lnTo>
                    <a:pt x="70" y="85"/>
                  </a:lnTo>
                  <a:lnTo>
                    <a:pt x="2" y="57"/>
                  </a:lnTo>
                  <a:close/>
                  <a:moveTo>
                    <a:pt x="634" y="187"/>
                  </a:moveTo>
                  <a:lnTo>
                    <a:pt x="645" y="189"/>
                  </a:lnTo>
                  <a:lnTo>
                    <a:pt x="688" y="233"/>
                  </a:lnTo>
                  <a:lnTo>
                    <a:pt x="690" y="249"/>
                  </a:lnTo>
                  <a:lnTo>
                    <a:pt x="676" y="252"/>
                  </a:lnTo>
                  <a:lnTo>
                    <a:pt x="661" y="243"/>
                  </a:lnTo>
                  <a:lnTo>
                    <a:pt x="657" y="224"/>
                  </a:lnTo>
                  <a:lnTo>
                    <a:pt x="636" y="203"/>
                  </a:lnTo>
                  <a:lnTo>
                    <a:pt x="634" y="187"/>
                  </a:lnTo>
                  <a:close/>
                  <a:moveTo>
                    <a:pt x="456" y="388"/>
                  </a:moveTo>
                  <a:lnTo>
                    <a:pt x="464" y="396"/>
                  </a:lnTo>
                  <a:lnTo>
                    <a:pt x="475" y="397"/>
                  </a:lnTo>
                  <a:lnTo>
                    <a:pt x="475" y="404"/>
                  </a:lnTo>
                  <a:lnTo>
                    <a:pt x="469" y="404"/>
                  </a:lnTo>
                  <a:lnTo>
                    <a:pt x="456" y="388"/>
                  </a:lnTo>
                  <a:close/>
                  <a:moveTo>
                    <a:pt x="441" y="368"/>
                  </a:moveTo>
                  <a:lnTo>
                    <a:pt x="459" y="376"/>
                  </a:lnTo>
                  <a:lnTo>
                    <a:pt x="461" y="384"/>
                  </a:lnTo>
                  <a:lnTo>
                    <a:pt x="444" y="380"/>
                  </a:lnTo>
                  <a:lnTo>
                    <a:pt x="441" y="368"/>
                  </a:lnTo>
                  <a:close/>
                  <a:moveTo>
                    <a:pt x="537" y="350"/>
                  </a:moveTo>
                  <a:lnTo>
                    <a:pt x="552" y="360"/>
                  </a:lnTo>
                  <a:lnTo>
                    <a:pt x="552" y="365"/>
                  </a:lnTo>
                  <a:lnTo>
                    <a:pt x="547" y="365"/>
                  </a:lnTo>
                  <a:lnTo>
                    <a:pt x="537" y="350"/>
                  </a:lnTo>
                  <a:close/>
                  <a:moveTo>
                    <a:pt x="315" y="193"/>
                  </a:moveTo>
                  <a:lnTo>
                    <a:pt x="327" y="196"/>
                  </a:lnTo>
                  <a:lnTo>
                    <a:pt x="329" y="204"/>
                  </a:lnTo>
                  <a:lnTo>
                    <a:pt x="323" y="204"/>
                  </a:lnTo>
                  <a:lnTo>
                    <a:pt x="315" y="193"/>
                  </a:lnTo>
                  <a:close/>
                  <a:moveTo>
                    <a:pt x="281" y="179"/>
                  </a:moveTo>
                  <a:lnTo>
                    <a:pt x="289" y="186"/>
                  </a:lnTo>
                  <a:lnTo>
                    <a:pt x="286" y="189"/>
                  </a:lnTo>
                  <a:lnTo>
                    <a:pt x="281" y="179"/>
                  </a:lnTo>
                  <a:close/>
                  <a:moveTo>
                    <a:pt x="416" y="52"/>
                  </a:moveTo>
                  <a:lnTo>
                    <a:pt x="433" y="49"/>
                  </a:lnTo>
                  <a:lnTo>
                    <a:pt x="438" y="59"/>
                  </a:lnTo>
                  <a:lnTo>
                    <a:pt x="427" y="62"/>
                  </a:lnTo>
                  <a:lnTo>
                    <a:pt x="416" y="52"/>
                  </a:lnTo>
                  <a:close/>
                  <a:moveTo>
                    <a:pt x="260" y="31"/>
                  </a:moveTo>
                  <a:lnTo>
                    <a:pt x="283" y="31"/>
                  </a:lnTo>
                  <a:lnTo>
                    <a:pt x="278" y="40"/>
                  </a:lnTo>
                  <a:lnTo>
                    <a:pt x="269" y="37"/>
                  </a:lnTo>
                  <a:lnTo>
                    <a:pt x="263" y="42"/>
                  </a:lnTo>
                  <a:lnTo>
                    <a:pt x="260" y="31"/>
                  </a:lnTo>
                  <a:close/>
                  <a:moveTo>
                    <a:pt x="396" y="0"/>
                  </a:moveTo>
                  <a:lnTo>
                    <a:pt x="405" y="8"/>
                  </a:lnTo>
                  <a:lnTo>
                    <a:pt x="402" y="12"/>
                  </a:lnTo>
                  <a:lnTo>
                    <a:pt x="396" y="0"/>
                  </a:lnTo>
                  <a:close/>
                  <a:moveTo>
                    <a:pt x="456" y="59"/>
                  </a:moveTo>
                  <a:lnTo>
                    <a:pt x="500" y="86"/>
                  </a:lnTo>
                  <a:lnTo>
                    <a:pt x="510" y="88"/>
                  </a:lnTo>
                  <a:lnTo>
                    <a:pt x="544" y="118"/>
                  </a:lnTo>
                  <a:lnTo>
                    <a:pt x="554" y="118"/>
                  </a:lnTo>
                  <a:lnTo>
                    <a:pt x="564" y="136"/>
                  </a:lnTo>
                  <a:lnTo>
                    <a:pt x="555" y="157"/>
                  </a:lnTo>
                  <a:lnTo>
                    <a:pt x="547" y="157"/>
                  </a:lnTo>
                  <a:lnTo>
                    <a:pt x="537" y="118"/>
                  </a:lnTo>
                  <a:lnTo>
                    <a:pt x="527" y="103"/>
                  </a:lnTo>
                  <a:lnTo>
                    <a:pt x="456" y="63"/>
                  </a:lnTo>
                  <a:lnTo>
                    <a:pt x="456" y="59"/>
                  </a:lnTo>
                  <a:close/>
                  <a:moveTo>
                    <a:pt x="339" y="190"/>
                  </a:moveTo>
                  <a:lnTo>
                    <a:pt x="344" y="187"/>
                  </a:lnTo>
                  <a:lnTo>
                    <a:pt x="381" y="195"/>
                  </a:lnTo>
                  <a:lnTo>
                    <a:pt x="407" y="190"/>
                  </a:lnTo>
                  <a:lnTo>
                    <a:pt x="413" y="187"/>
                  </a:lnTo>
                  <a:lnTo>
                    <a:pt x="422" y="170"/>
                  </a:lnTo>
                  <a:lnTo>
                    <a:pt x="421" y="187"/>
                  </a:lnTo>
                  <a:lnTo>
                    <a:pt x="452" y="190"/>
                  </a:lnTo>
                  <a:lnTo>
                    <a:pt x="475" y="170"/>
                  </a:lnTo>
                  <a:lnTo>
                    <a:pt x="495" y="162"/>
                  </a:lnTo>
                  <a:lnTo>
                    <a:pt x="492" y="133"/>
                  </a:lnTo>
                  <a:lnTo>
                    <a:pt x="517" y="131"/>
                  </a:lnTo>
                  <a:lnTo>
                    <a:pt x="527" y="142"/>
                  </a:lnTo>
                  <a:lnTo>
                    <a:pt x="526" y="161"/>
                  </a:lnTo>
                  <a:lnTo>
                    <a:pt x="515" y="167"/>
                  </a:lnTo>
                  <a:lnTo>
                    <a:pt x="517" y="182"/>
                  </a:lnTo>
                  <a:lnTo>
                    <a:pt x="510" y="193"/>
                  </a:lnTo>
                  <a:lnTo>
                    <a:pt x="493" y="193"/>
                  </a:lnTo>
                  <a:lnTo>
                    <a:pt x="481" y="213"/>
                  </a:lnTo>
                  <a:lnTo>
                    <a:pt x="450" y="224"/>
                  </a:lnTo>
                  <a:lnTo>
                    <a:pt x="405" y="229"/>
                  </a:lnTo>
                  <a:lnTo>
                    <a:pt x="395" y="220"/>
                  </a:lnTo>
                  <a:lnTo>
                    <a:pt x="379" y="223"/>
                  </a:lnTo>
                  <a:lnTo>
                    <a:pt x="351" y="207"/>
                  </a:lnTo>
                  <a:lnTo>
                    <a:pt x="339" y="19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33" name="Freeform 72"/>
            <p:cNvSpPr>
              <a:spLocks noChangeAspect="1" noEditPoints="1"/>
            </p:cNvSpPr>
            <p:nvPr/>
          </p:nvSpPr>
          <p:spPr bwMode="gray">
            <a:xfrm>
              <a:off x="8534400" y="4321176"/>
              <a:ext cx="214313" cy="120650"/>
            </a:xfrm>
            <a:custGeom>
              <a:avLst/>
              <a:gdLst>
                <a:gd name="T0" fmla="*/ 4 w 439"/>
                <a:gd name="T1" fmla="*/ 7 h 246"/>
                <a:gd name="T2" fmla="*/ 5 w 439"/>
                <a:gd name="T3" fmla="*/ 7 h 246"/>
                <a:gd name="T4" fmla="*/ 12 w 439"/>
                <a:gd name="T5" fmla="*/ 6 h 246"/>
                <a:gd name="T6" fmla="*/ 13 w 439"/>
                <a:gd name="T7" fmla="*/ 6 h 246"/>
                <a:gd name="T8" fmla="*/ 12 w 439"/>
                <a:gd name="T9" fmla="*/ 6 h 246"/>
                <a:gd name="T10" fmla="*/ 7 w 439"/>
                <a:gd name="T11" fmla="*/ 5 h 246"/>
                <a:gd name="T12" fmla="*/ 8 w 439"/>
                <a:gd name="T13" fmla="*/ 6 h 246"/>
                <a:gd name="T14" fmla="*/ 7 w 439"/>
                <a:gd name="T15" fmla="*/ 6 h 246"/>
                <a:gd name="T16" fmla="*/ 4 w 439"/>
                <a:gd name="T17" fmla="*/ 4 h 246"/>
                <a:gd name="T18" fmla="*/ 6 w 439"/>
                <a:gd name="T19" fmla="*/ 4 h 246"/>
                <a:gd name="T20" fmla="*/ 6 w 439"/>
                <a:gd name="T21" fmla="*/ 5 h 246"/>
                <a:gd name="T22" fmla="*/ 4 w 439"/>
                <a:gd name="T23" fmla="*/ 4 h 246"/>
                <a:gd name="T24" fmla="*/ 5 w 439"/>
                <a:gd name="T25" fmla="*/ 3 h 246"/>
                <a:gd name="T26" fmla="*/ 5 w 439"/>
                <a:gd name="T27" fmla="*/ 3 h 246"/>
                <a:gd name="T28" fmla="*/ 6 w 439"/>
                <a:gd name="T29" fmla="*/ 2 h 246"/>
                <a:gd name="T30" fmla="*/ 6 w 439"/>
                <a:gd name="T31" fmla="*/ 2 h 246"/>
                <a:gd name="T32" fmla="*/ 6 w 439"/>
                <a:gd name="T33" fmla="*/ 3 h 246"/>
                <a:gd name="T34" fmla="*/ 7 w 439"/>
                <a:gd name="T35" fmla="*/ 4 h 246"/>
                <a:gd name="T36" fmla="*/ 6 w 439"/>
                <a:gd name="T37" fmla="*/ 3 h 246"/>
                <a:gd name="T38" fmla="*/ 3 w 439"/>
                <a:gd name="T39" fmla="*/ 1 h 246"/>
                <a:gd name="T40" fmla="*/ 4 w 439"/>
                <a:gd name="T41" fmla="*/ 2 h 246"/>
                <a:gd name="T42" fmla="*/ 3 w 439"/>
                <a:gd name="T43" fmla="*/ 1 h 246"/>
                <a:gd name="T44" fmla="*/ 2 w 439"/>
                <a:gd name="T45" fmla="*/ 2 h 246"/>
                <a:gd name="T46" fmla="*/ 2 w 439"/>
                <a:gd name="T47" fmla="*/ 3 h 246"/>
                <a:gd name="T48" fmla="*/ 1 w 439"/>
                <a:gd name="T49" fmla="*/ 2 h 246"/>
                <a:gd name="T50" fmla="*/ 1 w 439"/>
                <a:gd name="T51" fmla="*/ 3 h 246"/>
                <a:gd name="T52" fmla="*/ 1 w 439"/>
                <a:gd name="T53" fmla="*/ 2 h 246"/>
                <a:gd name="T54" fmla="*/ 2 w 439"/>
                <a:gd name="T55" fmla="*/ 2 h 246"/>
                <a:gd name="T56" fmla="*/ 1 w 439"/>
                <a:gd name="T57" fmla="*/ 2 h 246"/>
                <a:gd name="T58" fmla="*/ 1 w 439"/>
                <a:gd name="T59" fmla="*/ 2 h 246"/>
                <a:gd name="T60" fmla="*/ 1 w 439"/>
                <a:gd name="T61" fmla="*/ 2 h 246"/>
                <a:gd name="T62" fmla="*/ 0 w 439"/>
                <a:gd name="T63" fmla="*/ 1 h 246"/>
                <a:gd name="T64" fmla="*/ 0 w 439"/>
                <a:gd name="T65" fmla="*/ 2 h 246"/>
                <a:gd name="T66" fmla="*/ 0 w 439"/>
                <a:gd name="T67" fmla="*/ 0 h 246"/>
                <a:gd name="T68" fmla="*/ 1 w 439"/>
                <a:gd name="T69" fmla="*/ 1 h 246"/>
                <a:gd name="T70" fmla="*/ 0 w 439"/>
                <a:gd name="T71" fmla="*/ 0 h 24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439"/>
                <a:gd name="T109" fmla="*/ 0 h 246"/>
                <a:gd name="T110" fmla="*/ 439 w 439"/>
                <a:gd name="T111" fmla="*/ 246 h 246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439" h="246">
                  <a:moveTo>
                    <a:pt x="156" y="243"/>
                  </a:moveTo>
                  <a:lnTo>
                    <a:pt x="154" y="240"/>
                  </a:lnTo>
                  <a:lnTo>
                    <a:pt x="161" y="237"/>
                  </a:lnTo>
                  <a:lnTo>
                    <a:pt x="173" y="246"/>
                  </a:lnTo>
                  <a:lnTo>
                    <a:pt x="156" y="243"/>
                  </a:lnTo>
                  <a:close/>
                  <a:moveTo>
                    <a:pt x="422" y="195"/>
                  </a:moveTo>
                  <a:lnTo>
                    <a:pt x="427" y="189"/>
                  </a:lnTo>
                  <a:lnTo>
                    <a:pt x="437" y="190"/>
                  </a:lnTo>
                  <a:lnTo>
                    <a:pt x="439" y="194"/>
                  </a:lnTo>
                  <a:lnTo>
                    <a:pt x="427" y="198"/>
                  </a:lnTo>
                  <a:lnTo>
                    <a:pt x="422" y="195"/>
                  </a:lnTo>
                  <a:close/>
                  <a:moveTo>
                    <a:pt x="227" y="167"/>
                  </a:moveTo>
                  <a:lnTo>
                    <a:pt x="258" y="178"/>
                  </a:lnTo>
                  <a:lnTo>
                    <a:pt x="269" y="194"/>
                  </a:lnTo>
                  <a:lnTo>
                    <a:pt x="266" y="197"/>
                  </a:lnTo>
                  <a:lnTo>
                    <a:pt x="247" y="190"/>
                  </a:lnTo>
                  <a:lnTo>
                    <a:pt x="227" y="167"/>
                  </a:lnTo>
                  <a:close/>
                  <a:moveTo>
                    <a:pt x="142" y="124"/>
                  </a:moveTo>
                  <a:lnTo>
                    <a:pt x="178" y="127"/>
                  </a:lnTo>
                  <a:lnTo>
                    <a:pt x="201" y="143"/>
                  </a:lnTo>
                  <a:lnTo>
                    <a:pt x="201" y="150"/>
                  </a:lnTo>
                  <a:lnTo>
                    <a:pt x="196" y="153"/>
                  </a:lnTo>
                  <a:lnTo>
                    <a:pt x="161" y="150"/>
                  </a:lnTo>
                  <a:lnTo>
                    <a:pt x="142" y="135"/>
                  </a:lnTo>
                  <a:lnTo>
                    <a:pt x="142" y="124"/>
                  </a:lnTo>
                  <a:close/>
                  <a:moveTo>
                    <a:pt x="170" y="110"/>
                  </a:moveTo>
                  <a:lnTo>
                    <a:pt x="178" y="109"/>
                  </a:lnTo>
                  <a:lnTo>
                    <a:pt x="181" y="118"/>
                  </a:lnTo>
                  <a:lnTo>
                    <a:pt x="170" y="110"/>
                  </a:lnTo>
                  <a:close/>
                  <a:moveTo>
                    <a:pt x="195" y="84"/>
                  </a:moveTo>
                  <a:lnTo>
                    <a:pt x="196" y="80"/>
                  </a:lnTo>
                  <a:lnTo>
                    <a:pt x="201" y="84"/>
                  </a:lnTo>
                  <a:lnTo>
                    <a:pt x="208" y="101"/>
                  </a:lnTo>
                  <a:lnTo>
                    <a:pt x="222" y="118"/>
                  </a:lnTo>
                  <a:lnTo>
                    <a:pt x="222" y="124"/>
                  </a:lnTo>
                  <a:lnTo>
                    <a:pt x="230" y="126"/>
                  </a:lnTo>
                  <a:lnTo>
                    <a:pt x="233" y="139"/>
                  </a:lnTo>
                  <a:lnTo>
                    <a:pt x="210" y="121"/>
                  </a:lnTo>
                  <a:lnTo>
                    <a:pt x="195" y="84"/>
                  </a:lnTo>
                  <a:close/>
                  <a:moveTo>
                    <a:pt x="94" y="43"/>
                  </a:moveTo>
                  <a:lnTo>
                    <a:pt x="148" y="72"/>
                  </a:lnTo>
                  <a:lnTo>
                    <a:pt x="154" y="85"/>
                  </a:lnTo>
                  <a:lnTo>
                    <a:pt x="108" y="59"/>
                  </a:lnTo>
                  <a:lnTo>
                    <a:pt x="94" y="43"/>
                  </a:lnTo>
                  <a:close/>
                  <a:moveTo>
                    <a:pt x="68" y="93"/>
                  </a:moveTo>
                  <a:lnTo>
                    <a:pt x="72" y="88"/>
                  </a:lnTo>
                  <a:lnTo>
                    <a:pt x="72" y="93"/>
                  </a:lnTo>
                  <a:lnTo>
                    <a:pt x="68" y="93"/>
                  </a:lnTo>
                  <a:close/>
                  <a:moveTo>
                    <a:pt x="37" y="90"/>
                  </a:moveTo>
                  <a:lnTo>
                    <a:pt x="40" y="84"/>
                  </a:lnTo>
                  <a:lnTo>
                    <a:pt x="40" y="93"/>
                  </a:lnTo>
                  <a:lnTo>
                    <a:pt x="37" y="90"/>
                  </a:lnTo>
                  <a:close/>
                  <a:moveTo>
                    <a:pt x="35" y="73"/>
                  </a:moveTo>
                  <a:lnTo>
                    <a:pt x="37" y="65"/>
                  </a:lnTo>
                  <a:lnTo>
                    <a:pt x="47" y="64"/>
                  </a:lnTo>
                  <a:lnTo>
                    <a:pt x="59" y="77"/>
                  </a:lnTo>
                  <a:lnTo>
                    <a:pt x="63" y="87"/>
                  </a:lnTo>
                  <a:lnTo>
                    <a:pt x="35" y="73"/>
                  </a:lnTo>
                  <a:close/>
                  <a:moveTo>
                    <a:pt x="29" y="59"/>
                  </a:moveTo>
                  <a:lnTo>
                    <a:pt x="30" y="67"/>
                  </a:lnTo>
                  <a:lnTo>
                    <a:pt x="27" y="68"/>
                  </a:lnTo>
                  <a:lnTo>
                    <a:pt x="23" y="55"/>
                  </a:lnTo>
                  <a:lnTo>
                    <a:pt x="29" y="59"/>
                  </a:lnTo>
                  <a:close/>
                  <a:moveTo>
                    <a:pt x="3" y="42"/>
                  </a:moveTo>
                  <a:lnTo>
                    <a:pt x="13" y="51"/>
                  </a:lnTo>
                  <a:lnTo>
                    <a:pt x="10" y="60"/>
                  </a:lnTo>
                  <a:lnTo>
                    <a:pt x="3" y="42"/>
                  </a:lnTo>
                  <a:close/>
                  <a:moveTo>
                    <a:pt x="0" y="0"/>
                  </a:moveTo>
                  <a:lnTo>
                    <a:pt x="21" y="9"/>
                  </a:lnTo>
                  <a:lnTo>
                    <a:pt x="47" y="31"/>
                  </a:lnTo>
                  <a:lnTo>
                    <a:pt x="20" y="25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34" name="Freeform 73"/>
            <p:cNvSpPr>
              <a:spLocks noChangeAspect="1" noEditPoints="1"/>
            </p:cNvSpPr>
            <p:nvPr/>
          </p:nvSpPr>
          <p:spPr bwMode="gray">
            <a:xfrm>
              <a:off x="8756650" y="4505326"/>
              <a:ext cx="61913" cy="115888"/>
            </a:xfrm>
            <a:custGeom>
              <a:avLst/>
              <a:gdLst>
                <a:gd name="T0" fmla="*/ 0 w 128"/>
                <a:gd name="T1" fmla="*/ 0 h 234"/>
                <a:gd name="T2" fmla="*/ 0 w 128"/>
                <a:gd name="T3" fmla="*/ 1 h 234"/>
                <a:gd name="T4" fmla="*/ 1 w 128"/>
                <a:gd name="T5" fmla="*/ 0 h 234"/>
                <a:gd name="T6" fmla="*/ 1 w 128"/>
                <a:gd name="T7" fmla="*/ 1 h 234"/>
                <a:gd name="T8" fmla="*/ 0 w 128"/>
                <a:gd name="T9" fmla="*/ 1 h 234"/>
                <a:gd name="T10" fmla="*/ 0 w 128"/>
                <a:gd name="T11" fmla="*/ 0 h 234"/>
                <a:gd name="T12" fmla="*/ 3 w 128"/>
                <a:gd name="T13" fmla="*/ 7 h 234"/>
                <a:gd name="T14" fmla="*/ 4 w 128"/>
                <a:gd name="T15" fmla="*/ 7 h 234"/>
                <a:gd name="T16" fmla="*/ 4 w 128"/>
                <a:gd name="T17" fmla="*/ 7 h 234"/>
                <a:gd name="T18" fmla="*/ 3 w 128"/>
                <a:gd name="T19" fmla="*/ 7 h 234"/>
                <a:gd name="T20" fmla="*/ 3 w 128"/>
                <a:gd name="T21" fmla="*/ 7 h 234"/>
                <a:gd name="T22" fmla="*/ 3 w 128"/>
                <a:gd name="T23" fmla="*/ 6 h 234"/>
                <a:gd name="T24" fmla="*/ 3 w 128"/>
                <a:gd name="T25" fmla="*/ 6 h 234"/>
                <a:gd name="T26" fmla="*/ 3 w 128"/>
                <a:gd name="T27" fmla="*/ 6 h 234"/>
                <a:gd name="T28" fmla="*/ 3 w 128"/>
                <a:gd name="T29" fmla="*/ 6 h 234"/>
                <a:gd name="T30" fmla="*/ 3 w 128"/>
                <a:gd name="T31" fmla="*/ 6 h 234"/>
                <a:gd name="T32" fmla="*/ 3 w 128"/>
                <a:gd name="T33" fmla="*/ 6 h 234"/>
                <a:gd name="T34" fmla="*/ 3 w 128"/>
                <a:gd name="T35" fmla="*/ 6 h 234"/>
                <a:gd name="T36" fmla="*/ 2 w 128"/>
                <a:gd name="T37" fmla="*/ 4 h 234"/>
                <a:gd name="T38" fmla="*/ 2 w 128"/>
                <a:gd name="T39" fmla="*/ 4 h 234"/>
                <a:gd name="T40" fmla="*/ 2 w 128"/>
                <a:gd name="T41" fmla="*/ 4 h 234"/>
                <a:gd name="T42" fmla="*/ 2 w 128"/>
                <a:gd name="T43" fmla="*/ 4 h 234"/>
                <a:gd name="T44" fmla="*/ 2 w 128"/>
                <a:gd name="T45" fmla="*/ 4 h 234"/>
                <a:gd name="T46" fmla="*/ 2 w 128"/>
                <a:gd name="T47" fmla="*/ 2 h 234"/>
                <a:gd name="T48" fmla="*/ 2 w 128"/>
                <a:gd name="T49" fmla="*/ 2 h 234"/>
                <a:gd name="T50" fmla="*/ 2 w 128"/>
                <a:gd name="T51" fmla="*/ 2 h 234"/>
                <a:gd name="T52" fmla="*/ 2 w 128"/>
                <a:gd name="T53" fmla="*/ 2 h 234"/>
                <a:gd name="T54" fmla="*/ 2 w 128"/>
                <a:gd name="T55" fmla="*/ 2 h 234"/>
                <a:gd name="T56" fmla="*/ 2 w 128"/>
                <a:gd name="T57" fmla="*/ 1 h 234"/>
                <a:gd name="T58" fmla="*/ 2 w 128"/>
                <a:gd name="T59" fmla="*/ 2 h 234"/>
                <a:gd name="T60" fmla="*/ 2 w 128"/>
                <a:gd name="T61" fmla="*/ 1 h 234"/>
                <a:gd name="T62" fmla="*/ 1 w 128"/>
                <a:gd name="T63" fmla="*/ 2 h 234"/>
                <a:gd name="T64" fmla="*/ 2 w 128"/>
                <a:gd name="T65" fmla="*/ 2 h 234"/>
                <a:gd name="T66" fmla="*/ 2 w 128"/>
                <a:gd name="T67" fmla="*/ 2 h 234"/>
                <a:gd name="T68" fmla="*/ 1 w 128"/>
                <a:gd name="T69" fmla="*/ 2 h 234"/>
                <a:gd name="T70" fmla="*/ 1 w 128"/>
                <a:gd name="T71" fmla="*/ 2 h 234"/>
                <a:gd name="T72" fmla="*/ 1 w 128"/>
                <a:gd name="T73" fmla="*/ 2 h 234"/>
                <a:gd name="T74" fmla="*/ 1 w 128"/>
                <a:gd name="T75" fmla="*/ 2 h 234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w 128"/>
                <a:gd name="T115" fmla="*/ 0 h 234"/>
                <a:gd name="T116" fmla="*/ 128 w 128"/>
                <a:gd name="T117" fmla="*/ 234 h 234"/>
              </a:gdLst>
              <a:ahLst/>
              <a:cxnLst>
                <a:cxn ang="T76">
                  <a:pos x="T0" y="T1"/>
                </a:cxn>
                <a:cxn ang="T77">
                  <a:pos x="T2" y="T3"/>
                </a:cxn>
                <a:cxn ang="T78">
                  <a:pos x="T4" y="T5"/>
                </a:cxn>
                <a:cxn ang="T79">
                  <a:pos x="T6" y="T7"/>
                </a:cxn>
                <a:cxn ang="T80">
                  <a:pos x="T8" y="T9"/>
                </a:cxn>
                <a:cxn ang="T81">
                  <a:pos x="T10" y="T11"/>
                </a:cxn>
                <a:cxn ang="T82">
                  <a:pos x="T12" y="T13"/>
                </a:cxn>
                <a:cxn ang="T83">
                  <a:pos x="T14" y="T15"/>
                </a:cxn>
                <a:cxn ang="T84">
                  <a:pos x="T16" y="T17"/>
                </a:cxn>
                <a:cxn ang="T85">
                  <a:pos x="T18" y="T19"/>
                </a:cxn>
                <a:cxn ang="T86">
                  <a:pos x="T20" y="T21"/>
                </a:cxn>
                <a:cxn ang="T87">
                  <a:pos x="T22" y="T23"/>
                </a:cxn>
                <a:cxn ang="T88">
                  <a:pos x="T24" y="T25"/>
                </a:cxn>
                <a:cxn ang="T89">
                  <a:pos x="T26" y="T27"/>
                </a:cxn>
                <a:cxn ang="T90">
                  <a:pos x="T28" y="T29"/>
                </a:cxn>
                <a:cxn ang="T91">
                  <a:pos x="T30" y="T31"/>
                </a:cxn>
                <a:cxn ang="T92">
                  <a:pos x="T32" y="T33"/>
                </a:cxn>
                <a:cxn ang="T93">
                  <a:pos x="T34" y="T35"/>
                </a:cxn>
                <a:cxn ang="T94">
                  <a:pos x="T36" y="T37"/>
                </a:cxn>
                <a:cxn ang="T95">
                  <a:pos x="T38" y="T39"/>
                </a:cxn>
                <a:cxn ang="T96">
                  <a:pos x="T40" y="T41"/>
                </a:cxn>
                <a:cxn ang="T97">
                  <a:pos x="T42" y="T43"/>
                </a:cxn>
                <a:cxn ang="T98">
                  <a:pos x="T44" y="T45"/>
                </a:cxn>
                <a:cxn ang="T99">
                  <a:pos x="T46" y="T47"/>
                </a:cxn>
                <a:cxn ang="T100">
                  <a:pos x="T48" y="T49"/>
                </a:cxn>
                <a:cxn ang="T101">
                  <a:pos x="T50" y="T51"/>
                </a:cxn>
                <a:cxn ang="T102">
                  <a:pos x="T52" y="T53"/>
                </a:cxn>
                <a:cxn ang="T103">
                  <a:pos x="T54" y="T55"/>
                </a:cxn>
                <a:cxn ang="T104">
                  <a:pos x="T56" y="T57"/>
                </a:cxn>
                <a:cxn ang="T105">
                  <a:pos x="T58" y="T59"/>
                </a:cxn>
                <a:cxn ang="T106">
                  <a:pos x="T60" y="T61"/>
                </a:cxn>
                <a:cxn ang="T107">
                  <a:pos x="T62" y="T63"/>
                </a:cxn>
                <a:cxn ang="T108">
                  <a:pos x="T64" y="T65"/>
                </a:cxn>
                <a:cxn ang="T109">
                  <a:pos x="T66" y="T67"/>
                </a:cxn>
                <a:cxn ang="T110">
                  <a:pos x="T68" y="T69"/>
                </a:cxn>
                <a:cxn ang="T111">
                  <a:pos x="T70" y="T71"/>
                </a:cxn>
                <a:cxn ang="T112">
                  <a:pos x="T72" y="T73"/>
                </a:cxn>
                <a:cxn ang="T113">
                  <a:pos x="T74" y="T75"/>
                </a:cxn>
              </a:cxnLst>
              <a:rect l="T114" t="T115" r="T116" b="T117"/>
              <a:pathLst>
                <a:path w="128" h="234">
                  <a:moveTo>
                    <a:pt x="0" y="0"/>
                  </a:moveTo>
                  <a:lnTo>
                    <a:pt x="8" y="22"/>
                  </a:lnTo>
                  <a:lnTo>
                    <a:pt x="22" y="14"/>
                  </a:lnTo>
                  <a:lnTo>
                    <a:pt x="25" y="38"/>
                  </a:lnTo>
                  <a:lnTo>
                    <a:pt x="9" y="42"/>
                  </a:lnTo>
                  <a:lnTo>
                    <a:pt x="0" y="0"/>
                  </a:lnTo>
                  <a:close/>
                  <a:moveTo>
                    <a:pt x="121" y="223"/>
                  </a:moveTo>
                  <a:lnTo>
                    <a:pt x="128" y="228"/>
                  </a:lnTo>
                  <a:lnTo>
                    <a:pt x="127" y="234"/>
                  </a:lnTo>
                  <a:lnTo>
                    <a:pt x="119" y="228"/>
                  </a:lnTo>
                  <a:lnTo>
                    <a:pt x="121" y="223"/>
                  </a:lnTo>
                  <a:close/>
                  <a:moveTo>
                    <a:pt x="110" y="187"/>
                  </a:moveTo>
                  <a:lnTo>
                    <a:pt x="114" y="187"/>
                  </a:lnTo>
                  <a:lnTo>
                    <a:pt x="118" y="203"/>
                  </a:lnTo>
                  <a:lnTo>
                    <a:pt x="111" y="197"/>
                  </a:lnTo>
                  <a:lnTo>
                    <a:pt x="110" y="187"/>
                  </a:lnTo>
                  <a:lnTo>
                    <a:pt x="111" y="197"/>
                  </a:lnTo>
                  <a:lnTo>
                    <a:pt x="110" y="187"/>
                  </a:lnTo>
                  <a:close/>
                  <a:moveTo>
                    <a:pt x="84" y="135"/>
                  </a:moveTo>
                  <a:lnTo>
                    <a:pt x="90" y="144"/>
                  </a:lnTo>
                  <a:lnTo>
                    <a:pt x="77" y="146"/>
                  </a:lnTo>
                  <a:lnTo>
                    <a:pt x="76" y="140"/>
                  </a:lnTo>
                  <a:lnTo>
                    <a:pt x="84" y="135"/>
                  </a:lnTo>
                  <a:close/>
                  <a:moveTo>
                    <a:pt x="71" y="65"/>
                  </a:moveTo>
                  <a:lnTo>
                    <a:pt x="77" y="77"/>
                  </a:lnTo>
                  <a:lnTo>
                    <a:pt x="68" y="77"/>
                  </a:lnTo>
                  <a:lnTo>
                    <a:pt x="62" y="72"/>
                  </a:lnTo>
                  <a:lnTo>
                    <a:pt x="71" y="65"/>
                  </a:lnTo>
                  <a:close/>
                  <a:moveTo>
                    <a:pt x="73" y="36"/>
                  </a:moveTo>
                  <a:lnTo>
                    <a:pt x="76" y="56"/>
                  </a:lnTo>
                  <a:lnTo>
                    <a:pt x="73" y="36"/>
                  </a:lnTo>
                  <a:close/>
                  <a:moveTo>
                    <a:pt x="26" y="55"/>
                  </a:moveTo>
                  <a:lnTo>
                    <a:pt x="50" y="76"/>
                  </a:lnTo>
                  <a:lnTo>
                    <a:pt x="52" y="84"/>
                  </a:lnTo>
                  <a:lnTo>
                    <a:pt x="39" y="84"/>
                  </a:lnTo>
                  <a:lnTo>
                    <a:pt x="35" y="64"/>
                  </a:lnTo>
                  <a:lnTo>
                    <a:pt x="28" y="62"/>
                  </a:lnTo>
                  <a:lnTo>
                    <a:pt x="26" y="5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35" name="Freeform 74"/>
            <p:cNvSpPr>
              <a:spLocks noChangeAspect="1" noEditPoints="1"/>
            </p:cNvSpPr>
            <p:nvPr/>
          </p:nvSpPr>
          <p:spPr bwMode="gray">
            <a:xfrm>
              <a:off x="8701088" y="4633913"/>
              <a:ext cx="88900" cy="55563"/>
            </a:xfrm>
            <a:custGeom>
              <a:avLst/>
              <a:gdLst>
                <a:gd name="T0" fmla="*/ 2 w 185"/>
                <a:gd name="T1" fmla="*/ 2 h 110"/>
                <a:gd name="T2" fmla="*/ 1 w 185"/>
                <a:gd name="T3" fmla="*/ 2 h 110"/>
                <a:gd name="T4" fmla="*/ 0 w 185"/>
                <a:gd name="T5" fmla="*/ 0 h 110"/>
                <a:gd name="T6" fmla="*/ 0 w 185"/>
                <a:gd name="T7" fmla="*/ 0 h 110"/>
                <a:gd name="T8" fmla="*/ 1 w 185"/>
                <a:gd name="T9" fmla="*/ 0 h 110"/>
                <a:gd name="T10" fmla="*/ 1 w 185"/>
                <a:gd name="T11" fmla="*/ 0 h 110"/>
                <a:gd name="T12" fmla="*/ 1 w 185"/>
                <a:gd name="T13" fmla="*/ 1 h 110"/>
                <a:gd name="T14" fmla="*/ 2 w 185"/>
                <a:gd name="T15" fmla="*/ 1 h 110"/>
                <a:gd name="T16" fmla="*/ 2 w 185"/>
                <a:gd name="T17" fmla="*/ 2 h 110"/>
                <a:gd name="T18" fmla="*/ 2 w 185"/>
                <a:gd name="T19" fmla="*/ 2 h 110"/>
                <a:gd name="T20" fmla="*/ 3 w 185"/>
                <a:gd name="T21" fmla="*/ 2 h 110"/>
                <a:gd name="T22" fmla="*/ 3 w 185"/>
                <a:gd name="T23" fmla="*/ 3 h 110"/>
                <a:gd name="T24" fmla="*/ 4 w 185"/>
                <a:gd name="T25" fmla="*/ 3 h 110"/>
                <a:gd name="T26" fmla="*/ 4 w 185"/>
                <a:gd name="T27" fmla="*/ 3 h 110"/>
                <a:gd name="T28" fmla="*/ 4 w 185"/>
                <a:gd name="T29" fmla="*/ 4 h 110"/>
                <a:gd name="T30" fmla="*/ 3 w 185"/>
                <a:gd name="T31" fmla="*/ 3 h 110"/>
                <a:gd name="T32" fmla="*/ 3 w 185"/>
                <a:gd name="T33" fmla="*/ 3 h 110"/>
                <a:gd name="T34" fmla="*/ 3 w 185"/>
                <a:gd name="T35" fmla="*/ 3 h 110"/>
                <a:gd name="T36" fmla="*/ 2 w 185"/>
                <a:gd name="T37" fmla="*/ 2 h 110"/>
                <a:gd name="T38" fmla="*/ 2 w 185"/>
                <a:gd name="T39" fmla="*/ 2 h 110"/>
                <a:gd name="T40" fmla="*/ 5 w 185"/>
                <a:gd name="T41" fmla="*/ 2 h 110"/>
                <a:gd name="T42" fmla="*/ 5 w 185"/>
                <a:gd name="T43" fmla="*/ 2 h 110"/>
                <a:gd name="T44" fmla="*/ 5 w 185"/>
                <a:gd name="T45" fmla="*/ 2 h 110"/>
                <a:gd name="T46" fmla="*/ 5 w 185"/>
                <a:gd name="T47" fmla="*/ 2 h 110"/>
                <a:gd name="T48" fmla="*/ 5 w 185"/>
                <a:gd name="T49" fmla="*/ 2 h 110"/>
                <a:gd name="T50" fmla="*/ 4 w 185"/>
                <a:gd name="T51" fmla="*/ 1 h 110"/>
                <a:gd name="T52" fmla="*/ 4 w 185"/>
                <a:gd name="T53" fmla="*/ 1 h 110"/>
                <a:gd name="T54" fmla="*/ 4 w 185"/>
                <a:gd name="T55" fmla="*/ 2 h 110"/>
                <a:gd name="T56" fmla="*/ 4 w 185"/>
                <a:gd name="T57" fmla="*/ 1 h 110"/>
                <a:gd name="T58" fmla="*/ 4 w 185"/>
                <a:gd name="T59" fmla="*/ 1 h 110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85"/>
                <a:gd name="T91" fmla="*/ 0 h 110"/>
                <a:gd name="T92" fmla="*/ 185 w 185"/>
                <a:gd name="T93" fmla="*/ 110 h 110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85" h="110">
                  <a:moveTo>
                    <a:pt x="51" y="57"/>
                  </a:moveTo>
                  <a:lnTo>
                    <a:pt x="33" y="49"/>
                  </a:lnTo>
                  <a:lnTo>
                    <a:pt x="5" y="14"/>
                  </a:lnTo>
                  <a:lnTo>
                    <a:pt x="0" y="0"/>
                  </a:lnTo>
                  <a:lnTo>
                    <a:pt x="17" y="1"/>
                  </a:lnTo>
                  <a:lnTo>
                    <a:pt x="34" y="12"/>
                  </a:lnTo>
                  <a:lnTo>
                    <a:pt x="38" y="20"/>
                  </a:lnTo>
                  <a:lnTo>
                    <a:pt x="50" y="23"/>
                  </a:lnTo>
                  <a:lnTo>
                    <a:pt x="64" y="48"/>
                  </a:lnTo>
                  <a:lnTo>
                    <a:pt x="85" y="68"/>
                  </a:lnTo>
                  <a:lnTo>
                    <a:pt x="104" y="71"/>
                  </a:lnTo>
                  <a:lnTo>
                    <a:pt x="121" y="90"/>
                  </a:lnTo>
                  <a:lnTo>
                    <a:pt x="132" y="94"/>
                  </a:lnTo>
                  <a:lnTo>
                    <a:pt x="135" y="102"/>
                  </a:lnTo>
                  <a:lnTo>
                    <a:pt x="127" y="110"/>
                  </a:lnTo>
                  <a:lnTo>
                    <a:pt x="118" y="99"/>
                  </a:lnTo>
                  <a:lnTo>
                    <a:pt x="99" y="94"/>
                  </a:lnTo>
                  <a:lnTo>
                    <a:pt x="95" y="86"/>
                  </a:lnTo>
                  <a:lnTo>
                    <a:pt x="56" y="68"/>
                  </a:lnTo>
                  <a:lnTo>
                    <a:pt x="51" y="57"/>
                  </a:lnTo>
                  <a:close/>
                  <a:moveTo>
                    <a:pt x="175" y="59"/>
                  </a:moveTo>
                  <a:lnTo>
                    <a:pt x="185" y="59"/>
                  </a:lnTo>
                  <a:lnTo>
                    <a:pt x="185" y="69"/>
                  </a:lnTo>
                  <a:lnTo>
                    <a:pt x="180" y="68"/>
                  </a:lnTo>
                  <a:lnTo>
                    <a:pt x="175" y="59"/>
                  </a:lnTo>
                  <a:close/>
                  <a:moveTo>
                    <a:pt x="143" y="27"/>
                  </a:moveTo>
                  <a:lnTo>
                    <a:pt x="149" y="29"/>
                  </a:lnTo>
                  <a:lnTo>
                    <a:pt x="155" y="46"/>
                  </a:lnTo>
                  <a:lnTo>
                    <a:pt x="143" y="40"/>
                  </a:lnTo>
                  <a:lnTo>
                    <a:pt x="143" y="2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36" name="Freeform 75"/>
            <p:cNvSpPr>
              <a:spLocks noChangeAspect="1" noEditPoints="1"/>
            </p:cNvSpPr>
            <p:nvPr/>
          </p:nvSpPr>
          <p:spPr bwMode="gray">
            <a:xfrm>
              <a:off x="8996363" y="4538663"/>
              <a:ext cx="60325" cy="49213"/>
            </a:xfrm>
            <a:custGeom>
              <a:avLst/>
              <a:gdLst>
                <a:gd name="T0" fmla="*/ 1 w 124"/>
                <a:gd name="T1" fmla="*/ 2 h 101"/>
                <a:gd name="T2" fmla="*/ 1 w 124"/>
                <a:gd name="T3" fmla="*/ 2 h 101"/>
                <a:gd name="T4" fmla="*/ 2 w 124"/>
                <a:gd name="T5" fmla="*/ 2 h 101"/>
                <a:gd name="T6" fmla="*/ 2 w 124"/>
                <a:gd name="T7" fmla="*/ 3 h 101"/>
                <a:gd name="T8" fmla="*/ 1 w 124"/>
                <a:gd name="T9" fmla="*/ 3 h 101"/>
                <a:gd name="T10" fmla="*/ 0 w 124"/>
                <a:gd name="T11" fmla="*/ 3 h 101"/>
                <a:gd name="T12" fmla="*/ 0 w 124"/>
                <a:gd name="T13" fmla="*/ 2 h 101"/>
                <a:gd name="T14" fmla="*/ 0 w 124"/>
                <a:gd name="T15" fmla="*/ 2 h 101"/>
                <a:gd name="T16" fmla="*/ 1 w 124"/>
                <a:gd name="T17" fmla="*/ 2 h 101"/>
                <a:gd name="T18" fmla="*/ 2 w 124"/>
                <a:gd name="T19" fmla="*/ 0 h 101"/>
                <a:gd name="T20" fmla="*/ 2 w 124"/>
                <a:gd name="T21" fmla="*/ 1 h 101"/>
                <a:gd name="T22" fmla="*/ 3 w 124"/>
                <a:gd name="T23" fmla="*/ 0 h 101"/>
                <a:gd name="T24" fmla="*/ 4 w 124"/>
                <a:gd name="T25" fmla="*/ 0 h 101"/>
                <a:gd name="T26" fmla="*/ 3 w 124"/>
                <a:gd name="T27" fmla="*/ 0 h 101"/>
                <a:gd name="T28" fmla="*/ 3 w 124"/>
                <a:gd name="T29" fmla="*/ 1 h 101"/>
                <a:gd name="T30" fmla="*/ 3 w 124"/>
                <a:gd name="T31" fmla="*/ 1 h 101"/>
                <a:gd name="T32" fmla="*/ 3 w 124"/>
                <a:gd name="T33" fmla="*/ 1 h 101"/>
                <a:gd name="T34" fmla="*/ 2 w 124"/>
                <a:gd name="T35" fmla="*/ 1 h 101"/>
                <a:gd name="T36" fmla="*/ 2 w 124"/>
                <a:gd name="T37" fmla="*/ 1 h 101"/>
                <a:gd name="T38" fmla="*/ 2 w 124"/>
                <a:gd name="T39" fmla="*/ 1 h 101"/>
                <a:gd name="T40" fmla="*/ 2 w 124"/>
                <a:gd name="T41" fmla="*/ 1 h 101"/>
                <a:gd name="T42" fmla="*/ 2 w 124"/>
                <a:gd name="T43" fmla="*/ 0 h 101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w 124"/>
                <a:gd name="T67" fmla="*/ 0 h 101"/>
                <a:gd name="T68" fmla="*/ 124 w 124"/>
                <a:gd name="T69" fmla="*/ 101 h 101"/>
              </a:gdLst>
              <a:ahLst/>
              <a:cxnLst>
                <a:cxn ang="T44">
                  <a:pos x="T0" y="T1"/>
                </a:cxn>
                <a:cxn ang="T45">
                  <a:pos x="T2" y="T3"/>
                </a:cxn>
                <a:cxn ang="T46">
                  <a:pos x="T4" y="T5"/>
                </a:cxn>
                <a:cxn ang="T47">
                  <a:pos x="T6" y="T7"/>
                </a:cxn>
                <a:cxn ang="T48">
                  <a:pos x="T8" y="T9"/>
                </a:cxn>
                <a:cxn ang="T49">
                  <a:pos x="T10" y="T11"/>
                </a:cxn>
                <a:cxn ang="T50">
                  <a:pos x="T12" y="T13"/>
                </a:cxn>
                <a:cxn ang="T51">
                  <a:pos x="T14" y="T15"/>
                </a:cxn>
                <a:cxn ang="T52">
                  <a:pos x="T16" y="T17"/>
                </a:cxn>
                <a:cxn ang="T53">
                  <a:pos x="T18" y="T19"/>
                </a:cxn>
                <a:cxn ang="T54">
                  <a:pos x="T20" y="T21"/>
                </a:cxn>
                <a:cxn ang="T55">
                  <a:pos x="T22" y="T23"/>
                </a:cxn>
                <a:cxn ang="T56">
                  <a:pos x="T24" y="T25"/>
                </a:cxn>
                <a:cxn ang="T57">
                  <a:pos x="T26" y="T27"/>
                </a:cxn>
                <a:cxn ang="T58">
                  <a:pos x="T28" y="T29"/>
                </a:cxn>
                <a:cxn ang="T59">
                  <a:pos x="T30" y="T31"/>
                </a:cxn>
                <a:cxn ang="T60">
                  <a:pos x="T32" y="T33"/>
                </a:cxn>
                <a:cxn ang="T61">
                  <a:pos x="T34" y="T35"/>
                </a:cxn>
                <a:cxn ang="T62">
                  <a:pos x="T36" y="T37"/>
                </a:cxn>
                <a:cxn ang="T63">
                  <a:pos x="T38" y="T39"/>
                </a:cxn>
                <a:cxn ang="T64">
                  <a:pos x="T40" y="T41"/>
                </a:cxn>
                <a:cxn ang="T65">
                  <a:pos x="T42" y="T43"/>
                </a:cxn>
              </a:cxnLst>
              <a:rect l="T66" t="T67" r="T68" b="T69"/>
              <a:pathLst>
                <a:path w="124" h="101">
                  <a:moveTo>
                    <a:pt x="31" y="59"/>
                  </a:moveTo>
                  <a:lnTo>
                    <a:pt x="40" y="58"/>
                  </a:lnTo>
                  <a:lnTo>
                    <a:pt x="53" y="67"/>
                  </a:lnTo>
                  <a:lnTo>
                    <a:pt x="59" y="93"/>
                  </a:lnTo>
                  <a:lnTo>
                    <a:pt x="34" y="101"/>
                  </a:lnTo>
                  <a:lnTo>
                    <a:pt x="0" y="90"/>
                  </a:lnTo>
                  <a:lnTo>
                    <a:pt x="3" y="72"/>
                  </a:lnTo>
                  <a:lnTo>
                    <a:pt x="14" y="64"/>
                  </a:lnTo>
                  <a:lnTo>
                    <a:pt x="31" y="59"/>
                  </a:lnTo>
                  <a:close/>
                  <a:moveTo>
                    <a:pt x="74" y="14"/>
                  </a:moveTo>
                  <a:lnTo>
                    <a:pt x="79" y="17"/>
                  </a:lnTo>
                  <a:lnTo>
                    <a:pt x="107" y="4"/>
                  </a:lnTo>
                  <a:lnTo>
                    <a:pt x="124" y="0"/>
                  </a:lnTo>
                  <a:lnTo>
                    <a:pt x="117" y="14"/>
                  </a:lnTo>
                  <a:lnTo>
                    <a:pt x="119" y="30"/>
                  </a:lnTo>
                  <a:lnTo>
                    <a:pt x="93" y="30"/>
                  </a:lnTo>
                  <a:lnTo>
                    <a:pt x="90" y="24"/>
                  </a:lnTo>
                  <a:lnTo>
                    <a:pt x="82" y="36"/>
                  </a:lnTo>
                  <a:lnTo>
                    <a:pt x="70" y="39"/>
                  </a:lnTo>
                  <a:lnTo>
                    <a:pt x="56" y="30"/>
                  </a:lnTo>
                  <a:lnTo>
                    <a:pt x="56" y="24"/>
                  </a:lnTo>
                  <a:lnTo>
                    <a:pt x="74" y="1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37" name="Freeform 76"/>
            <p:cNvSpPr>
              <a:spLocks noChangeAspect="1" noEditPoints="1"/>
            </p:cNvSpPr>
            <p:nvPr/>
          </p:nvSpPr>
          <p:spPr bwMode="gray">
            <a:xfrm>
              <a:off x="8745538" y="4994276"/>
              <a:ext cx="279400" cy="504825"/>
            </a:xfrm>
            <a:custGeom>
              <a:avLst/>
              <a:gdLst>
                <a:gd name="T0" fmla="*/ 0 w 575"/>
                <a:gd name="T1" fmla="*/ 30 h 1037"/>
                <a:gd name="T2" fmla="*/ 9 w 575"/>
                <a:gd name="T3" fmla="*/ 0 h 1037"/>
                <a:gd name="T4" fmla="*/ 10 w 575"/>
                <a:gd name="T5" fmla="*/ 1 h 1037"/>
                <a:gd name="T6" fmla="*/ 11 w 575"/>
                <a:gd name="T7" fmla="*/ 1 h 1037"/>
                <a:gd name="T8" fmla="*/ 11 w 575"/>
                <a:gd name="T9" fmla="*/ 2 h 1037"/>
                <a:gd name="T10" fmla="*/ 12 w 575"/>
                <a:gd name="T11" fmla="*/ 3 h 1037"/>
                <a:gd name="T12" fmla="*/ 12 w 575"/>
                <a:gd name="T13" fmla="*/ 5 h 1037"/>
                <a:gd name="T14" fmla="*/ 12 w 575"/>
                <a:gd name="T15" fmla="*/ 3 h 1037"/>
                <a:gd name="T16" fmla="*/ 13 w 575"/>
                <a:gd name="T17" fmla="*/ 5 h 1037"/>
                <a:gd name="T18" fmla="*/ 16 w 575"/>
                <a:gd name="T19" fmla="*/ 5 h 1037"/>
                <a:gd name="T20" fmla="*/ 16 w 575"/>
                <a:gd name="T21" fmla="*/ 7 h 1037"/>
                <a:gd name="T22" fmla="*/ 16 w 575"/>
                <a:gd name="T23" fmla="*/ 8 h 1037"/>
                <a:gd name="T24" fmla="*/ 14 w 575"/>
                <a:gd name="T25" fmla="*/ 8 h 1037"/>
                <a:gd name="T26" fmla="*/ 14 w 575"/>
                <a:gd name="T27" fmla="*/ 10 h 1037"/>
                <a:gd name="T28" fmla="*/ 13 w 575"/>
                <a:gd name="T29" fmla="*/ 12 h 1037"/>
                <a:gd name="T30" fmla="*/ 12 w 575"/>
                <a:gd name="T31" fmla="*/ 11 h 1037"/>
                <a:gd name="T32" fmla="*/ 12 w 575"/>
                <a:gd name="T33" fmla="*/ 10 h 1037"/>
                <a:gd name="T34" fmla="*/ 11 w 575"/>
                <a:gd name="T35" fmla="*/ 9 h 1037"/>
                <a:gd name="T36" fmla="*/ 11 w 575"/>
                <a:gd name="T37" fmla="*/ 8 h 1037"/>
                <a:gd name="T38" fmla="*/ 12 w 575"/>
                <a:gd name="T39" fmla="*/ 6 h 1037"/>
                <a:gd name="T40" fmla="*/ 12 w 575"/>
                <a:gd name="T41" fmla="*/ 4 h 1037"/>
                <a:gd name="T42" fmla="*/ 11 w 575"/>
                <a:gd name="T43" fmla="*/ 3 h 1037"/>
                <a:gd name="T44" fmla="*/ 11 w 575"/>
                <a:gd name="T45" fmla="*/ 3 h 1037"/>
                <a:gd name="T46" fmla="*/ 11 w 575"/>
                <a:gd name="T47" fmla="*/ 3 h 1037"/>
                <a:gd name="T48" fmla="*/ 10 w 575"/>
                <a:gd name="T49" fmla="*/ 2 h 1037"/>
                <a:gd name="T50" fmla="*/ 9 w 575"/>
                <a:gd name="T51" fmla="*/ 1 h 1037"/>
                <a:gd name="T52" fmla="*/ 8 w 575"/>
                <a:gd name="T53" fmla="*/ 11 h 1037"/>
                <a:gd name="T54" fmla="*/ 9 w 575"/>
                <a:gd name="T55" fmla="*/ 10 h 1037"/>
                <a:gd name="T56" fmla="*/ 9 w 575"/>
                <a:gd name="T57" fmla="*/ 12 h 1037"/>
                <a:gd name="T58" fmla="*/ 10 w 575"/>
                <a:gd name="T59" fmla="*/ 11 h 1037"/>
                <a:gd name="T60" fmla="*/ 11 w 575"/>
                <a:gd name="T61" fmla="*/ 11 h 1037"/>
                <a:gd name="T62" fmla="*/ 11 w 575"/>
                <a:gd name="T63" fmla="*/ 12 h 1037"/>
                <a:gd name="T64" fmla="*/ 10 w 575"/>
                <a:gd name="T65" fmla="*/ 14 h 1037"/>
                <a:gd name="T66" fmla="*/ 9 w 575"/>
                <a:gd name="T67" fmla="*/ 16 h 1037"/>
                <a:gd name="T68" fmla="*/ 9 w 575"/>
                <a:gd name="T69" fmla="*/ 16 h 1037"/>
                <a:gd name="T70" fmla="*/ 7 w 575"/>
                <a:gd name="T71" fmla="*/ 17 h 1037"/>
                <a:gd name="T72" fmla="*/ 6 w 575"/>
                <a:gd name="T73" fmla="*/ 20 h 1037"/>
                <a:gd name="T74" fmla="*/ 5 w 575"/>
                <a:gd name="T75" fmla="*/ 21 h 1037"/>
                <a:gd name="T76" fmla="*/ 3 w 575"/>
                <a:gd name="T77" fmla="*/ 21 h 1037"/>
                <a:gd name="T78" fmla="*/ 2 w 575"/>
                <a:gd name="T79" fmla="*/ 21 h 1037"/>
                <a:gd name="T80" fmla="*/ 1 w 575"/>
                <a:gd name="T81" fmla="*/ 20 h 1037"/>
                <a:gd name="T82" fmla="*/ 1 w 575"/>
                <a:gd name="T83" fmla="*/ 20 h 1037"/>
                <a:gd name="T84" fmla="*/ 1 w 575"/>
                <a:gd name="T85" fmla="*/ 19 h 1037"/>
                <a:gd name="T86" fmla="*/ 1 w 575"/>
                <a:gd name="T87" fmla="*/ 19 h 1037"/>
                <a:gd name="T88" fmla="*/ 2 w 575"/>
                <a:gd name="T89" fmla="*/ 19 h 1037"/>
                <a:gd name="T90" fmla="*/ 2 w 575"/>
                <a:gd name="T91" fmla="*/ 18 h 1037"/>
                <a:gd name="T92" fmla="*/ 3 w 575"/>
                <a:gd name="T93" fmla="*/ 17 h 1037"/>
                <a:gd name="T94" fmla="*/ 7 w 575"/>
                <a:gd name="T95" fmla="*/ 14 h 1037"/>
                <a:gd name="T96" fmla="*/ 8 w 575"/>
                <a:gd name="T97" fmla="*/ 11 h 1037"/>
                <a:gd name="T98" fmla="*/ 3 w 575"/>
                <a:gd name="T99" fmla="*/ 22 h 1037"/>
                <a:gd name="T100" fmla="*/ 2 w 575"/>
                <a:gd name="T101" fmla="*/ 21 h 1037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575"/>
                <a:gd name="T154" fmla="*/ 0 h 1037"/>
                <a:gd name="T155" fmla="*/ 575 w 575"/>
                <a:gd name="T156" fmla="*/ 1037 h 1037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575" h="1037">
                  <a:moveTo>
                    <a:pt x="12" y="1014"/>
                  </a:moveTo>
                  <a:lnTo>
                    <a:pt x="15" y="1034"/>
                  </a:lnTo>
                  <a:lnTo>
                    <a:pt x="0" y="1037"/>
                  </a:lnTo>
                  <a:lnTo>
                    <a:pt x="1" y="1026"/>
                  </a:lnTo>
                  <a:lnTo>
                    <a:pt x="12" y="1014"/>
                  </a:lnTo>
                  <a:close/>
                  <a:moveTo>
                    <a:pt x="318" y="0"/>
                  </a:moveTo>
                  <a:lnTo>
                    <a:pt x="323" y="0"/>
                  </a:lnTo>
                  <a:lnTo>
                    <a:pt x="332" y="30"/>
                  </a:lnTo>
                  <a:lnTo>
                    <a:pt x="340" y="24"/>
                  </a:lnTo>
                  <a:lnTo>
                    <a:pt x="340" y="30"/>
                  </a:lnTo>
                  <a:lnTo>
                    <a:pt x="366" y="34"/>
                  </a:lnTo>
                  <a:lnTo>
                    <a:pt x="374" y="41"/>
                  </a:lnTo>
                  <a:lnTo>
                    <a:pt x="368" y="42"/>
                  </a:lnTo>
                  <a:lnTo>
                    <a:pt x="383" y="50"/>
                  </a:lnTo>
                  <a:lnTo>
                    <a:pt x="396" y="80"/>
                  </a:lnTo>
                  <a:lnTo>
                    <a:pt x="383" y="75"/>
                  </a:lnTo>
                  <a:lnTo>
                    <a:pt x="385" y="81"/>
                  </a:lnTo>
                  <a:lnTo>
                    <a:pt x="410" y="114"/>
                  </a:lnTo>
                  <a:lnTo>
                    <a:pt x="403" y="139"/>
                  </a:lnTo>
                  <a:lnTo>
                    <a:pt x="427" y="143"/>
                  </a:lnTo>
                  <a:lnTo>
                    <a:pt x="430" y="156"/>
                  </a:lnTo>
                  <a:lnTo>
                    <a:pt x="436" y="158"/>
                  </a:lnTo>
                  <a:lnTo>
                    <a:pt x="437" y="130"/>
                  </a:lnTo>
                  <a:lnTo>
                    <a:pt x="431" y="118"/>
                  </a:lnTo>
                  <a:lnTo>
                    <a:pt x="436" y="118"/>
                  </a:lnTo>
                  <a:lnTo>
                    <a:pt x="450" y="127"/>
                  </a:lnTo>
                  <a:lnTo>
                    <a:pt x="461" y="180"/>
                  </a:lnTo>
                  <a:lnTo>
                    <a:pt x="513" y="202"/>
                  </a:lnTo>
                  <a:lnTo>
                    <a:pt x="521" y="203"/>
                  </a:lnTo>
                  <a:lnTo>
                    <a:pt x="557" y="175"/>
                  </a:lnTo>
                  <a:lnTo>
                    <a:pt x="575" y="183"/>
                  </a:lnTo>
                  <a:lnTo>
                    <a:pt x="567" y="236"/>
                  </a:lnTo>
                  <a:lnTo>
                    <a:pt x="554" y="244"/>
                  </a:lnTo>
                  <a:lnTo>
                    <a:pt x="554" y="270"/>
                  </a:lnTo>
                  <a:lnTo>
                    <a:pt x="549" y="276"/>
                  </a:lnTo>
                  <a:lnTo>
                    <a:pt x="547" y="266"/>
                  </a:lnTo>
                  <a:lnTo>
                    <a:pt x="537" y="265"/>
                  </a:lnTo>
                  <a:lnTo>
                    <a:pt x="515" y="271"/>
                  </a:lnTo>
                  <a:lnTo>
                    <a:pt x="501" y="290"/>
                  </a:lnTo>
                  <a:lnTo>
                    <a:pt x="510" y="304"/>
                  </a:lnTo>
                  <a:lnTo>
                    <a:pt x="510" y="310"/>
                  </a:lnTo>
                  <a:lnTo>
                    <a:pt x="493" y="346"/>
                  </a:lnTo>
                  <a:lnTo>
                    <a:pt x="456" y="403"/>
                  </a:lnTo>
                  <a:lnTo>
                    <a:pt x="440" y="413"/>
                  </a:lnTo>
                  <a:lnTo>
                    <a:pt x="433" y="415"/>
                  </a:lnTo>
                  <a:lnTo>
                    <a:pt x="423" y="405"/>
                  </a:lnTo>
                  <a:lnTo>
                    <a:pt x="406" y="405"/>
                  </a:lnTo>
                  <a:lnTo>
                    <a:pt x="403" y="398"/>
                  </a:lnTo>
                  <a:lnTo>
                    <a:pt x="403" y="390"/>
                  </a:lnTo>
                  <a:lnTo>
                    <a:pt x="423" y="361"/>
                  </a:lnTo>
                  <a:lnTo>
                    <a:pt x="428" y="342"/>
                  </a:lnTo>
                  <a:lnTo>
                    <a:pt x="425" y="329"/>
                  </a:lnTo>
                  <a:lnTo>
                    <a:pt x="413" y="315"/>
                  </a:lnTo>
                  <a:lnTo>
                    <a:pt x="393" y="308"/>
                  </a:lnTo>
                  <a:lnTo>
                    <a:pt x="360" y="283"/>
                  </a:lnTo>
                  <a:lnTo>
                    <a:pt x="360" y="273"/>
                  </a:lnTo>
                  <a:lnTo>
                    <a:pt x="369" y="265"/>
                  </a:lnTo>
                  <a:lnTo>
                    <a:pt x="396" y="249"/>
                  </a:lnTo>
                  <a:lnTo>
                    <a:pt x="403" y="211"/>
                  </a:lnTo>
                  <a:lnTo>
                    <a:pt x="410" y="208"/>
                  </a:lnTo>
                  <a:lnTo>
                    <a:pt x="410" y="164"/>
                  </a:lnTo>
                  <a:lnTo>
                    <a:pt x="397" y="154"/>
                  </a:lnTo>
                  <a:lnTo>
                    <a:pt x="405" y="143"/>
                  </a:lnTo>
                  <a:lnTo>
                    <a:pt x="393" y="144"/>
                  </a:lnTo>
                  <a:lnTo>
                    <a:pt x="385" y="127"/>
                  </a:lnTo>
                  <a:lnTo>
                    <a:pt x="379" y="115"/>
                  </a:lnTo>
                  <a:lnTo>
                    <a:pt x="385" y="124"/>
                  </a:lnTo>
                  <a:lnTo>
                    <a:pt x="390" y="112"/>
                  </a:lnTo>
                  <a:lnTo>
                    <a:pt x="383" y="109"/>
                  </a:lnTo>
                  <a:lnTo>
                    <a:pt x="385" y="97"/>
                  </a:lnTo>
                  <a:lnTo>
                    <a:pt x="373" y="97"/>
                  </a:lnTo>
                  <a:lnTo>
                    <a:pt x="374" y="109"/>
                  </a:lnTo>
                  <a:lnTo>
                    <a:pt x="348" y="72"/>
                  </a:lnTo>
                  <a:lnTo>
                    <a:pt x="342" y="61"/>
                  </a:lnTo>
                  <a:lnTo>
                    <a:pt x="349" y="50"/>
                  </a:lnTo>
                  <a:lnTo>
                    <a:pt x="339" y="58"/>
                  </a:lnTo>
                  <a:lnTo>
                    <a:pt x="334" y="50"/>
                  </a:lnTo>
                  <a:lnTo>
                    <a:pt x="329" y="30"/>
                  </a:lnTo>
                  <a:lnTo>
                    <a:pt x="312" y="2"/>
                  </a:lnTo>
                  <a:lnTo>
                    <a:pt x="318" y="0"/>
                  </a:lnTo>
                  <a:close/>
                  <a:moveTo>
                    <a:pt x="284" y="383"/>
                  </a:moveTo>
                  <a:lnTo>
                    <a:pt x="286" y="373"/>
                  </a:lnTo>
                  <a:lnTo>
                    <a:pt x="308" y="355"/>
                  </a:lnTo>
                  <a:lnTo>
                    <a:pt x="309" y="366"/>
                  </a:lnTo>
                  <a:lnTo>
                    <a:pt x="323" y="373"/>
                  </a:lnTo>
                  <a:lnTo>
                    <a:pt x="326" y="392"/>
                  </a:lnTo>
                  <a:lnTo>
                    <a:pt x="334" y="401"/>
                  </a:lnTo>
                  <a:lnTo>
                    <a:pt x="362" y="380"/>
                  </a:lnTo>
                  <a:lnTo>
                    <a:pt x="368" y="380"/>
                  </a:lnTo>
                  <a:lnTo>
                    <a:pt x="362" y="384"/>
                  </a:lnTo>
                  <a:lnTo>
                    <a:pt x="362" y="400"/>
                  </a:lnTo>
                  <a:lnTo>
                    <a:pt x="371" y="395"/>
                  </a:lnTo>
                  <a:lnTo>
                    <a:pt x="373" y="383"/>
                  </a:lnTo>
                  <a:lnTo>
                    <a:pt x="382" y="388"/>
                  </a:lnTo>
                  <a:lnTo>
                    <a:pt x="374" y="398"/>
                  </a:lnTo>
                  <a:lnTo>
                    <a:pt x="379" y="403"/>
                  </a:lnTo>
                  <a:lnTo>
                    <a:pt x="376" y="412"/>
                  </a:lnTo>
                  <a:lnTo>
                    <a:pt x="379" y="434"/>
                  </a:lnTo>
                  <a:lnTo>
                    <a:pt x="340" y="496"/>
                  </a:lnTo>
                  <a:lnTo>
                    <a:pt x="317" y="514"/>
                  </a:lnTo>
                  <a:lnTo>
                    <a:pt x="314" y="545"/>
                  </a:lnTo>
                  <a:lnTo>
                    <a:pt x="326" y="553"/>
                  </a:lnTo>
                  <a:lnTo>
                    <a:pt x="329" y="562"/>
                  </a:lnTo>
                  <a:lnTo>
                    <a:pt x="300" y="553"/>
                  </a:lnTo>
                  <a:lnTo>
                    <a:pt x="295" y="562"/>
                  </a:lnTo>
                  <a:lnTo>
                    <a:pt x="288" y="559"/>
                  </a:lnTo>
                  <a:lnTo>
                    <a:pt x="266" y="576"/>
                  </a:lnTo>
                  <a:lnTo>
                    <a:pt x="255" y="570"/>
                  </a:lnTo>
                  <a:lnTo>
                    <a:pt x="241" y="637"/>
                  </a:lnTo>
                  <a:lnTo>
                    <a:pt x="221" y="683"/>
                  </a:lnTo>
                  <a:lnTo>
                    <a:pt x="218" y="698"/>
                  </a:lnTo>
                  <a:lnTo>
                    <a:pt x="205" y="703"/>
                  </a:lnTo>
                  <a:lnTo>
                    <a:pt x="182" y="721"/>
                  </a:lnTo>
                  <a:lnTo>
                    <a:pt x="170" y="735"/>
                  </a:lnTo>
                  <a:lnTo>
                    <a:pt x="140" y="743"/>
                  </a:lnTo>
                  <a:lnTo>
                    <a:pt x="134" y="734"/>
                  </a:lnTo>
                  <a:lnTo>
                    <a:pt x="111" y="737"/>
                  </a:lnTo>
                  <a:lnTo>
                    <a:pt x="110" y="726"/>
                  </a:lnTo>
                  <a:lnTo>
                    <a:pt x="86" y="723"/>
                  </a:lnTo>
                  <a:lnTo>
                    <a:pt x="78" y="709"/>
                  </a:lnTo>
                  <a:lnTo>
                    <a:pt x="57" y="715"/>
                  </a:lnTo>
                  <a:lnTo>
                    <a:pt x="35" y="709"/>
                  </a:lnTo>
                  <a:lnTo>
                    <a:pt x="44" y="692"/>
                  </a:lnTo>
                  <a:lnTo>
                    <a:pt x="32" y="703"/>
                  </a:lnTo>
                  <a:lnTo>
                    <a:pt x="35" y="691"/>
                  </a:lnTo>
                  <a:lnTo>
                    <a:pt x="27" y="696"/>
                  </a:lnTo>
                  <a:lnTo>
                    <a:pt x="26" y="691"/>
                  </a:lnTo>
                  <a:lnTo>
                    <a:pt x="44" y="680"/>
                  </a:lnTo>
                  <a:lnTo>
                    <a:pt x="40" y="675"/>
                  </a:lnTo>
                  <a:lnTo>
                    <a:pt x="48" y="667"/>
                  </a:lnTo>
                  <a:lnTo>
                    <a:pt x="37" y="661"/>
                  </a:lnTo>
                  <a:lnTo>
                    <a:pt x="46" y="657"/>
                  </a:lnTo>
                  <a:lnTo>
                    <a:pt x="43" y="652"/>
                  </a:lnTo>
                  <a:lnTo>
                    <a:pt x="57" y="652"/>
                  </a:lnTo>
                  <a:lnTo>
                    <a:pt x="51" y="646"/>
                  </a:lnTo>
                  <a:lnTo>
                    <a:pt x="54" y="630"/>
                  </a:lnTo>
                  <a:lnTo>
                    <a:pt x="63" y="624"/>
                  </a:lnTo>
                  <a:lnTo>
                    <a:pt x="69" y="633"/>
                  </a:lnTo>
                  <a:lnTo>
                    <a:pt x="71" y="620"/>
                  </a:lnTo>
                  <a:lnTo>
                    <a:pt x="88" y="603"/>
                  </a:lnTo>
                  <a:lnTo>
                    <a:pt x="102" y="573"/>
                  </a:lnTo>
                  <a:lnTo>
                    <a:pt x="144" y="559"/>
                  </a:lnTo>
                  <a:lnTo>
                    <a:pt x="229" y="493"/>
                  </a:lnTo>
                  <a:lnTo>
                    <a:pt x="241" y="476"/>
                  </a:lnTo>
                  <a:lnTo>
                    <a:pt x="252" y="432"/>
                  </a:lnTo>
                  <a:lnTo>
                    <a:pt x="276" y="415"/>
                  </a:lnTo>
                  <a:lnTo>
                    <a:pt x="284" y="383"/>
                  </a:lnTo>
                  <a:close/>
                  <a:moveTo>
                    <a:pt x="91" y="746"/>
                  </a:moveTo>
                  <a:lnTo>
                    <a:pt x="99" y="755"/>
                  </a:lnTo>
                  <a:lnTo>
                    <a:pt x="93" y="760"/>
                  </a:lnTo>
                  <a:lnTo>
                    <a:pt x="102" y="769"/>
                  </a:lnTo>
                  <a:lnTo>
                    <a:pt x="73" y="782"/>
                  </a:lnTo>
                  <a:lnTo>
                    <a:pt x="83" y="745"/>
                  </a:lnTo>
                  <a:lnTo>
                    <a:pt x="91" y="74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38" name="Freeform 77"/>
            <p:cNvSpPr>
              <a:spLocks noChangeAspect="1" noEditPoints="1"/>
            </p:cNvSpPr>
            <p:nvPr/>
          </p:nvSpPr>
          <p:spPr bwMode="gray">
            <a:xfrm>
              <a:off x="7121525" y="4011613"/>
              <a:ext cx="1069975" cy="406400"/>
            </a:xfrm>
            <a:custGeom>
              <a:avLst/>
              <a:gdLst>
                <a:gd name="T0" fmla="*/ 11 w 2198"/>
                <a:gd name="T1" fmla="*/ 7 h 836"/>
                <a:gd name="T2" fmla="*/ 11 w 2198"/>
                <a:gd name="T3" fmla="*/ 7 h 836"/>
                <a:gd name="T4" fmla="*/ 44 w 2198"/>
                <a:gd name="T5" fmla="*/ 15 h 836"/>
                <a:gd name="T6" fmla="*/ 42 w 2198"/>
                <a:gd name="T7" fmla="*/ 12 h 836"/>
                <a:gd name="T8" fmla="*/ 39 w 2198"/>
                <a:gd name="T9" fmla="*/ 11 h 836"/>
                <a:gd name="T10" fmla="*/ 45 w 2198"/>
                <a:gd name="T11" fmla="*/ 11 h 836"/>
                <a:gd name="T12" fmla="*/ 45 w 2198"/>
                <a:gd name="T13" fmla="*/ 7 h 836"/>
                <a:gd name="T14" fmla="*/ 46 w 2198"/>
                <a:gd name="T15" fmla="*/ 9 h 836"/>
                <a:gd name="T16" fmla="*/ 46 w 2198"/>
                <a:gd name="T17" fmla="*/ 6 h 836"/>
                <a:gd name="T18" fmla="*/ 48 w 2198"/>
                <a:gd name="T19" fmla="*/ 20 h 836"/>
                <a:gd name="T20" fmla="*/ 54 w 2198"/>
                <a:gd name="T21" fmla="*/ 18 h 836"/>
                <a:gd name="T22" fmla="*/ 54 w 2198"/>
                <a:gd name="T23" fmla="*/ 18 h 836"/>
                <a:gd name="T24" fmla="*/ 48 w 2198"/>
                <a:gd name="T25" fmla="*/ 13 h 836"/>
                <a:gd name="T26" fmla="*/ 48 w 2198"/>
                <a:gd name="T27" fmla="*/ 12 h 836"/>
                <a:gd name="T28" fmla="*/ 56 w 2198"/>
                <a:gd name="T29" fmla="*/ 12 h 836"/>
                <a:gd name="T30" fmla="*/ 63 w 2198"/>
                <a:gd name="T31" fmla="*/ 18 h 836"/>
                <a:gd name="T32" fmla="*/ 59 w 2198"/>
                <a:gd name="T33" fmla="*/ 21 h 836"/>
                <a:gd name="T34" fmla="*/ 59 w 2198"/>
                <a:gd name="T35" fmla="*/ 17 h 836"/>
                <a:gd name="T36" fmla="*/ 53 w 2198"/>
                <a:gd name="T37" fmla="*/ 15 h 836"/>
                <a:gd name="T38" fmla="*/ 53 w 2198"/>
                <a:gd name="T39" fmla="*/ 13 h 836"/>
                <a:gd name="T40" fmla="*/ 52 w 2198"/>
                <a:gd name="T41" fmla="*/ 10 h 836"/>
                <a:gd name="T42" fmla="*/ 56 w 2198"/>
                <a:gd name="T43" fmla="*/ 14 h 836"/>
                <a:gd name="T44" fmla="*/ 39 w 2198"/>
                <a:gd name="T45" fmla="*/ 15 h 836"/>
                <a:gd name="T46" fmla="*/ 39 w 2198"/>
                <a:gd name="T47" fmla="*/ 16 h 836"/>
                <a:gd name="T48" fmla="*/ 37 w 2198"/>
                <a:gd name="T49" fmla="*/ 8 h 836"/>
                <a:gd name="T50" fmla="*/ 40 w 2198"/>
                <a:gd name="T51" fmla="*/ 9 h 836"/>
                <a:gd name="T52" fmla="*/ 37 w 2198"/>
                <a:gd name="T53" fmla="*/ 11 h 836"/>
                <a:gd name="T54" fmla="*/ 39 w 2198"/>
                <a:gd name="T55" fmla="*/ 11 h 836"/>
                <a:gd name="T56" fmla="*/ 39 w 2198"/>
                <a:gd name="T57" fmla="*/ 15 h 836"/>
                <a:gd name="T58" fmla="*/ 36 w 2198"/>
                <a:gd name="T59" fmla="*/ 13 h 836"/>
                <a:gd name="T60" fmla="*/ 33 w 2198"/>
                <a:gd name="T61" fmla="*/ 14 h 836"/>
                <a:gd name="T62" fmla="*/ 36 w 2198"/>
                <a:gd name="T63" fmla="*/ 8 h 836"/>
                <a:gd name="T64" fmla="*/ 32 w 2198"/>
                <a:gd name="T65" fmla="*/ 6 h 836"/>
                <a:gd name="T66" fmla="*/ 30 w 2198"/>
                <a:gd name="T67" fmla="*/ 12 h 836"/>
                <a:gd name="T68" fmla="*/ 27 w 2198"/>
                <a:gd name="T69" fmla="*/ 14 h 836"/>
                <a:gd name="T70" fmla="*/ 23 w 2198"/>
                <a:gd name="T71" fmla="*/ 13 h 836"/>
                <a:gd name="T72" fmla="*/ 21 w 2198"/>
                <a:gd name="T73" fmla="*/ 7 h 836"/>
                <a:gd name="T74" fmla="*/ 26 w 2198"/>
                <a:gd name="T75" fmla="*/ 8 h 836"/>
                <a:gd name="T76" fmla="*/ 19 w 2198"/>
                <a:gd name="T77" fmla="*/ 14 h 836"/>
                <a:gd name="T78" fmla="*/ 17 w 2198"/>
                <a:gd name="T79" fmla="*/ 13 h 836"/>
                <a:gd name="T80" fmla="*/ 29 w 2198"/>
                <a:gd name="T81" fmla="*/ 19 h 836"/>
                <a:gd name="T82" fmla="*/ 29 w 2198"/>
                <a:gd name="T83" fmla="*/ 20 h 836"/>
                <a:gd name="T84" fmla="*/ 32 w 2198"/>
                <a:gd name="T85" fmla="*/ 20 h 836"/>
                <a:gd name="T86" fmla="*/ 31 w 2198"/>
                <a:gd name="T87" fmla="*/ 21 h 836"/>
                <a:gd name="T88" fmla="*/ 35 w 2198"/>
                <a:gd name="T89" fmla="*/ 22 h 836"/>
                <a:gd name="T90" fmla="*/ 36 w 2198"/>
                <a:gd name="T91" fmla="*/ 21 h 836"/>
                <a:gd name="T92" fmla="*/ 40 w 2198"/>
                <a:gd name="T93" fmla="*/ 21 h 836"/>
                <a:gd name="T94" fmla="*/ 39 w 2198"/>
                <a:gd name="T95" fmla="*/ 24 h 836"/>
                <a:gd name="T96" fmla="*/ 40 w 2198"/>
                <a:gd name="T97" fmla="*/ 23 h 836"/>
                <a:gd name="T98" fmla="*/ 43 w 2198"/>
                <a:gd name="T99" fmla="*/ 20 h 836"/>
                <a:gd name="T100" fmla="*/ 6 w 2198"/>
                <a:gd name="T101" fmla="*/ 3 h 836"/>
                <a:gd name="T102" fmla="*/ 11 w 2198"/>
                <a:gd name="T103" fmla="*/ 8 h 836"/>
                <a:gd name="T104" fmla="*/ 13 w 2198"/>
                <a:gd name="T105" fmla="*/ 10 h 836"/>
                <a:gd name="T106" fmla="*/ 17 w 2198"/>
                <a:gd name="T107" fmla="*/ 13 h 836"/>
                <a:gd name="T108" fmla="*/ 13 w 2198"/>
                <a:gd name="T109" fmla="*/ 16 h 836"/>
                <a:gd name="T110" fmla="*/ 6 w 2198"/>
                <a:gd name="T111" fmla="*/ 6 h 836"/>
                <a:gd name="T112" fmla="*/ 23 w 2198"/>
                <a:gd name="T113" fmla="*/ 20 h 836"/>
                <a:gd name="T114" fmla="*/ 17 w 2198"/>
                <a:gd name="T115" fmla="*/ 17 h 836"/>
                <a:gd name="T116" fmla="*/ 23 w 2198"/>
                <a:gd name="T117" fmla="*/ 18 h 836"/>
                <a:gd name="T118" fmla="*/ 28 w 2198"/>
                <a:gd name="T119" fmla="*/ 21 h 836"/>
                <a:gd name="T120" fmla="*/ 6 w 2198"/>
                <a:gd name="T121" fmla="*/ 9 h 836"/>
                <a:gd name="T122" fmla="*/ 13 w 2198"/>
                <a:gd name="T123" fmla="*/ 8 h 8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2198"/>
                <a:gd name="T187" fmla="*/ 0 h 836"/>
                <a:gd name="T188" fmla="*/ 2198 w 2198"/>
                <a:gd name="T189" fmla="*/ 836 h 836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2198" h="836">
                  <a:moveTo>
                    <a:pt x="882" y="652"/>
                  </a:moveTo>
                  <a:lnTo>
                    <a:pt x="935" y="649"/>
                  </a:lnTo>
                  <a:lnTo>
                    <a:pt x="939" y="657"/>
                  </a:lnTo>
                  <a:lnTo>
                    <a:pt x="914" y="666"/>
                  </a:lnTo>
                  <a:lnTo>
                    <a:pt x="889" y="662"/>
                  </a:lnTo>
                  <a:lnTo>
                    <a:pt x="882" y="652"/>
                  </a:lnTo>
                  <a:close/>
                  <a:moveTo>
                    <a:pt x="506" y="279"/>
                  </a:moveTo>
                  <a:lnTo>
                    <a:pt x="511" y="288"/>
                  </a:lnTo>
                  <a:lnTo>
                    <a:pt x="504" y="293"/>
                  </a:lnTo>
                  <a:lnTo>
                    <a:pt x="495" y="279"/>
                  </a:lnTo>
                  <a:lnTo>
                    <a:pt x="506" y="279"/>
                  </a:lnTo>
                  <a:close/>
                  <a:moveTo>
                    <a:pt x="391" y="257"/>
                  </a:moveTo>
                  <a:lnTo>
                    <a:pt x="408" y="259"/>
                  </a:lnTo>
                  <a:lnTo>
                    <a:pt x="412" y="271"/>
                  </a:lnTo>
                  <a:lnTo>
                    <a:pt x="391" y="257"/>
                  </a:lnTo>
                  <a:close/>
                  <a:moveTo>
                    <a:pt x="496" y="356"/>
                  </a:moveTo>
                  <a:lnTo>
                    <a:pt x="501" y="349"/>
                  </a:lnTo>
                  <a:lnTo>
                    <a:pt x="504" y="350"/>
                  </a:lnTo>
                  <a:lnTo>
                    <a:pt x="508" y="356"/>
                  </a:lnTo>
                  <a:lnTo>
                    <a:pt x="506" y="361"/>
                  </a:lnTo>
                  <a:lnTo>
                    <a:pt x="498" y="359"/>
                  </a:lnTo>
                  <a:lnTo>
                    <a:pt x="496" y="356"/>
                  </a:lnTo>
                  <a:close/>
                  <a:moveTo>
                    <a:pt x="374" y="252"/>
                  </a:moveTo>
                  <a:lnTo>
                    <a:pt x="367" y="249"/>
                  </a:lnTo>
                  <a:lnTo>
                    <a:pt x="362" y="239"/>
                  </a:lnTo>
                  <a:lnTo>
                    <a:pt x="374" y="235"/>
                  </a:lnTo>
                  <a:lnTo>
                    <a:pt x="379" y="240"/>
                  </a:lnTo>
                  <a:lnTo>
                    <a:pt x="374" y="252"/>
                  </a:lnTo>
                  <a:close/>
                  <a:moveTo>
                    <a:pt x="1493" y="474"/>
                  </a:moveTo>
                  <a:lnTo>
                    <a:pt x="1497" y="480"/>
                  </a:lnTo>
                  <a:lnTo>
                    <a:pt x="1524" y="472"/>
                  </a:lnTo>
                  <a:lnTo>
                    <a:pt x="1544" y="486"/>
                  </a:lnTo>
                  <a:lnTo>
                    <a:pt x="1547" y="497"/>
                  </a:lnTo>
                  <a:lnTo>
                    <a:pt x="1544" y="503"/>
                  </a:lnTo>
                  <a:lnTo>
                    <a:pt x="1527" y="509"/>
                  </a:lnTo>
                  <a:lnTo>
                    <a:pt x="1516" y="508"/>
                  </a:lnTo>
                  <a:lnTo>
                    <a:pt x="1501" y="497"/>
                  </a:lnTo>
                  <a:lnTo>
                    <a:pt x="1493" y="474"/>
                  </a:lnTo>
                  <a:close/>
                  <a:moveTo>
                    <a:pt x="1487" y="426"/>
                  </a:moveTo>
                  <a:lnTo>
                    <a:pt x="1488" y="423"/>
                  </a:lnTo>
                  <a:lnTo>
                    <a:pt x="1492" y="446"/>
                  </a:lnTo>
                  <a:lnTo>
                    <a:pt x="1487" y="426"/>
                  </a:lnTo>
                  <a:close/>
                  <a:moveTo>
                    <a:pt x="1463" y="417"/>
                  </a:moveTo>
                  <a:lnTo>
                    <a:pt x="1504" y="415"/>
                  </a:lnTo>
                  <a:lnTo>
                    <a:pt x="1470" y="423"/>
                  </a:lnTo>
                  <a:lnTo>
                    <a:pt x="1463" y="417"/>
                  </a:lnTo>
                  <a:close/>
                  <a:moveTo>
                    <a:pt x="1417" y="410"/>
                  </a:moveTo>
                  <a:lnTo>
                    <a:pt x="1456" y="417"/>
                  </a:lnTo>
                  <a:lnTo>
                    <a:pt x="1426" y="427"/>
                  </a:lnTo>
                  <a:lnTo>
                    <a:pt x="1420" y="426"/>
                  </a:lnTo>
                  <a:lnTo>
                    <a:pt x="1417" y="410"/>
                  </a:lnTo>
                  <a:close/>
                  <a:moveTo>
                    <a:pt x="1361" y="396"/>
                  </a:moveTo>
                  <a:lnTo>
                    <a:pt x="1369" y="392"/>
                  </a:lnTo>
                  <a:lnTo>
                    <a:pt x="1377" y="393"/>
                  </a:lnTo>
                  <a:lnTo>
                    <a:pt x="1374" y="404"/>
                  </a:lnTo>
                  <a:lnTo>
                    <a:pt x="1366" y="401"/>
                  </a:lnTo>
                  <a:lnTo>
                    <a:pt x="1365" y="407"/>
                  </a:lnTo>
                  <a:lnTo>
                    <a:pt x="1361" y="396"/>
                  </a:lnTo>
                  <a:close/>
                  <a:moveTo>
                    <a:pt x="1355" y="386"/>
                  </a:moveTo>
                  <a:lnTo>
                    <a:pt x="1360" y="386"/>
                  </a:lnTo>
                  <a:lnTo>
                    <a:pt x="1360" y="393"/>
                  </a:lnTo>
                  <a:lnTo>
                    <a:pt x="1353" y="404"/>
                  </a:lnTo>
                  <a:lnTo>
                    <a:pt x="1346" y="404"/>
                  </a:lnTo>
                  <a:lnTo>
                    <a:pt x="1346" y="393"/>
                  </a:lnTo>
                  <a:lnTo>
                    <a:pt x="1355" y="386"/>
                  </a:lnTo>
                  <a:close/>
                  <a:moveTo>
                    <a:pt x="1584" y="508"/>
                  </a:moveTo>
                  <a:lnTo>
                    <a:pt x="1584" y="500"/>
                  </a:lnTo>
                  <a:lnTo>
                    <a:pt x="1597" y="494"/>
                  </a:lnTo>
                  <a:lnTo>
                    <a:pt x="1593" y="505"/>
                  </a:lnTo>
                  <a:lnTo>
                    <a:pt x="1584" y="508"/>
                  </a:lnTo>
                  <a:close/>
                  <a:moveTo>
                    <a:pt x="1555" y="400"/>
                  </a:moveTo>
                  <a:lnTo>
                    <a:pt x="1573" y="398"/>
                  </a:lnTo>
                  <a:lnTo>
                    <a:pt x="1590" y="407"/>
                  </a:lnTo>
                  <a:lnTo>
                    <a:pt x="1589" y="412"/>
                  </a:lnTo>
                  <a:lnTo>
                    <a:pt x="1561" y="413"/>
                  </a:lnTo>
                  <a:lnTo>
                    <a:pt x="1556" y="410"/>
                  </a:lnTo>
                  <a:lnTo>
                    <a:pt x="1555" y="400"/>
                  </a:lnTo>
                  <a:close/>
                  <a:moveTo>
                    <a:pt x="1553" y="350"/>
                  </a:moveTo>
                  <a:lnTo>
                    <a:pt x="1559" y="350"/>
                  </a:lnTo>
                  <a:lnTo>
                    <a:pt x="1575" y="369"/>
                  </a:lnTo>
                  <a:lnTo>
                    <a:pt x="1573" y="373"/>
                  </a:lnTo>
                  <a:lnTo>
                    <a:pt x="1559" y="371"/>
                  </a:lnTo>
                  <a:lnTo>
                    <a:pt x="1553" y="350"/>
                  </a:lnTo>
                  <a:close/>
                  <a:moveTo>
                    <a:pt x="1580" y="232"/>
                  </a:moveTo>
                  <a:lnTo>
                    <a:pt x="1583" y="237"/>
                  </a:lnTo>
                  <a:lnTo>
                    <a:pt x="1576" y="249"/>
                  </a:lnTo>
                  <a:lnTo>
                    <a:pt x="1583" y="260"/>
                  </a:lnTo>
                  <a:lnTo>
                    <a:pt x="1583" y="276"/>
                  </a:lnTo>
                  <a:lnTo>
                    <a:pt x="1566" y="293"/>
                  </a:lnTo>
                  <a:lnTo>
                    <a:pt x="1573" y="294"/>
                  </a:lnTo>
                  <a:lnTo>
                    <a:pt x="1601" y="265"/>
                  </a:lnTo>
                  <a:lnTo>
                    <a:pt x="1610" y="265"/>
                  </a:lnTo>
                  <a:lnTo>
                    <a:pt x="1615" y="273"/>
                  </a:lnTo>
                  <a:lnTo>
                    <a:pt x="1615" y="283"/>
                  </a:lnTo>
                  <a:lnTo>
                    <a:pt x="1597" y="300"/>
                  </a:lnTo>
                  <a:lnTo>
                    <a:pt x="1612" y="308"/>
                  </a:lnTo>
                  <a:lnTo>
                    <a:pt x="1620" y="322"/>
                  </a:lnTo>
                  <a:lnTo>
                    <a:pt x="1584" y="311"/>
                  </a:lnTo>
                  <a:lnTo>
                    <a:pt x="1580" y="317"/>
                  </a:lnTo>
                  <a:lnTo>
                    <a:pt x="1580" y="345"/>
                  </a:lnTo>
                  <a:lnTo>
                    <a:pt x="1600" y="373"/>
                  </a:lnTo>
                  <a:lnTo>
                    <a:pt x="1595" y="375"/>
                  </a:lnTo>
                  <a:lnTo>
                    <a:pt x="1572" y="345"/>
                  </a:lnTo>
                  <a:lnTo>
                    <a:pt x="1564" y="299"/>
                  </a:lnTo>
                  <a:lnTo>
                    <a:pt x="1553" y="282"/>
                  </a:lnTo>
                  <a:lnTo>
                    <a:pt x="1561" y="252"/>
                  </a:lnTo>
                  <a:lnTo>
                    <a:pt x="1580" y="232"/>
                  </a:lnTo>
                  <a:close/>
                  <a:moveTo>
                    <a:pt x="1609" y="212"/>
                  </a:moveTo>
                  <a:lnTo>
                    <a:pt x="1612" y="229"/>
                  </a:lnTo>
                  <a:lnTo>
                    <a:pt x="1607" y="239"/>
                  </a:lnTo>
                  <a:lnTo>
                    <a:pt x="1598" y="239"/>
                  </a:lnTo>
                  <a:lnTo>
                    <a:pt x="1595" y="222"/>
                  </a:lnTo>
                  <a:lnTo>
                    <a:pt x="1609" y="212"/>
                  </a:lnTo>
                  <a:close/>
                  <a:moveTo>
                    <a:pt x="1610" y="664"/>
                  </a:moveTo>
                  <a:lnTo>
                    <a:pt x="1614" y="662"/>
                  </a:lnTo>
                  <a:lnTo>
                    <a:pt x="1614" y="666"/>
                  </a:lnTo>
                  <a:lnTo>
                    <a:pt x="1610" y="664"/>
                  </a:lnTo>
                  <a:close/>
                  <a:moveTo>
                    <a:pt x="1658" y="696"/>
                  </a:moveTo>
                  <a:lnTo>
                    <a:pt x="1668" y="695"/>
                  </a:lnTo>
                  <a:lnTo>
                    <a:pt x="1668" y="698"/>
                  </a:lnTo>
                  <a:lnTo>
                    <a:pt x="1665" y="703"/>
                  </a:lnTo>
                  <a:lnTo>
                    <a:pt x="1658" y="696"/>
                  </a:lnTo>
                  <a:close/>
                  <a:moveTo>
                    <a:pt x="1729" y="691"/>
                  </a:moveTo>
                  <a:lnTo>
                    <a:pt x="1733" y="689"/>
                  </a:lnTo>
                  <a:lnTo>
                    <a:pt x="1731" y="679"/>
                  </a:lnTo>
                  <a:lnTo>
                    <a:pt x="1745" y="662"/>
                  </a:lnTo>
                  <a:lnTo>
                    <a:pt x="1754" y="664"/>
                  </a:lnTo>
                  <a:lnTo>
                    <a:pt x="1753" y="683"/>
                  </a:lnTo>
                  <a:lnTo>
                    <a:pt x="1739" y="703"/>
                  </a:lnTo>
                  <a:lnTo>
                    <a:pt x="1729" y="691"/>
                  </a:lnTo>
                  <a:close/>
                  <a:moveTo>
                    <a:pt x="1867" y="619"/>
                  </a:moveTo>
                  <a:lnTo>
                    <a:pt x="1881" y="635"/>
                  </a:lnTo>
                  <a:lnTo>
                    <a:pt x="1878" y="650"/>
                  </a:lnTo>
                  <a:lnTo>
                    <a:pt x="1872" y="652"/>
                  </a:lnTo>
                  <a:lnTo>
                    <a:pt x="1864" y="638"/>
                  </a:lnTo>
                  <a:lnTo>
                    <a:pt x="1866" y="635"/>
                  </a:lnTo>
                  <a:lnTo>
                    <a:pt x="1869" y="641"/>
                  </a:lnTo>
                  <a:lnTo>
                    <a:pt x="1867" y="619"/>
                  </a:lnTo>
                  <a:close/>
                  <a:moveTo>
                    <a:pt x="1873" y="599"/>
                  </a:moveTo>
                  <a:lnTo>
                    <a:pt x="1883" y="582"/>
                  </a:lnTo>
                  <a:lnTo>
                    <a:pt x="1890" y="585"/>
                  </a:lnTo>
                  <a:lnTo>
                    <a:pt x="1895" y="596"/>
                  </a:lnTo>
                  <a:lnTo>
                    <a:pt x="1892" y="627"/>
                  </a:lnTo>
                  <a:lnTo>
                    <a:pt x="1878" y="618"/>
                  </a:lnTo>
                  <a:lnTo>
                    <a:pt x="1880" y="601"/>
                  </a:lnTo>
                  <a:lnTo>
                    <a:pt x="1873" y="599"/>
                  </a:lnTo>
                  <a:close/>
                  <a:moveTo>
                    <a:pt x="1818" y="581"/>
                  </a:moveTo>
                  <a:lnTo>
                    <a:pt x="1822" y="579"/>
                  </a:lnTo>
                  <a:lnTo>
                    <a:pt x="1813" y="594"/>
                  </a:lnTo>
                  <a:lnTo>
                    <a:pt x="1818" y="581"/>
                  </a:lnTo>
                  <a:close/>
                  <a:moveTo>
                    <a:pt x="1581" y="494"/>
                  </a:moveTo>
                  <a:lnTo>
                    <a:pt x="1578" y="483"/>
                  </a:lnTo>
                  <a:lnTo>
                    <a:pt x="1593" y="464"/>
                  </a:lnTo>
                  <a:lnTo>
                    <a:pt x="1637" y="467"/>
                  </a:lnTo>
                  <a:lnTo>
                    <a:pt x="1654" y="463"/>
                  </a:lnTo>
                  <a:lnTo>
                    <a:pt x="1669" y="472"/>
                  </a:lnTo>
                  <a:lnTo>
                    <a:pt x="1699" y="474"/>
                  </a:lnTo>
                  <a:lnTo>
                    <a:pt x="1707" y="491"/>
                  </a:lnTo>
                  <a:lnTo>
                    <a:pt x="1714" y="492"/>
                  </a:lnTo>
                  <a:lnTo>
                    <a:pt x="1716" y="505"/>
                  </a:lnTo>
                  <a:lnTo>
                    <a:pt x="1711" y="513"/>
                  </a:lnTo>
                  <a:lnTo>
                    <a:pt x="1661" y="488"/>
                  </a:lnTo>
                  <a:lnTo>
                    <a:pt x="1640" y="491"/>
                  </a:lnTo>
                  <a:lnTo>
                    <a:pt x="1624" y="484"/>
                  </a:lnTo>
                  <a:lnTo>
                    <a:pt x="1607" y="492"/>
                  </a:lnTo>
                  <a:lnTo>
                    <a:pt x="1590" y="480"/>
                  </a:lnTo>
                  <a:lnTo>
                    <a:pt x="1581" y="494"/>
                  </a:lnTo>
                  <a:close/>
                  <a:moveTo>
                    <a:pt x="1665" y="418"/>
                  </a:moveTo>
                  <a:lnTo>
                    <a:pt x="1688" y="412"/>
                  </a:lnTo>
                  <a:lnTo>
                    <a:pt x="1694" y="426"/>
                  </a:lnTo>
                  <a:lnTo>
                    <a:pt x="1677" y="429"/>
                  </a:lnTo>
                  <a:lnTo>
                    <a:pt x="1665" y="418"/>
                  </a:lnTo>
                  <a:close/>
                  <a:moveTo>
                    <a:pt x="1694" y="339"/>
                  </a:moveTo>
                  <a:lnTo>
                    <a:pt x="1707" y="336"/>
                  </a:lnTo>
                  <a:lnTo>
                    <a:pt x="1733" y="349"/>
                  </a:lnTo>
                  <a:lnTo>
                    <a:pt x="1714" y="354"/>
                  </a:lnTo>
                  <a:lnTo>
                    <a:pt x="1695" y="347"/>
                  </a:lnTo>
                  <a:lnTo>
                    <a:pt x="1691" y="344"/>
                  </a:lnTo>
                  <a:lnTo>
                    <a:pt x="1694" y="339"/>
                  </a:lnTo>
                  <a:close/>
                  <a:moveTo>
                    <a:pt x="1934" y="409"/>
                  </a:moveTo>
                  <a:lnTo>
                    <a:pt x="1986" y="412"/>
                  </a:lnTo>
                  <a:lnTo>
                    <a:pt x="1991" y="420"/>
                  </a:lnTo>
                  <a:lnTo>
                    <a:pt x="1965" y="418"/>
                  </a:lnTo>
                  <a:lnTo>
                    <a:pt x="1934" y="409"/>
                  </a:lnTo>
                  <a:close/>
                  <a:moveTo>
                    <a:pt x="1927" y="367"/>
                  </a:moveTo>
                  <a:lnTo>
                    <a:pt x="1946" y="367"/>
                  </a:lnTo>
                  <a:lnTo>
                    <a:pt x="1966" y="386"/>
                  </a:lnTo>
                  <a:lnTo>
                    <a:pt x="1954" y="387"/>
                  </a:lnTo>
                  <a:lnTo>
                    <a:pt x="1927" y="367"/>
                  </a:lnTo>
                  <a:close/>
                  <a:moveTo>
                    <a:pt x="2188" y="452"/>
                  </a:moveTo>
                  <a:lnTo>
                    <a:pt x="2189" y="564"/>
                  </a:lnTo>
                  <a:lnTo>
                    <a:pt x="2191" y="625"/>
                  </a:lnTo>
                  <a:lnTo>
                    <a:pt x="2186" y="645"/>
                  </a:lnTo>
                  <a:lnTo>
                    <a:pt x="2192" y="659"/>
                  </a:lnTo>
                  <a:lnTo>
                    <a:pt x="2198" y="754"/>
                  </a:lnTo>
                  <a:lnTo>
                    <a:pt x="2181" y="745"/>
                  </a:lnTo>
                  <a:lnTo>
                    <a:pt x="2137" y="704"/>
                  </a:lnTo>
                  <a:lnTo>
                    <a:pt x="2118" y="709"/>
                  </a:lnTo>
                  <a:lnTo>
                    <a:pt x="2101" y="706"/>
                  </a:lnTo>
                  <a:lnTo>
                    <a:pt x="2095" y="713"/>
                  </a:lnTo>
                  <a:lnTo>
                    <a:pt x="2091" y="708"/>
                  </a:lnTo>
                  <a:lnTo>
                    <a:pt x="2088" y="718"/>
                  </a:lnTo>
                  <a:lnTo>
                    <a:pt x="2078" y="715"/>
                  </a:lnTo>
                  <a:lnTo>
                    <a:pt x="2037" y="720"/>
                  </a:lnTo>
                  <a:lnTo>
                    <a:pt x="2047" y="691"/>
                  </a:lnTo>
                  <a:lnTo>
                    <a:pt x="2061" y="675"/>
                  </a:lnTo>
                  <a:lnTo>
                    <a:pt x="2079" y="672"/>
                  </a:lnTo>
                  <a:lnTo>
                    <a:pt x="2093" y="681"/>
                  </a:lnTo>
                  <a:lnTo>
                    <a:pt x="2093" y="674"/>
                  </a:lnTo>
                  <a:lnTo>
                    <a:pt x="2084" y="667"/>
                  </a:lnTo>
                  <a:lnTo>
                    <a:pt x="2091" y="662"/>
                  </a:lnTo>
                  <a:lnTo>
                    <a:pt x="2073" y="653"/>
                  </a:lnTo>
                  <a:lnTo>
                    <a:pt x="2078" y="650"/>
                  </a:lnTo>
                  <a:lnTo>
                    <a:pt x="2081" y="636"/>
                  </a:lnTo>
                  <a:lnTo>
                    <a:pt x="2068" y="619"/>
                  </a:lnTo>
                  <a:lnTo>
                    <a:pt x="2064" y="599"/>
                  </a:lnTo>
                  <a:lnTo>
                    <a:pt x="2053" y="582"/>
                  </a:lnTo>
                  <a:lnTo>
                    <a:pt x="2042" y="581"/>
                  </a:lnTo>
                  <a:lnTo>
                    <a:pt x="2033" y="571"/>
                  </a:lnTo>
                  <a:lnTo>
                    <a:pt x="1983" y="552"/>
                  </a:lnTo>
                  <a:lnTo>
                    <a:pt x="1912" y="539"/>
                  </a:lnTo>
                  <a:lnTo>
                    <a:pt x="1900" y="530"/>
                  </a:lnTo>
                  <a:lnTo>
                    <a:pt x="1893" y="517"/>
                  </a:lnTo>
                  <a:lnTo>
                    <a:pt x="1878" y="517"/>
                  </a:lnTo>
                  <a:lnTo>
                    <a:pt x="1878" y="522"/>
                  </a:lnTo>
                  <a:lnTo>
                    <a:pt x="1852" y="501"/>
                  </a:lnTo>
                  <a:lnTo>
                    <a:pt x="1855" y="469"/>
                  </a:lnTo>
                  <a:lnTo>
                    <a:pt x="1836" y="515"/>
                  </a:lnTo>
                  <a:lnTo>
                    <a:pt x="1830" y="522"/>
                  </a:lnTo>
                  <a:lnTo>
                    <a:pt x="1810" y="522"/>
                  </a:lnTo>
                  <a:lnTo>
                    <a:pt x="1805" y="488"/>
                  </a:lnTo>
                  <a:lnTo>
                    <a:pt x="1801" y="488"/>
                  </a:lnTo>
                  <a:lnTo>
                    <a:pt x="1785" y="471"/>
                  </a:lnTo>
                  <a:lnTo>
                    <a:pt x="1767" y="469"/>
                  </a:lnTo>
                  <a:lnTo>
                    <a:pt x="1768" y="461"/>
                  </a:lnTo>
                  <a:lnTo>
                    <a:pt x="1776" y="457"/>
                  </a:lnTo>
                  <a:lnTo>
                    <a:pt x="1798" y="458"/>
                  </a:lnTo>
                  <a:lnTo>
                    <a:pt x="1824" y="447"/>
                  </a:lnTo>
                  <a:lnTo>
                    <a:pt x="1842" y="450"/>
                  </a:lnTo>
                  <a:lnTo>
                    <a:pt x="1850" y="447"/>
                  </a:lnTo>
                  <a:lnTo>
                    <a:pt x="1856" y="429"/>
                  </a:lnTo>
                  <a:lnTo>
                    <a:pt x="1812" y="440"/>
                  </a:lnTo>
                  <a:lnTo>
                    <a:pt x="1784" y="440"/>
                  </a:lnTo>
                  <a:lnTo>
                    <a:pt x="1771" y="433"/>
                  </a:lnTo>
                  <a:lnTo>
                    <a:pt x="1758" y="407"/>
                  </a:lnTo>
                  <a:lnTo>
                    <a:pt x="1736" y="400"/>
                  </a:lnTo>
                  <a:lnTo>
                    <a:pt x="1734" y="407"/>
                  </a:lnTo>
                  <a:lnTo>
                    <a:pt x="1719" y="400"/>
                  </a:lnTo>
                  <a:lnTo>
                    <a:pt x="1733" y="373"/>
                  </a:lnTo>
                  <a:lnTo>
                    <a:pt x="1759" y="367"/>
                  </a:lnTo>
                  <a:lnTo>
                    <a:pt x="1775" y="353"/>
                  </a:lnTo>
                  <a:lnTo>
                    <a:pt x="1785" y="350"/>
                  </a:lnTo>
                  <a:lnTo>
                    <a:pt x="1809" y="353"/>
                  </a:lnTo>
                  <a:lnTo>
                    <a:pt x="1832" y="369"/>
                  </a:lnTo>
                  <a:lnTo>
                    <a:pt x="1861" y="369"/>
                  </a:lnTo>
                  <a:lnTo>
                    <a:pt x="1869" y="392"/>
                  </a:lnTo>
                  <a:lnTo>
                    <a:pt x="1866" y="427"/>
                  </a:lnTo>
                  <a:lnTo>
                    <a:pt x="1869" y="446"/>
                  </a:lnTo>
                  <a:lnTo>
                    <a:pt x="1881" y="463"/>
                  </a:lnTo>
                  <a:lnTo>
                    <a:pt x="1883" y="450"/>
                  </a:lnTo>
                  <a:lnTo>
                    <a:pt x="1892" y="452"/>
                  </a:lnTo>
                  <a:lnTo>
                    <a:pt x="1901" y="480"/>
                  </a:lnTo>
                  <a:lnTo>
                    <a:pt x="1917" y="488"/>
                  </a:lnTo>
                  <a:lnTo>
                    <a:pt x="1934" y="488"/>
                  </a:lnTo>
                  <a:lnTo>
                    <a:pt x="1939" y="477"/>
                  </a:lnTo>
                  <a:lnTo>
                    <a:pt x="1968" y="450"/>
                  </a:lnTo>
                  <a:lnTo>
                    <a:pt x="1973" y="437"/>
                  </a:lnTo>
                  <a:lnTo>
                    <a:pt x="2002" y="432"/>
                  </a:lnTo>
                  <a:lnTo>
                    <a:pt x="2010" y="427"/>
                  </a:lnTo>
                  <a:lnTo>
                    <a:pt x="2011" y="415"/>
                  </a:lnTo>
                  <a:lnTo>
                    <a:pt x="2039" y="398"/>
                  </a:lnTo>
                  <a:lnTo>
                    <a:pt x="2122" y="438"/>
                  </a:lnTo>
                  <a:lnTo>
                    <a:pt x="2159" y="440"/>
                  </a:lnTo>
                  <a:lnTo>
                    <a:pt x="2176" y="452"/>
                  </a:lnTo>
                  <a:lnTo>
                    <a:pt x="2188" y="452"/>
                  </a:lnTo>
                  <a:close/>
                  <a:moveTo>
                    <a:pt x="1353" y="518"/>
                  </a:moveTo>
                  <a:lnTo>
                    <a:pt x="1361" y="518"/>
                  </a:lnTo>
                  <a:lnTo>
                    <a:pt x="1361" y="526"/>
                  </a:lnTo>
                  <a:lnTo>
                    <a:pt x="1355" y="525"/>
                  </a:lnTo>
                  <a:lnTo>
                    <a:pt x="1353" y="518"/>
                  </a:lnTo>
                  <a:close/>
                  <a:moveTo>
                    <a:pt x="1343" y="562"/>
                  </a:moveTo>
                  <a:lnTo>
                    <a:pt x="1351" y="534"/>
                  </a:lnTo>
                  <a:lnTo>
                    <a:pt x="1361" y="552"/>
                  </a:lnTo>
                  <a:lnTo>
                    <a:pt x="1353" y="560"/>
                  </a:lnTo>
                  <a:lnTo>
                    <a:pt x="1360" y="579"/>
                  </a:lnTo>
                  <a:lnTo>
                    <a:pt x="1343" y="593"/>
                  </a:lnTo>
                  <a:lnTo>
                    <a:pt x="1336" y="582"/>
                  </a:lnTo>
                  <a:lnTo>
                    <a:pt x="1343" y="562"/>
                  </a:lnTo>
                  <a:close/>
                  <a:moveTo>
                    <a:pt x="1323" y="551"/>
                  </a:moveTo>
                  <a:lnTo>
                    <a:pt x="1338" y="547"/>
                  </a:lnTo>
                  <a:lnTo>
                    <a:pt x="1336" y="581"/>
                  </a:lnTo>
                  <a:lnTo>
                    <a:pt x="1321" y="577"/>
                  </a:lnTo>
                  <a:lnTo>
                    <a:pt x="1323" y="551"/>
                  </a:lnTo>
                  <a:close/>
                  <a:moveTo>
                    <a:pt x="1298" y="573"/>
                  </a:moveTo>
                  <a:lnTo>
                    <a:pt x="1307" y="569"/>
                  </a:lnTo>
                  <a:lnTo>
                    <a:pt x="1310" y="581"/>
                  </a:lnTo>
                  <a:lnTo>
                    <a:pt x="1306" y="582"/>
                  </a:lnTo>
                  <a:lnTo>
                    <a:pt x="1298" y="573"/>
                  </a:lnTo>
                  <a:close/>
                  <a:moveTo>
                    <a:pt x="1265" y="273"/>
                  </a:moveTo>
                  <a:lnTo>
                    <a:pt x="1280" y="274"/>
                  </a:lnTo>
                  <a:lnTo>
                    <a:pt x="1287" y="283"/>
                  </a:lnTo>
                  <a:lnTo>
                    <a:pt x="1326" y="285"/>
                  </a:lnTo>
                  <a:lnTo>
                    <a:pt x="1346" y="293"/>
                  </a:lnTo>
                  <a:lnTo>
                    <a:pt x="1363" y="288"/>
                  </a:lnTo>
                  <a:lnTo>
                    <a:pt x="1394" y="293"/>
                  </a:lnTo>
                  <a:lnTo>
                    <a:pt x="1405" y="290"/>
                  </a:lnTo>
                  <a:lnTo>
                    <a:pt x="1446" y="254"/>
                  </a:lnTo>
                  <a:lnTo>
                    <a:pt x="1453" y="257"/>
                  </a:lnTo>
                  <a:lnTo>
                    <a:pt x="1453" y="271"/>
                  </a:lnTo>
                  <a:lnTo>
                    <a:pt x="1428" y="305"/>
                  </a:lnTo>
                  <a:lnTo>
                    <a:pt x="1411" y="317"/>
                  </a:lnTo>
                  <a:lnTo>
                    <a:pt x="1369" y="320"/>
                  </a:lnTo>
                  <a:lnTo>
                    <a:pt x="1348" y="311"/>
                  </a:lnTo>
                  <a:lnTo>
                    <a:pt x="1302" y="315"/>
                  </a:lnTo>
                  <a:lnTo>
                    <a:pt x="1276" y="310"/>
                  </a:lnTo>
                  <a:lnTo>
                    <a:pt x="1265" y="315"/>
                  </a:lnTo>
                  <a:lnTo>
                    <a:pt x="1236" y="313"/>
                  </a:lnTo>
                  <a:lnTo>
                    <a:pt x="1230" y="322"/>
                  </a:lnTo>
                  <a:lnTo>
                    <a:pt x="1221" y="344"/>
                  </a:lnTo>
                  <a:lnTo>
                    <a:pt x="1221" y="367"/>
                  </a:lnTo>
                  <a:lnTo>
                    <a:pt x="1236" y="378"/>
                  </a:lnTo>
                  <a:lnTo>
                    <a:pt x="1248" y="398"/>
                  </a:lnTo>
                  <a:lnTo>
                    <a:pt x="1267" y="396"/>
                  </a:lnTo>
                  <a:lnTo>
                    <a:pt x="1282" y="378"/>
                  </a:lnTo>
                  <a:lnTo>
                    <a:pt x="1290" y="373"/>
                  </a:lnTo>
                  <a:lnTo>
                    <a:pt x="1309" y="378"/>
                  </a:lnTo>
                  <a:lnTo>
                    <a:pt x="1312" y="371"/>
                  </a:lnTo>
                  <a:lnTo>
                    <a:pt x="1344" y="369"/>
                  </a:lnTo>
                  <a:lnTo>
                    <a:pt x="1346" y="362"/>
                  </a:lnTo>
                  <a:lnTo>
                    <a:pt x="1360" y="359"/>
                  </a:lnTo>
                  <a:lnTo>
                    <a:pt x="1368" y="359"/>
                  </a:lnTo>
                  <a:lnTo>
                    <a:pt x="1374" y="366"/>
                  </a:lnTo>
                  <a:lnTo>
                    <a:pt x="1374" y="375"/>
                  </a:lnTo>
                  <a:lnTo>
                    <a:pt x="1368" y="381"/>
                  </a:lnTo>
                  <a:lnTo>
                    <a:pt x="1357" y="375"/>
                  </a:lnTo>
                  <a:lnTo>
                    <a:pt x="1346" y="378"/>
                  </a:lnTo>
                  <a:lnTo>
                    <a:pt x="1323" y="404"/>
                  </a:lnTo>
                  <a:lnTo>
                    <a:pt x="1293" y="418"/>
                  </a:lnTo>
                  <a:lnTo>
                    <a:pt x="1278" y="417"/>
                  </a:lnTo>
                  <a:lnTo>
                    <a:pt x="1280" y="426"/>
                  </a:lnTo>
                  <a:lnTo>
                    <a:pt x="1292" y="432"/>
                  </a:lnTo>
                  <a:lnTo>
                    <a:pt x="1327" y="481"/>
                  </a:lnTo>
                  <a:lnTo>
                    <a:pt x="1319" y="488"/>
                  </a:lnTo>
                  <a:lnTo>
                    <a:pt x="1319" y="500"/>
                  </a:lnTo>
                  <a:lnTo>
                    <a:pt x="1335" y="513"/>
                  </a:lnTo>
                  <a:lnTo>
                    <a:pt x="1335" y="520"/>
                  </a:lnTo>
                  <a:lnTo>
                    <a:pt x="1344" y="523"/>
                  </a:lnTo>
                  <a:lnTo>
                    <a:pt x="1344" y="534"/>
                  </a:lnTo>
                  <a:lnTo>
                    <a:pt x="1315" y="540"/>
                  </a:lnTo>
                  <a:lnTo>
                    <a:pt x="1302" y="557"/>
                  </a:lnTo>
                  <a:lnTo>
                    <a:pt x="1290" y="556"/>
                  </a:lnTo>
                  <a:lnTo>
                    <a:pt x="1285" y="534"/>
                  </a:lnTo>
                  <a:lnTo>
                    <a:pt x="1289" y="523"/>
                  </a:lnTo>
                  <a:lnTo>
                    <a:pt x="1265" y="501"/>
                  </a:lnTo>
                  <a:lnTo>
                    <a:pt x="1258" y="489"/>
                  </a:lnTo>
                  <a:lnTo>
                    <a:pt x="1265" y="475"/>
                  </a:lnTo>
                  <a:lnTo>
                    <a:pt x="1264" y="458"/>
                  </a:lnTo>
                  <a:lnTo>
                    <a:pt x="1261" y="454"/>
                  </a:lnTo>
                  <a:lnTo>
                    <a:pt x="1252" y="454"/>
                  </a:lnTo>
                  <a:lnTo>
                    <a:pt x="1231" y="467"/>
                  </a:lnTo>
                  <a:lnTo>
                    <a:pt x="1228" y="477"/>
                  </a:lnTo>
                  <a:lnTo>
                    <a:pt x="1233" y="489"/>
                  </a:lnTo>
                  <a:lnTo>
                    <a:pt x="1236" y="551"/>
                  </a:lnTo>
                  <a:lnTo>
                    <a:pt x="1231" y="562"/>
                  </a:lnTo>
                  <a:lnTo>
                    <a:pt x="1235" y="588"/>
                  </a:lnTo>
                  <a:lnTo>
                    <a:pt x="1199" y="593"/>
                  </a:lnTo>
                  <a:lnTo>
                    <a:pt x="1193" y="590"/>
                  </a:lnTo>
                  <a:lnTo>
                    <a:pt x="1187" y="576"/>
                  </a:lnTo>
                  <a:lnTo>
                    <a:pt x="1199" y="520"/>
                  </a:lnTo>
                  <a:lnTo>
                    <a:pt x="1193" y="492"/>
                  </a:lnTo>
                  <a:lnTo>
                    <a:pt x="1171" y="494"/>
                  </a:lnTo>
                  <a:lnTo>
                    <a:pt x="1165" y="483"/>
                  </a:lnTo>
                  <a:lnTo>
                    <a:pt x="1163" y="455"/>
                  </a:lnTo>
                  <a:lnTo>
                    <a:pt x="1185" y="418"/>
                  </a:lnTo>
                  <a:lnTo>
                    <a:pt x="1185" y="393"/>
                  </a:lnTo>
                  <a:lnTo>
                    <a:pt x="1204" y="361"/>
                  </a:lnTo>
                  <a:lnTo>
                    <a:pt x="1207" y="342"/>
                  </a:lnTo>
                  <a:lnTo>
                    <a:pt x="1202" y="336"/>
                  </a:lnTo>
                  <a:lnTo>
                    <a:pt x="1210" y="327"/>
                  </a:lnTo>
                  <a:lnTo>
                    <a:pt x="1216" y="302"/>
                  </a:lnTo>
                  <a:lnTo>
                    <a:pt x="1226" y="293"/>
                  </a:lnTo>
                  <a:lnTo>
                    <a:pt x="1241" y="296"/>
                  </a:lnTo>
                  <a:lnTo>
                    <a:pt x="1252" y="276"/>
                  </a:lnTo>
                  <a:lnTo>
                    <a:pt x="1265" y="273"/>
                  </a:lnTo>
                  <a:close/>
                  <a:moveTo>
                    <a:pt x="1041" y="484"/>
                  </a:moveTo>
                  <a:lnTo>
                    <a:pt x="1046" y="511"/>
                  </a:lnTo>
                  <a:lnTo>
                    <a:pt x="1038" y="518"/>
                  </a:lnTo>
                  <a:lnTo>
                    <a:pt x="1035" y="494"/>
                  </a:lnTo>
                  <a:lnTo>
                    <a:pt x="1041" y="484"/>
                  </a:lnTo>
                  <a:close/>
                  <a:moveTo>
                    <a:pt x="1104" y="142"/>
                  </a:moveTo>
                  <a:lnTo>
                    <a:pt x="1095" y="147"/>
                  </a:lnTo>
                  <a:lnTo>
                    <a:pt x="1112" y="158"/>
                  </a:lnTo>
                  <a:lnTo>
                    <a:pt x="1112" y="164"/>
                  </a:lnTo>
                  <a:lnTo>
                    <a:pt x="1087" y="171"/>
                  </a:lnTo>
                  <a:lnTo>
                    <a:pt x="1103" y="197"/>
                  </a:lnTo>
                  <a:lnTo>
                    <a:pt x="1123" y="229"/>
                  </a:lnTo>
                  <a:lnTo>
                    <a:pt x="1119" y="248"/>
                  </a:lnTo>
                  <a:lnTo>
                    <a:pt x="1167" y="293"/>
                  </a:lnTo>
                  <a:lnTo>
                    <a:pt x="1143" y="296"/>
                  </a:lnTo>
                  <a:lnTo>
                    <a:pt x="1129" y="293"/>
                  </a:lnTo>
                  <a:lnTo>
                    <a:pt x="1123" y="285"/>
                  </a:lnTo>
                  <a:lnTo>
                    <a:pt x="1123" y="296"/>
                  </a:lnTo>
                  <a:lnTo>
                    <a:pt x="1114" y="302"/>
                  </a:lnTo>
                  <a:lnTo>
                    <a:pt x="1104" y="317"/>
                  </a:lnTo>
                  <a:lnTo>
                    <a:pt x="1099" y="356"/>
                  </a:lnTo>
                  <a:lnTo>
                    <a:pt x="1082" y="387"/>
                  </a:lnTo>
                  <a:lnTo>
                    <a:pt x="1070" y="392"/>
                  </a:lnTo>
                  <a:lnTo>
                    <a:pt x="1044" y="415"/>
                  </a:lnTo>
                  <a:lnTo>
                    <a:pt x="1050" y="418"/>
                  </a:lnTo>
                  <a:lnTo>
                    <a:pt x="1052" y="432"/>
                  </a:lnTo>
                  <a:lnTo>
                    <a:pt x="1061" y="437"/>
                  </a:lnTo>
                  <a:lnTo>
                    <a:pt x="1057" y="452"/>
                  </a:lnTo>
                  <a:lnTo>
                    <a:pt x="1050" y="452"/>
                  </a:lnTo>
                  <a:lnTo>
                    <a:pt x="1032" y="497"/>
                  </a:lnTo>
                  <a:lnTo>
                    <a:pt x="979" y="523"/>
                  </a:lnTo>
                  <a:lnTo>
                    <a:pt x="972" y="525"/>
                  </a:lnTo>
                  <a:lnTo>
                    <a:pt x="965" y="497"/>
                  </a:lnTo>
                  <a:lnTo>
                    <a:pt x="958" y="492"/>
                  </a:lnTo>
                  <a:lnTo>
                    <a:pt x="952" y="488"/>
                  </a:lnTo>
                  <a:lnTo>
                    <a:pt x="927" y="491"/>
                  </a:lnTo>
                  <a:lnTo>
                    <a:pt x="922" y="480"/>
                  </a:lnTo>
                  <a:lnTo>
                    <a:pt x="908" y="480"/>
                  </a:lnTo>
                  <a:lnTo>
                    <a:pt x="894" y="472"/>
                  </a:lnTo>
                  <a:lnTo>
                    <a:pt x="893" y="480"/>
                  </a:lnTo>
                  <a:lnTo>
                    <a:pt x="874" y="488"/>
                  </a:lnTo>
                  <a:lnTo>
                    <a:pt x="868" y="489"/>
                  </a:lnTo>
                  <a:lnTo>
                    <a:pt x="842" y="492"/>
                  </a:lnTo>
                  <a:lnTo>
                    <a:pt x="833" y="461"/>
                  </a:lnTo>
                  <a:lnTo>
                    <a:pt x="826" y="469"/>
                  </a:lnTo>
                  <a:lnTo>
                    <a:pt x="818" y="466"/>
                  </a:lnTo>
                  <a:lnTo>
                    <a:pt x="806" y="472"/>
                  </a:lnTo>
                  <a:lnTo>
                    <a:pt x="786" y="472"/>
                  </a:lnTo>
                  <a:lnTo>
                    <a:pt x="777" y="466"/>
                  </a:lnTo>
                  <a:lnTo>
                    <a:pt x="767" y="469"/>
                  </a:lnTo>
                  <a:lnTo>
                    <a:pt x="753" y="418"/>
                  </a:lnTo>
                  <a:lnTo>
                    <a:pt x="755" y="404"/>
                  </a:lnTo>
                  <a:lnTo>
                    <a:pt x="752" y="387"/>
                  </a:lnTo>
                  <a:lnTo>
                    <a:pt x="738" y="366"/>
                  </a:lnTo>
                  <a:lnTo>
                    <a:pt x="718" y="354"/>
                  </a:lnTo>
                  <a:lnTo>
                    <a:pt x="716" y="345"/>
                  </a:lnTo>
                  <a:lnTo>
                    <a:pt x="715" y="327"/>
                  </a:lnTo>
                  <a:lnTo>
                    <a:pt x="706" y="311"/>
                  </a:lnTo>
                  <a:lnTo>
                    <a:pt x="706" y="285"/>
                  </a:lnTo>
                  <a:lnTo>
                    <a:pt x="716" y="260"/>
                  </a:lnTo>
                  <a:lnTo>
                    <a:pt x="735" y="239"/>
                  </a:lnTo>
                  <a:lnTo>
                    <a:pt x="736" y="251"/>
                  </a:lnTo>
                  <a:lnTo>
                    <a:pt x="755" y="285"/>
                  </a:lnTo>
                  <a:lnTo>
                    <a:pt x="767" y="288"/>
                  </a:lnTo>
                  <a:lnTo>
                    <a:pt x="778" y="291"/>
                  </a:lnTo>
                  <a:lnTo>
                    <a:pt x="797" y="286"/>
                  </a:lnTo>
                  <a:lnTo>
                    <a:pt x="806" y="291"/>
                  </a:lnTo>
                  <a:lnTo>
                    <a:pt x="829" y="290"/>
                  </a:lnTo>
                  <a:lnTo>
                    <a:pt x="860" y="263"/>
                  </a:lnTo>
                  <a:lnTo>
                    <a:pt x="884" y="265"/>
                  </a:lnTo>
                  <a:lnTo>
                    <a:pt x="889" y="271"/>
                  </a:lnTo>
                  <a:lnTo>
                    <a:pt x="910" y="277"/>
                  </a:lnTo>
                  <a:lnTo>
                    <a:pt x="945" y="269"/>
                  </a:lnTo>
                  <a:lnTo>
                    <a:pt x="962" y="260"/>
                  </a:lnTo>
                  <a:lnTo>
                    <a:pt x="972" y="246"/>
                  </a:lnTo>
                  <a:lnTo>
                    <a:pt x="984" y="209"/>
                  </a:lnTo>
                  <a:lnTo>
                    <a:pt x="1006" y="183"/>
                  </a:lnTo>
                  <a:lnTo>
                    <a:pt x="1023" y="134"/>
                  </a:lnTo>
                  <a:lnTo>
                    <a:pt x="1080" y="134"/>
                  </a:lnTo>
                  <a:lnTo>
                    <a:pt x="1104" y="142"/>
                  </a:lnTo>
                  <a:close/>
                  <a:moveTo>
                    <a:pt x="650" y="450"/>
                  </a:moveTo>
                  <a:lnTo>
                    <a:pt x="662" y="449"/>
                  </a:lnTo>
                  <a:lnTo>
                    <a:pt x="676" y="458"/>
                  </a:lnTo>
                  <a:lnTo>
                    <a:pt x="670" y="477"/>
                  </a:lnTo>
                  <a:lnTo>
                    <a:pt x="648" y="474"/>
                  </a:lnTo>
                  <a:lnTo>
                    <a:pt x="645" y="463"/>
                  </a:lnTo>
                  <a:lnTo>
                    <a:pt x="650" y="450"/>
                  </a:lnTo>
                  <a:close/>
                  <a:moveTo>
                    <a:pt x="534" y="420"/>
                  </a:moveTo>
                  <a:lnTo>
                    <a:pt x="545" y="404"/>
                  </a:lnTo>
                  <a:lnTo>
                    <a:pt x="555" y="404"/>
                  </a:lnTo>
                  <a:lnTo>
                    <a:pt x="560" y="412"/>
                  </a:lnTo>
                  <a:lnTo>
                    <a:pt x="563" y="401"/>
                  </a:lnTo>
                  <a:lnTo>
                    <a:pt x="569" y="401"/>
                  </a:lnTo>
                  <a:lnTo>
                    <a:pt x="586" y="444"/>
                  </a:lnTo>
                  <a:lnTo>
                    <a:pt x="605" y="449"/>
                  </a:lnTo>
                  <a:lnTo>
                    <a:pt x="605" y="472"/>
                  </a:lnTo>
                  <a:lnTo>
                    <a:pt x="599" y="474"/>
                  </a:lnTo>
                  <a:lnTo>
                    <a:pt x="577" y="463"/>
                  </a:lnTo>
                  <a:lnTo>
                    <a:pt x="562" y="432"/>
                  </a:lnTo>
                  <a:lnTo>
                    <a:pt x="534" y="420"/>
                  </a:lnTo>
                  <a:close/>
                  <a:moveTo>
                    <a:pt x="6" y="0"/>
                  </a:moveTo>
                  <a:lnTo>
                    <a:pt x="0" y="3"/>
                  </a:lnTo>
                  <a:lnTo>
                    <a:pt x="3" y="20"/>
                  </a:lnTo>
                  <a:lnTo>
                    <a:pt x="8" y="16"/>
                  </a:lnTo>
                  <a:lnTo>
                    <a:pt x="6" y="0"/>
                  </a:lnTo>
                  <a:close/>
                  <a:moveTo>
                    <a:pt x="998" y="645"/>
                  </a:moveTo>
                  <a:lnTo>
                    <a:pt x="1007" y="644"/>
                  </a:lnTo>
                  <a:lnTo>
                    <a:pt x="1010" y="650"/>
                  </a:lnTo>
                  <a:lnTo>
                    <a:pt x="1001" y="655"/>
                  </a:lnTo>
                  <a:lnTo>
                    <a:pt x="998" y="645"/>
                  </a:lnTo>
                  <a:close/>
                  <a:moveTo>
                    <a:pt x="986" y="704"/>
                  </a:moveTo>
                  <a:lnTo>
                    <a:pt x="1001" y="704"/>
                  </a:lnTo>
                  <a:lnTo>
                    <a:pt x="1015" y="715"/>
                  </a:lnTo>
                  <a:lnTo>
                    <a:pt x="1015" y="721"/>
                  </a:lnTo>
                  <a:lnTo>
                    <a:pt x="1001" y="729"/>
                  </a:lnTo>
                  <a:lnTo>
                    <a:pt x="996" y="738"/>
                  </a:lnTo>
                  <a:lnTo>
                    <a:pt x="981" y="720"/>
                  </a:lnTo>
                  <a:lnTo>
                    <a:pt x="964" y="715"/>
                  </a:lnTo>
                  <a:lnTo>
                    <a:pt x="965" y="703"/>
                  </a:lnTo>
                  <a:lnTo>
                    <a:pt x="986" y="704"/>
                  </a:lnTo>
                  <a:close/>
                  <a:moveTo>
                    <a:pt x="1035" y="721"/>
                  </a:moveTo>
                  <a:lnTo>
                    <a:pt x="1046" y="711"/>
                  </a:lnTo>
                  <a:lnTo>
                    <a:pt x="1061" y="715"/>
                  </a:lnTo>
                  <a:lnTo>
                    <a:pt x="1060" y="743"/>
                  </a:lnTo>
                  <a:lnTo>
                    <a:pt x="1027" y="741"/>
                  </a:lnTo>
                  <a:lnTo>
                    <a:pt x="1035" y="721"/>
                  </a:lnTo>
                  <a:close/>
                  <a:moveTo>
                    <a:pt x="1080" y="720"/>
                  </a:moveTo>
                  <a:lnTo>
                    <a:pt x="1104" y="721"/>
                  </a:lnTo>
                  <a:lnTo>
                    <a:pt x="1117" y="733"/>
                  </a:lnTo>
                  <a:lnTo>
                    <a:pt x="1133" y="729"/>
                  </a:lnTo>
                  <a:lnTo>
                    <a:pt x="1116" y="715"/>
                  </a:lnTo>
                  <a:lnTo>
                    <a:pt x="1114" y="708"/>
                  </a:lnTo>
                  <a:lnTo>
                    <a:pt x="1121" y="704"/>
                  </a:lnTo>
                  <a:lnTo>
                    <a:pt x="1134" y="716"/>
                  </a:lnTo>
                  <a:lnTo>
                    <a:pt x="1148" y="713"/>
                  </a:lnTo>
                  <a:lnTo>
                    <a:pt x="1154" y="724"/>
                  </a:lnTo>
                  <a:lnTo>
                    <a:pt x="1163" y="713"/>
                  </a:lnTo>
                  <a:lnTo>
                    <a:pt x="1177" y="733"/>
                  </a:lnTo>
                  <a:lnTo>
                    <a:pt x="1165" y="732"/>
                  </a:lnTo>
                  <a:lnTo>
                    <a:pt x="1163" y="738"/>
                  </a:lnTo>
                  <a:lnTo>
                    <a:pt x="1153" y="740"/>
                  </a:lnTo>
                  <a:lnTo>
                    <a:pt x="1143" y="733"/>
                  </a:lnTo>
                  <a:lnTo>
                    <a:pt x="1108" y="746"/>
                  </a:lnTo>
                  <a:lnTo>
                    <a:pt x="1078" y="750"/>
                  </a:lnTo>
                  <a:lnTo>
                    <a:pt x="1070" y="746"/>
                  </a:lnTo>
                  <a:lnTo>
                    <a:pt x="1067" y="729"/>
                  </a:lnTo>
                  <a:lnTo>
                    <a:pt x="1080" y="720"/>
                  </a:lnTo>
                  <a:close/>
                  <a:moveTo>
                    <a:pt x="1214" y="760"/>
                  </a:moveTo>
                  <a:lnTo>
                    <a:pt x="1241" y="780"/>
                  </a:lnTo>
                  <a:lnTo>
                    <a:pt x="1253" y="799"/>
                  </a:lnTo>
                  <a:lnTo>
                    <a:pt x="1239" y="808"/>
                  </a:lnTo>
                  <a:lnTo>
                    <a:pt x="1228" y="806"/>
                  </a:lnTo>
                  <a:lnTo>
                    <a:pt x="1199" y="783"/>
                  </a:lnTo>
                  <a:lnTo>
                    <a:pt x="1179" y="782"/>
                  </a:lnTo>
                  <a:lnTo>
                    <a:pt x="1171" y="769"/>
                  </a:lnTo>
                  <a:lnTo>
                    <a:pt x="1214" y="760"/>
                  </a:lnTo>
                  <a:close/>
                  <a:moveTo>
                    <a:pt x="1214" y="721"/>
                  </a:moveTo>
                  <a:lnTo>
                    <a:pt x="1244" y="711"/>
                  </a:lnTo>
                  <a:lnTo>
                    <a:pt x="1267" y="716"/>
                  </a:lnTo>
                  <a:lnTo>
                    <a:pt x="1282" y="728"/>
                  </a:lnTo>
                  <a:lnTo>
                    <a:pt x="1309" y="721"/>
                  </a:lnTo>
                  <a:lnTo>
                    <a:pt x="1326" y="728"/>
                  </a:lnTo>
                  <a:lnTo>
                    <a:pt x="1348" y="715"/>
                  </a:lnTo>
                  <a:lnTo>
                    <a:pt x="1346" y="703"/>
                  </a:lnTo>
                  <a:lnTo>
                    <a:pt x="1353" y="716"/>
                  </a:lnTo>
                  <a:lnTo>
                    <a:pt x="1332" y="733"/>
                  </a:lnTo>
                  <a:lnTo>
                    <a:pt x="1265" y="745"/>
                  </a:lnTo>
                  <a:lnTo>
                    <a:pt x="1241" y="738"/>
                  </a:lnTo>
                  <a:lnTo>
                    <a:pt x="1211" y="738"/>
                  </a:lnTo>
                  <a:lnTo>
                    <a:pt x="1207" y="723"/>
                  </a:lnTo>
                  <a:lnTo>
                    <a:pt x="1214" y="721"/>
                  </a:lnTo>
                  <a:close/>
                  <a:moveTo>
                    <a:pt x="1368" y="724"/>
                  </a:moveTo>
                  <a:lnTo>
                    <a:pt x="1374" y="711"/>
                  </a:lnTo>
                  <a:lnTo>
                    <a:pt x="1378" y="716"/>
                  </a:lnTo>
                  <a:lnTo>
                    <a:pt x="1386" y="709"/>
                  </a:lnTo>
                  <a:lnTo>
                    <a:pt x="1391" y="713"/>
                  </a:lnTo>
                  <a:lnTo>
                    <a:pt x="1382" y="724"/>
                  </a:lnTo>
                  <a:lnTo>
                    <a:pt x="1377" y="728"/>
                  </a:lnTo>
                  <a:lnTo>
                    <a:pt x="1368" y="724"/>
                  </a:lnTo>
                  <a:close/>
                  <a:moveTo>
                    <a:pt x="1399" y="723"/>
                  </a:moveTo>
                  <a:lnTo>
                    <a:pt x="1399" y="718"/>
                  </a:lnTo>
                  <a:lnTo>
                    <a:pt x="1411" y="711"/>
                  </a:lnTo>
                  <a:lnTo>
                    <a:pt x="1405" y="726"/>
                  </a:lnTo>
                  <a:lnTo>
                    <a:pt x="1399" y="723"/>
                  </a:lnTo>
                  <a:close/>
                  <a:moveTo>
                    <a:pt x="1420" y="709"/>
                  </a:moveTo>
                  <a:lnTo>
                    <a:pt x="1446" y="708"/>
                  </a:lnTo>
                  <a:lnTo>
                    <a:pt x="1450" y="713"/>
                  </a:lnTo>
                  <a:lnTo>
                    <a:pt x="1439" y="721"/>
                  </a:lnTo>
                  <a:lnTo>
                    <a:pt x="1425" y="721"/>
                  </a:lnTo>
                  <a:lnTo>
                    <a:pt x="1419" y="720"/>
                  </a:lnTo>
                  <a:lnTo>
                    <a:pt x="1420" y="709"/>
                  </a:lnTo>
                  <a:close/>
                  <a:moveTo>
                    <a:pt x="1348" y="834"/>
                  </a:moveTo>
                  <a:lnTo>
                    <a:pt x="1348" y="830"/>
                  </a:lnTo>
                  <a:lnTo>
                    <a:pt x="1372" y="816"/>
                  </a:lnTo>
                  <a:lnTo>
                    <a:pt x="1363" y="831"/>
                  </a:lnTo>
                  <a:lnTo>
                    <a:pt x="1357" y="836"/>
                  </a:lnTo>
                  <a:lnTo>
                    <a:pt x="1348" y="834"/>
                  </a:lnTo>
                  <a:close/>
                  <a:moveTo>
                    <a:pt x="1450" y="767"/>
                  </a:moveTo>
                  <a:lnTo>
                    <a:pt x="1446" y="779"/>
                  </a:lnTo>
                  <a:lnTo>
                    <a:pt x="1431" y="796"/>
                  </a:lnTo>
                  <a:lnTo>
                    <a:pt x="1397" y="809"/>
                  </a:lnTo>
                  <a:lnTo>
                    <a:pt x="1382" y="809"/>
                  </a:lnTo>
                  <a:lnTo>
                    <a:pt x="1378" y="806"/>
                  </a:lnTo>
                  <a:lnTo>
                    <a:pt x="1383" y="799"/>
                  </a:lnTo>
                  <a:lnTo>
                    <a:pt x="1385" y="775"/>
                  </a:lnTo>
                  <a:lnTo>
                    <a:pt x="1391" y="771"/>
                  </a:lnTo>
                  <a:lnTo>
                    <a:pt x="1434" y="750"/>
                  </a:lnTo>
                  <a:lnTo>
                    <a:pt x="1450" y="732"/>
                  </a:lnTo>
                  <a:lnTo>
                    <a:pt x="1538" y="718"/>
                  </a:lnTo>
                  <a:lnTo>
                    <a:pt x="1546" y="720"/>
                  </a:lnTo>
                  <a:lnTo>
                    <a:pt x="1543" y="733"/>
                  </a:lnTo>
                  <a:lnTo>
                    <a:pt x="1468" y="760"/>
                  </a:lnTo>
                  <a:lnTo>
                    <a:pt x="1454" y="769"/>
                  </a:lnTo>
                  <a:lnTo>
                    <a:pt x="1450" y="767"/>
                  </a:lnTo>
                  <a:close/>
                  <a:moveTo>
                    <a:pt x="1487" y="703"/>
                  </a:moveTo>
                  <a:lnTo>
                    <a:pt x="1482" y="698"/>
                  </a:lnTo>
                  <a:lnTo>
                    <a:pt x="1488" y="687"/>
                  </a:lnTo>
                  <a:lnTo>
                    <a:pt x="1502" y="687"/>
                  </a:lnTo>
                  <a:lnTo>
                    <a:pt x="1519" y="679"/>
                  </a:lnTo>
                  <a:lnTo>
                    <a:pt x="1529" y="689"/>
                  </a:lnTo>
                  <a:lnTo>
                    <a:pt x="1514" y="700"/>
                  </a:lnTo>
                  <a:lnTo>
                    <a:pt x="1487" y="703"/>
                  </a:lnTo>
                  <a:close/>
                  <a:moveTo>
                    <a:pt x="76" y="76"/>
                  </a:moveTo>
                  <a:lnTo>
                    <a:pt x="99" y="76"/>
                  </a:lnTo>
                  <a:lnTo>
                    <a:pt x="110" y="88"/>
                  </a:lnTo>
                  <a:lnTo>
                    <a:pt x="127" y="92"/>
                  </a:lnTo>
                  <a:lnTo>
                    <a:pt x="184" y="96"/>
                  </a:lnTo>
                  <a:lnTo>
                    <a:pt x="198" y="107"/>
                  </a:lnTo>
                  <a:lnTo>
                    <a:pt x="218" y="142"/>
                  </a:lnTo>
                  <a:lnTo>
                    <a:pt x="238" y="163"/>
                  </a:lnTo>
                  <a:lnTo>
                    <a:pt x="269" y="175"/>
                  </a:lnTo>
                  <a:lnTo>
                    <a:pt x="293" y="198"/>
                  </a:lnTo>
                  <a:lnTo>
                    <a:pt x="296" y="206"/>
                  </a:lnTo>
                  <a:lnTo>
                    <a:pt x="306" y="210"/>
                  </a:lnTo>
                  <a:lnTo>
                    <a:pt x="323" y="232"/>
                  </a:lnTo>
                  <a:lnTo>
                    <a:pt x="334" y="237"/>
                  </a:lnTo>
                  <a:lnTo>
                    <a:pt x="337" y="231"/>
                  </a:lnTo>
                  <a:lnTo>
                    <a:pt x="344" y="231"/>
                  </a:lnTo>
                  <a:lnTo>
                    <a:pt x="359" y="252"/>
                  </a:lnTo>
                  <a:lnTo>
                    <a:pt x="388" y="266"/>
                  </a:lnTo>
                  <a:lnTo>
                    <a:pt x="396" y="277"/>
                  </a:lnTo>
                  <a:lnTo>
                    <a:pt x="399" y="282"/>
                  </a:lnTo>
                  <a:lnTo>
                    <a:pt x="401" y="271"/>
                  </a:lnTo>
                  <a:lnTo>
                    <a:pt x="415" y="285"/>
                  </a:lnTo>
                  <a:lnTo>
                    <a:pt x="437" y="286"/>
                  </a:lnTo>
                  <a:lnTo>
                    <a:pt x="437" y="293"/>
                  </a:lnTo>
                  <a:lnTo>
                    <a:pt x="432" y="296"/>
                  </a:lnTo>
                  <a:lnTo>
                    <a:pt x="435" y="313"/>
                  </a:lnTo>
                  <a:lnTo>
                    <a:pt x="454" y="310"/>
                  </a:lnTo>
                  <a:lnTo>
                    <a:pt x="464" y="319"/>
                  </a:lnTo>
                  <a:lnTo>
                    <a:pt x="467" y="330"/>
                  </a:lnTo>
                  <a:lnTo>
                    <a:pt x="457" y="342"/>
                  </a:lnTo>
                  <a:lnTo>
                    <a:pt x="466" y="345"/>
                  </a:lnTo>
                  <a:lnTo>
                    <a:pt x="454" y="364"/>
                  </a:lnTo>
                  <a:lnTo>
                    <a:pt x="457" y="371"/>
                  </a:lnTo>
                  <a:lnTo>
                    <a:pt x="474" y="379"/>
                  </a:lnTo>
                  <a:lnTo>
                    <a:pt x="484" y="383"/>
                  </a:lnTo>
                  <a:lnTo>
                    <a:pt x="496" y="383"/>
                  </a:lnTo>
                  <a:lnTo>
                    <a:pt x="504" y="420"/>
                  </a:lnTo>
                  <a:lnTo>
                    <a:pt x="521" y="429"/>
                  </a:lnTo>
                  <a:lnTo>
                    <a:pt x="517" y="440"/>
                  </a:lnTo>
                  <a:lnTo>
                    <a:pt x="523" y="441"/>
                  </a:lnTo>
                  <a:lnTo>
                    <a:pt x="555" y="446"/>
                  </a:lnTo>
                  <a:lnTo>
                    <a:pt x="572" y="469"/>
                  </a:lnTo>
                  <a:lnTo>
                    <a:pt x="574" y="477"/>
                  </a:lnTo>
                  <a:lnTo>
                    <a:pt x="568" y="505"/>
                  </a:lnTo>
                  <a:lnTo>
                    <a:pt x="571" y="511"/>
                  </a:lnTo>
                  <a:lnTo>
                    <a:pt x="562" y="598"/>
                  </a:lnTo>
                  <a:lnTo>
                    <a:pt x="542" y="585"/>
                  </a:lnTo>
                  <a:lnTo>
                    <a:pt x="537" y="596"/>
                  </a:lnTo>
                  <a:lnTo>
                    <a:pt x="532" y="598"/>
                  </a:lnTo>
                  <a:lnTo>
                    <a:pt x="515" y="585"/>
                  </a:lnTo>
                  <a:lnTo>
                    <a:pt x="509" y="588"/>
                  </a:lnTo>
                  <a:lnTo>
                    <a:pt x="515" y="599"/>
                  </a:lnTo>
                  <a:lnTo>
                    <a:pt x="511" y="602"/>
                  </a:lnTo>
                  <a:lnTo>
                    <a:pt x="470" y="560"/>
                  </a:lnTo>
                  <a:lnTo>
                    <a:pt x="412" y="522"/>
                  </a:lnTo>
                  <a:lnTo>
                    <a:pt x="398" y="498"/>
                  </a:lnTo>
                  <a:lnTo>
                    <a:pt x="342" y="440"/>
                  </a:lnTo>
                  <a:lnTo>
                    <a:pt x="337" y="420"/>
                  </a:lnTo>
                  <a:lnTo>
                    <a:pt x="322" y="387"/>
                  </a:lnTo>
                  <a:lnTo>
                    <a:pt x="308" y="362"/>
                  </a:lnTo>
                  <a:lnTo>
                    <a:pt x="293" y="347"/>
                  </a:lnTo>
                  <a:lnTo>
                    <a:pt x="285" y="332"/>
                  </a:lnTo>
                  <a:lnTo>
                    <a:pt x="260" y="320"/>
                  </a:lnTo>
                  <a:lnTo>
                    <a:pt x="242" y="256"/>
                  </a:lnTo>
                  <a:lnTo>
                    <a:pt x="227" y="240"/>
                  </a:lnTo>
                  <a:lnTo>
                    <a:pt x="193" y="227"/>
                  </a:lnTo>
                  <a:lnTo>
                    <a:pt x="184" y="201"/>
                  </a:lnTo>
                  <a:lnTo>
                    <a:pt x="180" y="198"/>
                  </a:lnTo>
                  <a:lnTo>
                    <a:pt x="163" y="175"/>
                  </a:lnTo>
                  <a:lnTo>
                    <a:pt x="147" y="163"/>
                  </a:lnTo>
                  <a:lnTo>
                    <a:pt x="139" y="163"/>
                  </a:lnTo>
                  <a:lnTo>
                    <a:pt x="90" y="115"/>
                  </a:lnTo>
                  <a:lnTo>
                    <a:pt x="78" y="93"/>
                  </a:lnTo>
                  <a:lnTo>
                    <a:pt x="76" y="76"/>
                  </a:lnTo>
                  <a:close/>
                  <a:moveTo>
                    <a:pt x="851" y="713"/>
                  </a:moveTo>
                  <a:lnTo>
                    <a:pt x="833" y="718"/>
                  </a:lnTo>
                  <a:lnTo>
                    <a:pt x="811" y="708"/>
                  </a:lnTo>
                  <a:lnTo>
                    <a:pt x="792" y="709"/>
                  </a:lnTo>
                  <a:lnTo>
                    <a:pt x="741" y="687"/>
                  </a:lnTo>
                  <a:lnTo>
                    <a:pt x="698" y="684"/>
                  </a:lnTo>
                  <a:lnTo>
                    <a:pt x="686" y="691"/>
                  </a:lnTo>
                  <a:lnTo>
                    <a:pt x="645" y="679"/>
                  </a:lnTo>
                  <a:lnTo>
                    <a:pt x="616" y="678"/>
                  </a:lnTo>
                  <a:lnTo>
                    <a:pt x="589" y="666"/>
                  </a:lnTo>
                  <a:lnTo>
                    <a:pt x="596" y="653"/>
                  </a:lnTo>
                  <a:lnTo>
                    <a:pt x="542" y="644"/>
                  </a:lnTo>
                  <a:lnTo>
                    <a:pt x="538" y="633"/>
                  </a:lnTo>
                  <a:lnTo>
                    <a:pt x="543" y="638"/>
                  </a:lnTo>
                  <a:lnTo>
                    <a:pt x="554" y="636"/>
                  </a:lnTo>
                  <a:lnTo>
                    <a:pt x="571" y="608"/>
                  </a:lnTo>
                  <a:lnTo>
                    <a:pt x="582" y="605"/>
                  </a:lnTo>
                  <a:lnTo>
                    <a:pt x="611" y="610"/>
                  </a:lnTo>
                  <a:lnTo>
                    <a:pt x="631" y="605"/>
                  </a:lnTo>
                  <a:lnTo>
                    <a:pt x="640" y="616"/>
                  </a:lnTo>
                  <a:lnTo>
                    <a:pt x="676" y="621"/>
                  </a:lnTo>
                  <a:lnTo>
                    <a:pt x="693" y="644"/>
                  </a:lnTo>
                  <a:lnTo>
                    <a:pt x="701" y="645"/>
                  </a:lnTo>
                  <a:lnTo>
                    <a:pt x="733" y="645"/>
                  </a:lnTo>
                  <a:lnTo>
                    <a:pt x="772" y="652"/>
                  </a:lnTo>
                  <a:lnTo>
                    <a:pt x="777" y="649"/>
                  </a:lnTo>
                  <a:lnTo>
                    <a:pt x="786" y="630"/>
                  </a:lnTo>
                  <a:lnTo>
                    <a:pt x="800" y="627"/>
                  </a:lnTo>
                  <a:lnTo>
                    <a:pt x="809" y="638"/>
                  </a:lnTo>
                  <a:lnTo>
                    <a:pt x="825" y="635"/>
                  </a:lnTo>
                  <a:lnTo>
                    <a:pt x="850" y="647"/>
                  </a:lnTo>
                  <a:lnTo>
                    <a:pt x="871" y="650"/>
                  </a:lnTo>
                  <a:lnTo>
                    <a:pt x="884" y="667"/>
                  </a:lnTo>
                  <a:lnTo>
                    <a:pt x="885" y="681"/>
                  </a:lnTo>
                  <a:lnTo>
                    <a:pt x="894" y="684"/>
                  </a:lnTo>
                  <a:lnTo>
                    <a:pt x="942" y="684"/>
                  </a:lnTo>
                  <a:lnTo>
                    <a:pt x="956" y="691"/>
                  </a:lnTo>
                  <a:lnTo>
                    <a:pt x="955" y="720"/>
                  </a:lnTo>
                  <a:lnTo>
                    <a:pt x="962" y="738"/>
                  </a:lnTo>
                  <a:lnTo>
                    <a:pt x="953" y="729"/>
                  </a:lnTo>
                  <a:lnTo>
                    <a:pt x="901" y="715"/>
                  </a:lnTo>
                  <a:lnTo>
                    <a:pt x="879" y="720"/>
                  </a:lnTo>
                  <a:lnTo>
                    <a:pt x="851" y="713"/>
                  </a:lnTo>
                  <a:close/>
                  <a:moveTo>
                    <a:pt x="99" y="205"/>
                  </a:moveTo>
                  <a:lnTo>
                    <a:pt x="104" y="200"/>
                  </a:lnTo>
                  <a:lnTo>
                    <a:pt x="129" y="217"/>
                  </a:lnTo>
                  <a:lnTo>
                    <a:pt x="132" y="225"/>
                  </a:lnTo>
                  <a:lnTo>
                    <a:pt x="99" y="205"/>
                  </a:lnTo>
                  <a:close/>
                  <a:moveTo>
                    <a:pt x="167" y="269"/>
                  </a:moveTo>
                  <a:lnTo>
                    <a:pt x="176" y="263"/>
                  </a:lnTo>
                  <a:lnTo>
                    <a:pt x="200" y="286"/>
                  </a:lnTo>
                  <a:lnTo>
                    <a:pt x="200" y="305"/>
                  </a:lnTo>
                  <a:lnTo>
                    <a:pt x="195" y="305"/>
                  </a:lnTo>
                  <a:lnTo>
                    <a:pt x="167" y="269"/>
                  </a:lnTo>
                  <a:close/>
                  <a:moveTo>
                    <a:pt x="237" y="376"/>
                  </a:moveTo>
                  <a:lnTo>
                    <a:pt x="249" y="378"/>
                  </a:lnTo>
                  <a:lnTo>
                    <a:pt x="263" y="412"/>
                  </a:lnTo>
                  <a:lnTo>
                    <a:pt x="251" y="412"/>
                  </a:lnTo>
                  <a:lnTo>
                    <a:pt x="240" y="401"/>
                  </a:lnTo>
                  <a:lnTo>
                    <a:pt x="234" y="384"/>
                  </a:lnTo>
                  <a:lnTo>
                    <a:pt x="237" y="376"/>
                  </a:lnTo>
                  <a:close/>
                  <a:moveTo>
                    <a:pt x="478" y="268"/>
                  </a:moveTo>
                  <a:lnTo>
                    <a:pt x="472" y="263"/>
                  </a:lnTo>
                  <a:lnTo>
                    <a:pt x="464" y="266"/>
                  </a:lnTo>
                  <a:lnTo>
                    <a:pt x="464" y="273"/>
                  </a:lnTo>
                  <a:lnTo>
                    <a:pt x="478" y="26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39" name="Freeform 78"/>
            <p:cNvSpPr>
              <a:spLocks noChangeAspect="1" noEditPoints="1"/>
            </p:cNvSpPr>
            <p:nvPr/>
          </p:nvSpPr>
          <p:spPr bwMode="gray">
            <a:xfrm>
              <a:off x="7559675" y="4414838"/>
              <a:ext cx="908050" cy="841375"/>
            </a:xfrm>
            <a:custGeom>
              <a:avLst/>
              <a:gdLst>
                <a:gd name="T0" fmla="*/ 6 w 1865"/>
                <a:gd name="T1" fmla="*/ 35 h 1730"/>
                <a:gd name="T2" fmla="*/ 12 w 1865"/>
                <a:gd name="T3" fmla="*/ 33 h 1730"/>
                <a:gd name="T4" fmla="*/ 25 w 1865"/>
                <a:gd name="T5" fmla="*/ 30 h 1730"/>
                <a:gd name="T6" fmla="*/ 28 w 1865"/>
                <a:gd name="T7" fmla="*/ 32 h 1730"/>
                <a:gd name="T8" fmla="*/ 30 w 1865"/>
                <a:gd name="T9" fmla="*/ 35 h 1730"/>
                <a:gd name="T10" fmla="*/ 33 w 1865"/>
                <a:gd name="T11" fmla="*/ 31 h 1730"/>
                <a:gd name="T12" fmla="*/ 32 w 1865"/>
                <a:gd name="T13" fmla="*/ 36 h 1730"/>
                <a:gd name="T14" fmla="*/ 35 w 1865"/>
                <a:gd name="T15" fmla="*/ 36 h 1730"/>
                <a:gd name="T16" fmla="*/ 38 w 1865"/>
                <a:gd name="T17" fmla="*/ 41 h 1730"/>
                <a:gd name="T18" fmla="*/ 42 w 1865"/>
                <a:gd name="T19" fmla="*/ 40 h 1730"/>
                <a:gd name="T20" fmla="*/ 43 w 1865"/>
                <a:gd name="T21" fmla="*/ 40 h 1730"/>
                <a:gd name="T22" fmla="*/ 46 w 1865"/>
                <a:gd name="T23" fmla="*/ 40 h 1730"/>
                <a:gd name="T24" fmla="*/ 49 w 1865"/>
                <a:gd name="T25" fmla="*/ 37 h 1730"/>
                <a:gd name="T26" fmla="*/ 52 w 1865"/>
                <a:gd name="T27" fmla="*/ 32 h 1730"/>
                <a:gd name="T28" fmla="*/ 53 w 1865"/>
                <a:gd name="T29" fmla="*/ 28 h 1730"/>
                <a:gd name="T30" fmla="*/ 53 w 1865"/>
                <a:gd name="T31" fmla="*/ 21 h 1730"/>
                <a:gd name="T32" fmla="*/ 51 w 1865"/>
                <a:gd name="T33" fmla="*/ 18 h 1730"/>
                <a:gd name="T34" fmla="*/ 49 w 1865"/>
                <a:gd name="T35" fmla="*/ 16 h 1730"/>
                <a:gd name="T36" fmla="*/ 48 w 1865"/>
                <a:gd name="T37" fmla="*/ 13 h 1730"/>
                <a:gd name="T38" fmla="*/ 45 w 1865"/>
                <a:gd name="T39" fmla="*/ 12 h 1730"/>
                <a:gd name="T40" fmla="*/ 44 w 1865"/>
                <a:gd name="T41" fmla="*/ 9 h 1730"/>
                <a:gd name="T42" fmla="*/ 41 w 1865"/>
                <a:gd name="T43" fmla="*/ 5 h 1730"/>
                <a:gd name="T44" fmla="*/ 39 w 1865"/>
                <a:gd name="T45" fmla="*/ 0 h 1730"/>
                <a:gd name="T46" fmla="*/ 38 w 1865"/>
                <a:gd name="T47" fmla="*/ 3 h 1730"/>
                <a:gd name="T48" fmla="*/ 36 w 1865"/>
                <a:gd name="T49" fmla="*/ 10 h 1730"/>
                <a:gd name="T50" fmla="*/ 30 w 1865"/>
                <a:gd name="T51" fmla="*/ 6 h 1730"/>
                <a:gd name="T52" fmla="*/ 31 w 1865"/>
                <a:gd name="T53" fmla="*/ 3 h 1730"/>
                <a:gd name="T54" fmla="*/ 31 w 1865"/>
                <a:gd name="T55" fmla="*/ 2 h 1730"/>
                <a:gd name="T56" fmla="*/ 30 w 1865"/>
                <a:gd name="T57" fmla="*/ 2 h 1730"/>
                <a:gd name="T58" fmla="*/ 26 w 1865"/>
                <a:gd name="T59" fmla="*/ 2 h 1730"/>
                <a:gd name="T60" fmla="*/ 25 w 1865"/>
                <a:gd name="T61" fmla="*/ 1 h 1730"/>
                <a:gd name="T62" fmla="*/ 24 w 1865"/>
                <a:gd name="T63" fmla="*/ 2 h 1730"/>
                <a:gd name="T64" fmla="*/ 23 w 1865"/>
                <a:gd name="T65" fmla="*/ 4 h 1730"/>
                <a:gd name="T66" fmla="*/ 22 w 1865"/>
                <a:gd name="T67" fmla="*/ 6 h 1730"/>
                <a:gd name="T68" fmla="*/ 19 w 1865"/>
                <a:gd name="T69" fmla="*/ 5 h 1730"/>
                <a:gd name="T70" fmla="*/ 17 w 1865"/>
                <a:gd name="T71" fmla="*/ 5 h 1730"/>
                <a:gd name="T72" fmla="*/ 16 w 1865"/>
                <a:gd name="T73" fmla="*/ 6 h 1730"/>
                <a:gd name="T74" fmla="*/ 15 w 1865"/>
                <a:gd name="T75" fmla="*/ 8 h 1730"/>
                <a:gd name="T76" fmla="*/ 14 w 1865"/>
                <a:gd name="T77" fmla="*/ 9 h 1730"/>
                <a:gd name="T78" fmla="*/ 11 w 1865"/>
                <a:gd name="T79" fmla="*/ 11 h 1730"/>
                <a:gd name="T80" fmla="*/ 5 w 1865"/>
                <a:gd name="T81" fmla="*/ 13 h 1730"/>
                <a:gd name="T82" fmla="*/ 1 w 1865"/>
                <a:gd name="T83" fmla="*/ 15 h 1730"/>
                <a:gd name="T84" fmla="*/ 1 w 1865"/>
                <a:gd name="T85" fmla="*/ 20 h 1730"/>
                <a:gd name="T86" fmla="*/ 0 w 1865"/>
                <a:gd name="T87" fmla="*/ 21 h 1730"/>
                <a:gd name="T88" fmla="*/ 0 w 1865"/>
                <a:gd name="T89" fmla="*/ 21 h 1730"/>
                <a:gd name="T90" fmla="*/ 3 w 1865"/>
                <a:gd name="T91" fmla="*/ 31 h 1730"/>
                <a:gd name="T92" fmla="*/ 53 w 1865"/>
                <a:gd name="T93" fmla="*/ 21 h 1730"/>
                <a:gd name="T94" fmla="*/ 31 w 1865"/>
                <a:gd name="T95" fmla="*/ 1 h 1730"/>
                <a:gd name="T96" fmla="*/ 24 w 1865"/>
                <a:gd name="T97" fmla="*/ 1 h 1730"/>
                <a:gd name="T98" fmla="*/ 23 w 1865"/>
                <a:gd name="T99" fmla="*/ 1 h 1730"/>
                <a:gd name="T100" fmla="*/ 31 w 1865"/>
                <a:gd name="T101" fmla="*/ 4 h 1730"/>
                <a:gd name="T102" fmla="*/ 31 w 1865"/>
                <a:gd name="T103" fmla="*/ 4 h 1730"/>
                <a:gd name="T104" fmla="*/ 47 w 1865"/>
                <a:gd name="T105" fmla="*/ 44 h 1730"/>
                <a:gd name="T106" fmla="*/ 33 w 1865"/>
                <a:gd name="T107" fmla="*/ 37 h 1730"/>
                <a:gd name="T108" fmla="*/ 44 w 1865"/>
                <a:gd name="T109" fmla="*/ 46 h 1730"/>
                <a:gd name="T110" fmla="*/ 47 w 1865"/>
                <a:gd name="T111" fmla="*/ 47 h 1730"/>
                <a:gd name="T112" fmla="*/ 45 w 1865"/>
                <a:gd name="T113" fmla="*/ 50 h 1730"/>
                <a:gd name="T114" fmla="*/ 43 w 1865"/>
                <a:gd name="T115" fmla="*/ 48 h 1730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w 1865"/>
                <a:gd name="T175" fmla="*/ 0 h 1730"/>
                <a:gd name="T176" fmla="*/ 1865 w 1865"/>
                <a:gd name="T177" fmla="*/ 1730 h 1730"/>
              </a:gdLst>
              <a:ahLst/>
              <a:cxnLst>
                <a:cxn ang="T116">
                  <a:pos x="T0" y="T1"/>
                </a:cxn>
                <a:cxn ang="T117">
                  <a:pos x="T2" y="T3"/>
                </a:cxn>
                <a:cxn ang="T118">
                  <a:pos x="T4" y="T5"/>
                </a:cxn>
                <a:cxn ang="T119">
                  <a:pos x="T6" y="T7"/>
                </a:cxn>
                <a:cxn ang="T120">
                  <a:pos x="T8" y="T9"/>
                </a:cxn>
                <a:cxn ang="T121">
                  <a:pos x="T10" y="T11"/>
                </a:cxn>
                <a:cxn ang="T122">
                  <a:pos x="T12" y="T13"/>
                </a:cxn>
                <a:cxn ang="T123">
                  <a:pos x="T14" y="T15"/>
                </a:cxn>
                <a:cxn ang="T124">
                  <a:pos x="T16" y="T17"/>
                </a:cxn>
                <a:cxn ang="T125">
                  <a:pos x="T18" y="T19"/>
                </a:cxn>
                <a:cxn ang="T126">
                  <a:pos x="T20" y="T21"/>
                </a:cxn>
                <a:cxn ang="T127">
                  <a:pos x="T22" y="T23"/>
                </a:cxn>
                <a:cxn ang="T128">
                  <a:pos x="T24" y="T25"/>
                </a:cxn>
                <a:cxn ang="T129">
                  <a:pos x="T26" y="T27"/>
                </a:cxn>
                <a:cxn ang="T130">
                  <a:pos x="T28" y="T29"/>
                </a:cxn>
                <a:cxn ang="T131">
                  <a:pos x="T30" y="T31"/>
                </a:cxn>
                <a:cxn ang="T132">
                  <a:pos x="T32" y="T33"/>
                </a:cxn>
                <a:cxn ang="T133">
                  <a:pos x="T34" y="T35"/>
                </a:cxn>
                <a:cxn ang="T134">
                  <a:pos x="T36" y="T37"/>
                </a:cxn>
                <a:cxn ang="T135">
                  <a:pos x="T38" y="T39"/>
                </a:cxn>
                <a:cxn ang="T136">
                  <a:pos x="T40" y="T41"/>
                </a:cxn>
                <a:cxn ang="T137">
                  <a:pos x="T42" y="T43"/>
                </a:cxn>
                <a:cxn ang="T138">
                  <a:pos x="T44" y="T45"/>
                </a:cxn>
                <a:cxn ang="T139">
                  <a:pos x="T46" y="T47"/>
                </a:cxn>
                <a:cxn ang="T140">
                  <a:pos x="T48" y="T49"/>
                </a:cxn>
                <a:cxn ang="T141">
                  <a:pos x="T50" y="T51"/>
                </a:cxn>
                <a:cxn ang="T142">
                  <a:pos x="T52" y="T53"/>
                </a:cxn>
                <a:cxn ang="T143">
                  <a:pos x="T54" y="T55"/>
                </a:cxn>
                <a:cxn ang="T144">
                  <a:pos x="T56" y="T57"/>
                </a:cxn>
                <a:cxn ang="T145">
                  <a:pos x="T58" y="T59"/>
                </a:cxn>
                <a:cxn ang="T146">
                  <a:pos x="T60" y="T61"/>
                </a:cxn>
                <a:cxn ang="T147">
                  <a:pos x="T62" y="T63"/>
                </a:cxn>
                <a:cxn ang="T148">
                  <a:pos x="T64" y="T65"/>
                </a:cxn>
                <a:cxn ang="T149">
                  <a:pos x="T66" y="T67"/>
                </a:cxn>
                <a:cxn ang="T150">
                  <a:pos x="T68" y="T69"/>
                </a:cxn>
                <a:cxn ang="T151">
                  <a:pos x="T70" y="T71"/>
                </a:cxn>
                <a:cxn ang="T152">
                  <a:pos x="T72" y="T73"/>
                </a:cxn>
                <a:cxn ang="T153">
                  <a:pos x="T74" y="T75"/>
                </a:cxn>
                <a:cxn ang="T154">
                  <a:pos x="T76" y="T77"/>
                </a:cxn>
                <a:cxn ang="T155">
                  <a:pos x="T78" y="T79"/>
                </a:cxn>
                <a:cxn ang="T156">
                  <a:pos x="T80" y="T81"/>
                </a:cxn>
                <a:cxn ang="T157">
                  <a:pos x="T82" y="T83"/>
                </a:cxn>
                <a:cxn ang="T158">
                  <a:pos x="T84" y="T85"/>
                </a:cxn>
                <a:cxn ang="T159">
                  <a:pos x="T86" y="T87"/>
                </a:cxn>
                <a:cxn ang="T160">
                  <a:pos x="T88" y="T89"/>
                </a:cxn>
                <a:cxn ang="T161">
                  <a:pos x="T90" y="T91"/>
                </a:cxn>
                <a:cxn ang="T162">
                  <a:pos x="T92" y="T93"/>
                </a:cxn>
                <a:cxn ang="T163">
                  <a:pos x="T94" y="T95"/>
                </a:cxn>
                <a:cxn ang="T164">
                  <a:pos x="T96" y="T97"/>
                </a:cxn>
                <a:cxn ang="T165">
                  <a:pos x="T98" y="T99"/>
                </a:cxn>
                <a:cxn ang="T166">
                  <a:pos x="T100" y="T101"/>
                </a:cxn>
                <a:cxn ang="T167">
                  <a:pos x="T102" y="T103"/>
                </a:cxn>
                <a:cxn ang="T168">
                  <a:pos x="T104" y="T105"/>
                </a:cxn>
                <a:cxn ang="T169">
                  <a:pos x="T106" y="T107"/>
                </a:cxn>
                <a:cxn ang="T170">
                  <a:pos x="T108" y="T109"/>
                </a:cxn>
                <a:cxn ang="T171">
                  <a:pos x="T110" y="T111"/>
                </a:cxn>
                <a:cxn ang="T172">
                  <a:pos x="T112" y="T113"/>
                </a:cxn>
                <a:cxn ang="T173">
                  <a:pos x="T114" y="T115"/>
                </a:cxn>
              </a:cxnLst>
              <a:rect l="T174" t="T175" r="T176" b="T177"/>
              <a:pathLst>
                <a:path w="1865" h="1730">
                  <a:moveTo>
                    <a:pt x="89" y="1139"/>
                  </a:moveTo>
                  <a:lnTo>
                    <a:pt x="90" y="1177"/>
                  </a:lnTo>
                  <a:lnTo>
                    <a:pt x="109" y="1181"/>
                  </a:lnTo>
                  <a:lnTo>
                    <a:pt x="138" y="1209"/>
                  </a:lnTo>
                  <a:lnTo>
                    <a:pt x="160" y="1220"/>
                  </a:lnTo>
                  <a:lnTo>
                    <a:pt x="200" y="1220"/>
                  </a:lnTo>
                  <a:lnTo>
                    <a:pt x="206" y="1226"/>
                  </a:lnTo>
                  <a:lnTo>
                    <a:pt x="219" y="1224"/>
                  </a:lnTo>
                  <a:lnTo>
                    <a:pt x="220" y="1215"/>
                  </a:lnTo>
                  <a:lnTo>
                    <a:pt x="236" y="1217"/>
                  </a:lnTo>
                  <a:lnTo>
                    <a:pt x="265" y="1190"/>
                  </a:lnTo>
                  <a:lnTo>
                    <a:pt x="288" y="1187"/>
                  </a:lnTo>
                  <a:lnTo>
                    <a:pt x="299" y="1170"/>
                  </a:lnTo>
                  <a:lnTo>
                    <a:pt x="316" y="1158"/>
                  </a:lnTo>
                  <a:lnTo>
                    <a:pt x="409" y="1153"/>
                  </a:lnTo>
                  <a:lnTo>
                    <a:pt x="417" y="1161"/>
                  </a:lnTo>
                  <a:lnTo>
                    <a:pt x="485" y="1153"/>
                  </a:lnTo>
                  <a:lnTo>
                    <a:pt x="505" y="1110"/>
                  </a:lnTo>
                  <a:lnTo>
                    <a:pt x="596" y="1067"/>
                  </a:lnTo>
                  <a:lnTo>
                    <a:pt x="638" y="1070"/>
                  </a:lnTo>
                  <a:lnTo>
                    <a:pt x="690" y="1060"/>
                  </a:lnTo>
                  <a:lnTo>
                    <a:pt x="740" y="1033"/>
                  </a:lnTo>
                  <a:lnTo>
                    <a:pt x="819" y="1029"/>
                  </a:lnTo>
                  <a:lnTo>
                    <a:pt x="856" y="1034"/>
                  </a:lnTo>
                  <a:lnTo>
                    <a:pt x="885" y="1059"/>
                  </a:lnTo>
                  <a:lnTo>
                    <a:pt x="898" y="1053"/>
                  </a:lnTo>
                  <a:lnTo>
                    <a:pt x="933" y="1068"/>
                  </a:lnTo>
                  <a:lnTo>
                    <a:pt x="932" y="1062"/>
                  </a:lnTo>
                  <a:lnTo>
                    <a:pt x="955" y="1082"/>
                  </a:lnTo>
                  <a:lnTo>
                    <a:pt x="972" y="1085"/>
                  </a:lnTo>
                  <a:lnTo>
                    <a:pt x="966" y="1105"/>
                  </a:lnTo>
                  <a:lnTo>
                    <a:pt x="979" y="1119"/>
                  </a:lnTo>
                  <a:lnTo>
                    <a:pt x="995" y="1121"/>
                  </a:lnTo>
                  <a:lnTo>
                    <a:pt x="1025" y="1180"/>
                  </a:lnTo>
                  <a:lnTo>
                    <a:pt x="1026" y="1200"/>
                  </a:lnTo>
                  <a:lnTo>
                    <a:pt x="1013" y="1190"/>
                  </a:lnTo>
                  <a:lnTo>
                    <a:pt x="1013" y="1198"/>
                  </a:lnTo>
                  <a:lnTo>
                    <a:pt x="1052" y="1223"/>
                  </a:lnTo>
                  <a:lnTo>
                    <a:pt x="1052" y="1207"/>
                  </a:lnTo>
                  <a:lnTo>
                    <a:pt x="1047" y="1209"/>
                  </a:lnTo>
                  <a:lnTo>
                    <a:pt x="1051" y="1198"/>
                  </a:lnTo>
                  <a:lnTo>
                    <a:pt x="1068" y="1181"/>
                  </a:lnTo>
                  <a:lnTo>
                    <a:pt x="1072" y="1169"/>
                  </a:lnTo>
                  <a:lnTo>
                    <a:pt x="1096" y="1152"/>
                  </a:lnTo>
                  <a:lnTo>
                    <a:pt x="1108" y="1150"/>
                  </a:lnTo>
                  <a:lnTo>
                    <a:pt x="1123" y="1119"/>
                  </a:lnTo>
                  <a:lnTo>
                    <a:pt x="1133" y="1107"/>
                  </a:lnTo>
                  <a:lnTo>
                    <a:pt x="1136" y="1084"/>
                  </a:lnTo>
                  <a:lnTo>
                    <a:pt x="1147" y="1119"/>
                  </a:lnTo>
                  <a:lnTo>
                    <a:pt x="1142" y="1118"/>
                  </a:lnTo>
                  <a:lnTo>
                    <a:pt x="1142" y="1139"/>
                  </a:lnTo>
                  <a:lnTo>
                    <a:pt x="1122" y="1173"/>
                  </a:lnTo>
                  <a:lnTo>
                    <a:pt x="1120" y="1212"/>
                  </a:lnTo>
                  <a:lnTo>
                    <a:pt x="1097" y="1217"/>
                  </a:lnTo>
                  <a:lnTo>
                    <a:pt x="1094" y="1232"/>
                  </a:lnTo>
                  <a:lnTo>
                    <a:pt x="1100" y="1238"/>
                  </a:lnTo>
                  <a:lnTo>
                    <a:pt x="1136" y="1229"/>
                  </a:lnTo>
                  <a:lnTo>
                    <a:pt x="1140" y="1197"/>
                  </a:lnTo>
                  <a:lnTo>
                    <a:pt x="1150" y="1177"/>
                  </a:lnTo>
                  <a:lnTo>
                    <a:pt x="1169" y="1207"/>
                  </a:lnTo>
                  <a:lnTo>
                    <a:pt x="1167" y="1234"/>
                  </a:lnTo>
                  <a:lnTo>
                    <a:pt x="1154" y="1257"/>
                  </a:lnTo>
                  <a:lnTo>
                    <a:pt x="1169" y="1258"/>
                  </a:lnTo>
                  <a:lnTo>
                    <a:pt x="1208" y="1245"/>
                  </a:lnTo>
                  <a:lnTo>
                    <a:pt x="1202" y="1260"/>
                  </a:lnTo>
                  <a:lnTo>
                    <a:pt x="1221" y="1287"/>
                  </a:lnTo>
                  <a:lnTo>
                    <a:pt x="1230" y="1311"/>
                  </a:lnTo>
                  <a:lnTo>
                    <a:pt x="1227" y="1334"/>
                  </a:lnTo>
                  <a:lnTo>
                    <a:pt x="1236" y="1359"/>
                  </a:lnTo>
                  <a:lnTo>
                    <a:pt x="1258" y="1387"/>
                  </a:lnTo>
                  <a:lnTo>
                    <a:pt x="1286" y="1395"/>
                  </a:lnTo>
                  <a:lnTo>
                    <a:pt x="1308" y="1413"/>
                  </a:lnTo>
                  <a:lnTo>
                    <a:pt x="1323" y="1407"/>
                  </a:lnTo>
                  <a:lnTo>
                    <a:pt x="1352" y="1413"/>
                  </a:lnTo>
                  <a:lnTo>
                    <a:pt x="1396" y="1441"/>
                  </a:lnTo>
                  <a:lnTo>
                    <a:pt x="1422" y="1429"/>
                  </a:lnTo>
                  <a:lnTo>
                    <a:pt x="1438" y="1410"/>
                  </a:lnTo>
                  <a:lnTo>
                    <a:pt x="1455" y="1405"/>
                  </a:lnTo>
                  <a:lnTo>
                    <a:pt x="1442" y="1395"/>
                  </a:lnTo>
                  <a:lnTo>
                    <a:pt x="1464" y="1385"/>
                  </a:lnTo>
                  <a:lnTo>
                    <a:pt x="1472" y="1388"/>
                  </a:lnTo>
                  <a:lnTo>
                    <a:pt x="1472" y="1398"/>
                  </a:lnTo>
                  <a:lnTo>
                    <a:pt x="1470" y="1409"/>
                  </a:lnTo>
                  <a:lnTo>
                    <a:pt x="1461" y="1409"/>
                  </a:lnTo>
                  <a:lnTo>
                    <a:pt x="1464" y="1413"/>
                  </a:lnTo>
                  <a:lnTo>
                    <a:pt x="1472" y="1418"/>
                  </a:lnTo>
                  <a:lnTo>
                    <a:pt x="1490" y="1405"/>
                  </a:lnTo>
                  <a:lnTo>
                    <a:pt x="1496" y="1410"/>
                  </a:lnTo>
                  <a:lnTo>
                    <a:pt x="1494" y="1426"/>
                  </a:lnTo>
                  <a:lnTo>
                    <a:pt x="1524" y="1443"/>
                  </a:lnTo>
                  <a:lnTo>
                    <a:pt x="1536" y="1458"/>
                  </a:lnTo>
                  <a:lnTo>
                    <a:pt x="1544" y="1436"/>
                  </a:lnTo>
                  <a:lnTo>
                    <a:pt x="1532" y="1444"/>
                  </a:lnTo>
                  <a:lnTo>
                    <a:pt x="1530" y="1434"/>
                  </a:lnTo>
                  <a:lnTo>
                    <a:pt x="1553" y="1432"/>
                  </a:lnTo>
                  <a:lnTo>
                    <a:pt x="1595" y="1395"/>
                  </a:lnTo>
                  <a:lnTo>
                    <a:pt x="1616" y="1385"/>
                  </a:lnTo>
                  <a:lnTo>
                    <a:pt x="1672" y="1382"/>
                  </a:lnTo>
                  <a:lnTo>
                    <a:pt x="1687" y="1376"/>
                  </a:lnTo>
                  <a:lnTo>
                    <a:pt x="1688" y="1365"/>
                  </a:lnTo>
                  <a:lnTo>
                    <a:pt x="1699" y="1368"/>
                  </a:lnTo>
                  <a:lnTo>
                    <a:pt x="1701" y="1362"/>
                  </a:lnTo>
                  <a:lnTo>
                    <a:pt x="1699" y="1334"/>
                  </a:lnTo>
                  <a:lnTo>
                    <a:pt x="1710" y="1299"/>
                  </a:lnTo>
                  <a:lnTo>
                    <a:pt x="1711" y="1266"/>
                  </a:lnTo>
                  <a:lnTo>
                    <a:pt x="1730" y="1229"/>
                  </a:lnTo>
                  <a:lnTo>
                    <a:pt x="1736" y="1234"/>
                  </a:lnTo>
                  <a:lnTo>
                    <a:pt x="1748" y="1187"/>
                  </a:lnTo>
                  <a:lnTo>
                    <a:pt x="1764" y="1160"/>
                  </a:lnTo>
                  <a:lnTo>
                    <a:pt x="1758" y="1143"/>
                  </a:lnTo>
                  <a:lnTo>
                    <a:pt x="1773" y="1133"/>
                  </a:lnTo>
                  <a:lnTo>
                    <a:pt x="1785" y="1105"/>
                  </a:lnTo>
                  <a:lnTo>
                    <a:pt x="1801" y="1099"/>
                  </a:lnTo>
                  <a:lnTo>
                    <a:pt x="1798" y="1094"/>
                  </a:lnTo>
                  <a:lnTo>
                    <a:pt x="1816" y="1080"/>
                  </a:lnTo>
                  <a:lnTo>
                    <a:pt x="1815" y="1070"/>
                  </a:lnTo>
                  <a:lnTo>
                    <a:pt x="1826" y="1053"/>
                  </a:lnTo>
                  <a:lnTo>
                    <a:pt x="1838" y="1019"/>
                  </a:lnTo>
                  <a:lnTo>
                    <a:pt x="1841" y="979"/>
                  </a:lnTo>
                  <a:lnTo>
                    <a:pt x="1849" y="960"/>
                  </a:lnTo>
                  <a:lnTo>
                    <a:pt x="1865" y="884"/>
                  </a:lnTo>
                  <a:lnTo>
                    <a:pt x="1863" y="861"/>
                  </a:lnTo>
                  <a:lnTo>
                    <a:pt x="1843" y="801"/>
                  </a:lnTo>
                  <a:lnTo>
                    <a:pt x="1844" y="794"/>
                  </a:lnTo>
                  <a:lnTo>
                    <a:pt x="1848" y="797"/>
                  </a:lnTo>
                  <a:lnTo>
                    <a:pt x="1841" y="757"/>
                  </a:lnTo>
                  <a:lnTo>
                    <a:pt x="1841" y="731"/>
                  </a:lnTo>
                  <a:lnTo>
                    <a:pt x="1840" y="737"/>
                  </a:lnTo>
                  <a:lnTo>
                    <a:pt x="1836" y="734"/>
                  </a:lnTo>
                  <a:lnTo>
                    <a:pt x="1827" y="703"/>
                  </a:lnTo>
                  <a:lnTo>
                    <a:pt x="1818" y="698"/>
                  </a:lnTo>
                  <a:lnTo>
                    <a:pt x="1819" y="692"/>
                  </a:lnTo>
                  <a:lnTo>
                    <a:pt x="1809" y="675"/>
                  </a:lnTo>
                  <a:lnTo>
                    <a:pt x="1793" y="666"/>
                  </a:lnTo>
                  <a:lnTo>
                    <a:pt x="1781" y="644"/>
                  </a:lnTo>
                  <a:lnTo>
                    <a:pt x="1765" y="640"/>
                  </a:lnTo>
                  <a:lnTo>
                    <a:pt x="1739" y="616"/>
                  </a:lnTo>
                  <a:lnTo>
                    <a:pt x="1731" y="559"/>
                  </a:lnTo>
                  <a:lnTo>
                    <a:pt x="1728" y="556"/>
                  </a:lnTo>
                  <a:lnTo>
                    <a:pt x="1724" y="569"/>
                  </a:lnTo>
                  <a:lnTo>
                    <a:pt x="1704" y="554"/>
                  </a:lnTo>
                  <a:lnTo>
                    <a:pt x="1702" y="547"/>
                  </a:lnTo>
                  <a:lnTo>
                    <a:pt x="1697" y="550"/>
                  </a:lnTo>
                  <a:lnTo>
                    <a:pt x="1697" y="562"/>
                  </a:lnTo>
                  <a:lnTo>
                    <a:pt x="1685" y="564"/>
                  </a:lnTo>
                  <a:lnTo>
                    <a:pt x="1677" y="542"/>
                  </a:lnTo>
                  <a:lnTo>
                    <a:pt x="1676" y="514"/>
                  </a:lnTo>
                  <a:lnTo>
                    <a:pt x="1668" y="513"/>
                  </a:lnTo>
                  <a:lnTo>
                    <a:pt x="1655" y="483"/>
                  </a:lnTo>
                  <a:lnTo>
                    <a:pt x="1643" y="476"/>
                  </a:lnTo>
                  <a:lnTo>
                    <a:pt x="1643" y="468"/>
                  </a:lnTo>
                  <a:lnTo>
                    <a:pt x="1650" y="468"/>
                  </a:lnTo>
                  <a:lnTo>
                    <a:pt x="1646" y="459"/>
                  </a:lnTo>
                  <a:lnTo>
                    <a:pt x="1629" y="446"/>
                  </a:lnTo>
                  <a:lnTo>
                    <a:pt x="1625" y="449"/>
                  </a:lnTo>
                  <a:lnTo>
                    <a:pt x="1614" y="437"/>
                  </a:lnTo>
                  <a:lnTo>
                    <a:pt x="1601" y="431"/>
                  </a:lnTo>
                  <a:lnTo>
                    <a:pt x="1592" y="434"/>
                  </a:lnTo>
                  <a:lnTo>
                    <a:pt x="1583" y="409"/>
                  </a:lnTo>
                  <a:lnTo>
                    <a:pt x="1574" y="412"/>
                  </a:lnTo>
                  <a:lnTo>
                    <a:pt x="1557" y="409"/>
                  </a:lnTo>
                  <a:lnTo>
                    <a:pt x="1535" y="397"/>
                  </a:lnTo>
                  <a:lnTo>
                    <a:pt x="1532" y="375"/>
                  </a:lnTo>
                  <a:lnTo>
                    <a:pt x="1530" y="378"/>
                  </a:lnTo>
                  <a:lnTo>
                    <a:pt x="1530" y="375"/>
                  </a:lnTo>
                  <a:lnTo>
                    <a:pt x="1521" y="367"/>
                  </a:lnTo>
                  <a:lnTo>
                    <a:pt x="1519" y="330"/>
                  </a:lnTo>
                  <a:lnTo>
                    <a:pt x="1509" y="293"/>
                  </a:lnTo>
                  <a:lnTo>
                    <a:pt x="1502" y="293"/>
                  </a:lnTo>
                  <a:lnTo>
                    <a:pt x="1493" y="279"/>
                  </a:lnTo>
                  <a:lnTo>
                    <a:pt x="1482" y="232"/>
                  </a:lnTo>
                  <a:lnTo>
                    <a:pt x="1484" y="203"/>
                  </a:lnTo>
                  <a:lnTo>
                    <a:pt x="1455" y="181"/>
                  </a:lnTo>
                  <a:lnTo>
                    <a:pt x="1448" y="168"/>
                  </a:lnTo>
                  <a:lnTo>
                    <a:pt x="1442" y="166"/>
                  </a:lnTo>
                  <a:lnTo>
                    <a:pt x="1423" y="178"/>
                  </a:lnTo>
                  <a:lnTo>
                    <a:pt x="1410" y="168"/>
                  </a:lnTo>
                  <a:lnTo>
                    <a:pt x="1393" y="92"/>
                  </a:lnTo>
                  <a:lnTo>
                    <a:pt x="1379" y="75"/>
                  </a:lnTo>
                  <a:lnTo>
                    <a:pt x="1379" y="58"/>
                  </a:lnTo>
                  <a:lnTo>
                    <a:pt x="1369" y="58"/>
                  </a:lnTo>
                  <a:lnTo>
                    <a:pt x="1368" y="50"/>
                  </a:lnTo>
                  <a:lnTo>
                    <a:pt x="1365" y="16"/>
                  </a:lnTo>
                  <a:lnTo>
                    <a:pt x="1363" y="2"/>
                  </a:lnTo>
                  <a:lnTo>
                    <a:pt x="1360" y="0"/>
                  </a:lnTo>
                  <a:lnTo>
                    <a:pt x="1342" y="14"/>
                  </a:lnTo>
                  <a:lnTo>
                    <a:pt x="1342" y="25"/>
                  </a:lnTo>
                  <a:lnTo>
                    <a:pt x="1332" y="39"/>
                  </a:lnTo>
                  <a:lnTo>
                    <a:pt x="1325" y="61"/>
                  </a:lnTo>
                  <a:lnTo>
                    <a:pt x="1315" y="64"/>
                  </a:lnTo>
                  <a:lnTo>
                    <a:pt x="1311" y="80"/>
                  </a:lnTo>
                  <a:lnTo>
                    <a:pt x="1311" y="90"/>
                  </a:lnTo>
                  <a:lnTo>
                    <a:pt x="1318" y="92"/>
                  </a:lnTo>
                  <a:lnTo>
                    <a:pt x="1312" y="123"/>
                  </a:lnTo>
                  <a:lnTo>
                    <a:pt x="1306" y="140"/>
                  </a:lnTo>
                  <a:lnTo>
                    <a:pt x="1306" y="180"/>
                  </a:lnTo>
                  <a:lnTo>
                    <a:pt x="1312" y="206"/>
                  </a:lnTo>
                  <a:lnTo>
                    <a:pt x="1292" y="279"/>
                  </a:lnTo>
                  <a:lnTo>
                    <a:pt x="1275" y="324"/>
                  </a:lnTo>
                  <a:lnTo>
                    <a:pt x="1241" y="335"/>
                  </a:lnTo>
                  <a:lnTo>
                    <a:pt x="1202" y="312"/>
                  </a:lnTo>
                  <a:lnTo>
                    <a:pt x="1187" y="291"/>
                  </a:lnTo>
                  <a:lnTo>
                    <a:pt x="1152" y="281"/>
                  </a:lnTo>
                  <a:lnTo>
                    <a:pt x="1110" y="249"/>
                  </a:lnTo>
                  <a:lnTo>
                    <a:pt x="1080" y="244"/>
                  </a:lnTo>
                  <a:lnTo>
                    <a:pt x="1072" y="251"/>
                  </a:lnTo>
                  <a:lnTo>
                    <a:pt x="1068" y="222"/>
                  </a:lnTo>
                  <a:lnTo>
                    <a:pt x="1047" y="212"/>
                  </a:lnTo>
                  <a:lnTo>
                    <a:pt x="1042" y="212"/>
                  </a:lnTo>
                  <a:lnTo>
                    <a:pt x="1034" y="203"/>
                  </a:lnTo>
                  <a:lnTo>
                    <a:pt x="1054" y="143"/>
                  </a:lnTo>
                  <a:lnTo>
                    <a:pt x="1046" y="144"/>
                  </a:lnTo>
                  <a:lnTo>
                    <a:pt x="1051" y="123"/>
                  </a:lnTo>
                  <a:lnTo>
                    <a:pt x="1060" y="131"/>
                  </a:lnTo>
                  <a:lnTo>
                    <a:pt x="1057" y="121"/>
                  </a:lnTo>
                  <a:lnTo>
                    <a:pt x="1062" y="115"/>
                  </a:lnTo>
                  <a:lnTo>
                    <a:pt x="1064" y="121"/>
                  </a:lnTo>
                  <a:lnTo>
                    <a:pt x="1074" y="118"/>
                  </a:lnTo>
                  <a:lnTo>
                    <a:pt x="1079" y="110"/>
                  </a:lnTo>
                  <a:lnTo>
                    <a:pt x="1074" y="101"/>
                  </a:lnTo>
                  <a:lnTo>
                    <a:pt x="1083" y="98"/>
                  </a:lnTo>
                  <a:lnTo>
                    <a:pt x="1093" y="78"/>
                  </a:lnTo>
                  <a:lnTo>
                    <a:pt x="1089" y="73"/>
                  </a:lnTo>
                  <a:lnTo>
                    <a:pt x="1077" y="78"/>
                  </a:lnTo>
                  <a:lnTo>
                    <a:pt x="1071" y="59"/>
                  </a:lnTo>
                  <a:lnTo>
                    <a:pt x="1062" y="67"/>
                  </a:lnTo>
                  <a:lnTo>
                    <a:pt x="1059" y="85"/>
                  </a:lnTo>
                  <a:lnTo>
                    <a:pt x="1051" y="89"/>
                  </a:lnTo>
                  <a:lnTo>
                    <a:pt x="1051" y="70"/>
                  </a:lnTo>
                  <a:lnTo>
                    <a:pt x="1046" y="73"/>
                  </a:lnTo>
                  <a:lnTo>
                    <a:pt x="1042" y="70"/>
                  </a:lnTo>
                  <a:lnTo>
                    <a:pt x="1047" y="61"/>
                  </a:lnTo>
                  <a:lnTo>
                    <a:pt x="1026" y="64"/>
                  </a:lnTo>
                  <a:lnTo>
                    <a:pt x="1013" y="76"/>
                  </a:lnTo>
                  <a:lnTo>
                    <a:pt x="991" y="63"/>
                  </a:lnTo>
                  <a:lnTo>
                    <a:pt x="967" y="64"/>
                  </a:lnTo>
                  <a:lnTo>
                    <a:pt x="947" y="56"/>
                  </a:lnTo>
                  <a:lnTo>
                    <a:pt x="947" y="51"/>
                  </a:lnTo>
                  <a:lnTo>
                    <a:pt x="939" y="56"/>
                  </a:lnTo>
                  <a:lnTo>
                    <a:pt x="916" y="50"/>
                  </a:lnTo>
                  <a:lnTo>
                    <a:pt x="904" y="36"/>
                  </a:lnTo>
                  <a:lnTo>
                    <a:pt x="898" y="42"/>
                  </a:lnTo>
                  <a:lnTo>
                    <a:pt x="878" y="25"/>
                  </a:lnTo>
                  <a:lnTo>
                    <a:pt x="871" y="39"/>
                  </a:lnTo>
                  <a:lnTo>
                    <a:pt x="865" y="24"/>
                  </a:lnTo>
                  <a:lnTo>
                    <a:pt x="862" y="29"/>
                  </a:lnTo>
                  <a:lnTo>
                    <a:pt x="856" y="29"/>
                  </a:lnTo>
                  <a:lnTo>
                    <a:pt x="862" y="33"/>
                  </a:lnTo>
                  <a:lnTo>
                    <a:pt x="873" y="42"/>
                  </a:lnTo>
                  <a:lnTo>
                    <a:pt x="888" y="41"/>
                  </a:lnTo>
                  <a:lnTo>
                    <a:pt x="893" y="46"/>
                  </a:lnTo>
                  <a:lnTo>
                    <a:pt x="893" y="67"/>
                  </a:lnTo>
                  <a:lnTo>
                    <a:pt x="870" y="76"/>
                  </a:lnTo>
                  <a:lnTo>
                    <a:pt x="834" y="75"/>
                  </a:lnTo>
                  <a:lnTo>
                    <a:pt x="834" y="78"/>
                  </a:lnTo>
                  <a:lnTo>
                    <a:pt x="822" y="75"/>
                  </a:lnTo>
                  <a:lnTo>
                    <a:pt x="815" y="83"/>
                  </a:lnTo>
                  <a:lnTo>
                    <a:pt x="819" y="97"/>
                  </a:lnTo>
                  <a:lnTo>
                    <a:pt x="803" y="87"/>
                  </a:lnTo>
                  <a:lnTo>
                    <a:pt x="802" y="93"/>
                  </a:lnTo>
                  <a:lnTo>
                    <a:pt x="786" y="98"/>
                  </a:lnTo>
                  <a:lnTo>
                    <a:pt x="781" y="121"/>
                  </a:lnTo>
                  <a:lnTo>
                    <a:pt x="788" y="118"/>
                  </a:lnTo>
                  <a:lnTo>
                    <a:pt x="788" y="129"/>
                  </a:lnTo>
                  <a:lnTo>
                    <a:pt x="783" y="135"/>
                  </a:lnTo>
                  <a:lnTo>
                    <a:pt x="769" y="134"/>
                  </a:lnTo>
                  <a:lnTo>
                    <a:pt x="755" y="160"/>
                  </a:lnTo>
                  <a:lnTo>
                    <a:pt x="749" y="160"/>
                  </a:lnTo>
                  <a:lnTo>
                    <a:pt x="746" y="173"/>
                  </a:lnTo>
                  <a:lnTo>
                    <a:pt x="763" y="195"/>
                  </a:lnTo>
                  <a:lnTo>
                    <a:pt x="755" y="200"/>
                  </a:lnTo>
                  <a:lnTo>
                    <a:pt x="760" y="214"/>
                  </a:lnTo>
                  <a:lnTo>
                    <a:pt x="734" y="195"/>
                  </a:lnTo>
                  <a:lnTo>
                    <a:pt x="707" y="195"/>
                  </a:lnTo>
                  <a:lnTo>
                    <a:pt x="703" y="202"/>
                  </a:lnTo>
                  <a:lnTo>
                    <a:pt x="690" y="205"/>
                  </a:lnTo>
                  <a:lnTo>
                    <a:pt x="678" y="232"/>
                  </a:lnTo>
                  <a:lnTo>
                    <a:pt x="683" y="222"/>
                  </a:lnTo>
                  <a:lnTo>
                    <a:pt x="687" y="189"/>
                  </a:lnTo>
                  <a:lnTo>
                    <a:pt x="662" y="163"/>
                  </a:lnTo>
                  <a:lnTo>
                    <a:pt x="630" y="148"/>
                  </a:lnTo>
                  <a:lnTo>
                    <a:pt x="624" y="148"/>
                  </a:lnTo>
                  <a:lnTo>
                    <a:pt x="622" y="158"/>
                  </a:lnTo>
                  <a:lnTo>
                    <a:pt x="607" y="163"/>
                  </a:lnTo>
                  <a:lnTo>
                    <a:pt x="605" y="158"/>
                  </a:lnTo>
                  <a:lnTo>
                    <a:pt x="596" y="166"/>
                  </a:lnTo>
                  <a:lnTo>
                    <a:pt x="590" y="154"/>
                  </a:lnTo>
                  <a:lnTo>
                    <a:pt x="588" y="160"/>
                  </a:lnTo>
                  <a:lnTo>
                    <a:pt x="593" y="171"/>
                  </a:lnTo>
                  <a:lnTo>
                    <a:pt x="588" y="180"/>
                  </a:lnTo>
                  <a:lnTo>
                    <a:pt x="578" y="188"/>
                  </a:lnTo>
                  <a:lnTo>
                    <a:pt x="576" y="181"/>
                  </a:lnTo>
                  <a:lnTo>
                    <a:pt x="553" y="186"/>
                  </a:lnTo>
                  <a:lnTo>
                    <a:pt x="557" y="211"/>
                  </a:lnTo>
                  <a:lnTo>
                    <a:pt x="544" y="205"/>
                  </a:lnTo>
                  <a:lnTo>
                    <a:pt x="539" y="214"/>
                  </a:lnTo>
                  <a:lnTo>
                    <a:pt x="544" y="223"/>
                  </a:lnTo>
                  <a:lnTo>
                    <a:pt x="532" y="220"/>
                  </a:lnTo>
                  <a:lnTo>
                    <a:pt x="522" y="227"/>
                  </a:lnTo>
                  <a:lnTo>
                    <a:pt x="525" y="242"/>
                  </a:lnTo>
                  <a:lnTo>
                    <a:pt x="515" y="256"/>
                  </a:lnTo>
                  <a:lnTo>
                    <a:pt x="514" y="266"/>
                  </a:lnTo>
                  <a:lnTo>
                    <a:pt x="520" y="270"/>
                  </a:lnTo>
                  <a:lnTo>
                    <a:pt x="519" y="276"/>
                  </a:lnTo>
                  <a:lnTo>
                    <a:pt x="505" y="273"/>
                  </a:lnTo>
                  <a:lnTo>
                    <a:pt x="495" y="259"/>
                  </a:lnTo>
                  <a:lnTo>
                    <a:pt x="480" y="257"/>
                  </a:lnTo>
                  <a:lnTo>
                    <a:pt x="475" y="261"/>
                  </a:lnTo>
                  <a:lnTo>
                    <a:pt x="475" y="278"/>
                  </a:lnTo>
                  <a:lnTo>
                    <a:pt x="485" y="291"/>
                  </a:lnTo>
                  <a:lnTo>
                    <a:pt x="486" y="302"/>
                  </a:lnTo>
                  <a:lnTo>
                    <a:pt x="478" y="304"/>
                  </a:lnTo>
                  <a:lnTo>
                    <a:pt x="475" y="325"/>
                  </a:lnTo>
                  <a:lnTo>
                    <a:pt x="446" y="271"/>
                  </a:lnTo>
                  <a:lnTo>
                    <a:pt x="441" y="285"/>
                  </a:lnTo>
                  <a:lnTo>
                    <a:pt x="418" y="299"/>
                  </a:lnTo>
                  <a:lnTo>
                    <a:pt x="412" y="321"/>
                  </a:lnTo>
                  <a:lnTo>
                    <a:pt x="421" y="347"/>
                  </a:lnTo>
                  <a:lnTo>
                    <a:pt x="400" y="369"/>
                  </a:lnTo>
                  <a:lnTo>
                    <a:pt x="395" y="369"/>
                  </a:lnTo>
                  <a:lnTo>
                    <a:pt x="383" y="401"/>
                  </a:lnTo>
                  <a:lnTo>
                    <a:pt x="356" y="423"/>
                  </a:lnTo>
                  <a:lnTo>
                    <a:pt x="290" y="443"/>
                  </a:lnTo>
                  <a:lnTo>
                    <a:pt x="271" y="440"/>
                  </a:lnTo>
                  <a:lnTo>
                    <a:pt x="253" y="455"/>
                  </a:lnTo>
                  <a:lnTo>
                    <a:pt x="228" y="460"/>
                  </a:lnTo>
                  <a:lnTo>
                    <a:pt x="202" y="474"/>
                  </a:lnTo>
                  <a:lnTo>
                    <a:pt x="161" y="471"/>
                  </a:lnTo>
                  <a:lnTo>
                    <a:pt x="122" y="493"/>
                  </a:lnTo>
                  <a:lnTo>
                    <a:pt x="102" y="519"/>
                  </a:lnTo>
                  <a:lnTo>
                    <a:pt x="85" y="522"/>
                  </a:lnTo>
                  <a:lnTo>
                    <a:pt x="61" y="536"/>
                  </a:lnTo>
                  <a:lnTo>
                    <a:pt x="42" y="565"/>
                  </a:lnTo>
                  <a:lnTo>
                    <a:pt x="38" y="564"/>
                  </a:lnTo>
                  <a:lnTo>
                    <a:pt x="38" y="553"/>
                  </a:lnTo>
                  <a:lnTo>
                    <a:pt x="41" y="528"/>
                  </a:lnTo>
                  <a:lnTo>
                    <a:pt x="36" y="533"/>
                  </a:lnTo>
                  <a:lnTo>
                    <a:pt x="22" y="556"/>
                  </a:lnTo>
                  <a:lnTo>
                    <a:pt x="19" y="574"/>
                  </a:lnTo>
                  <a:lnTo>
                    <a:pt x="24" y="586"/>
                  </a:lnTo>
                  <a:lnTo>
                    <a:pt x="24" y="610"/>
                  </a:lnTo>
                  <a:lnTo>
                    <a:pt x="7" y="637"/>
                  </a:lnTo>
                  <a:lnTo>
                    <a:pt x="7" y="663"/>
                  </a:lnTo>
                  <a:lnTo>
                    <a:pt x="33" y="709"/>
                  </a:lnTo>
                  <a:lnTo>
                    <a:pt x="31" y="717"/>
                  </a:lnTo>
                  <a:lnTo>
                    <a:pt x="45" y="730"/>
                  </a:lnTo>
                  <a:lnTo>
                    <a:pt x="47" y="745"/>
                  </a:lnTo>
                  <a:lnTo>
                    <a:pt x="39" y="762"/>
                  </a:lnTo>
                  <a:lnTo>
                    <a:pt x="33" y="760"/>
                  </a:lnTo>
                  <a:lnTo>
                    <a:pt x="30" y="743"/>
                  </a:lnTo>
                  <a:lnTo>
                    <a:pt x="24" y="748"/>
                  </a:lnTo>
                  <a:lnTo>
                    <a:pt x="11" y="720"/>
                  </a:lnTo>
                  <a:lnTo>
                    <a:pt x="11" y="722"/>
                  </a:lnTo>
                  <a:lnTo>
                    <a:pt x="30" y="767"/>
                  </a:lnTo>
                  <a:lnTo>
                    <a:pt x="19" y="772"/>
                  </a:lnTo>
                  <a:lnTo>
                    <a:pt x="17" y="767"/>
                  </a:lnTo>
                  <a:lnTo>
                    <a:pt x="14" y="768"/>
                  </a:lnTo>
                  <a:lnTo>
                    <a:pt x="11" y="754"/>
                  </a:lnTo>
                  <a:lnTo>
                    <a:pt x="0" y="748"/>
                  </a:lnTo>
                  <a:lnTo>
                    <a:pt x="0" y="752"/>
                  </a:lnTo>
                  <a:lnTo>
                    <a:pt x="17" y="779"/>
                  </a:lnTo>
                  <a:lnTo>
                    <a:pt x="34" y="794"/>
                  </a:lnTo>
                  <a:lnTo>
                    <a:pt x="45" y="825"/>
                  </a:lnTo>
                  <a:lnTo>
                    <a:pt x="47" y="844"/>
                  </a:lnTo>
                  <a:lnTo>
                    <a:pt x="81" y="907"/>
                  </a:lnTo>
                  <a:lnTo>
                    <a:pt x="87" y="966"/>
                  </a:lnTo>
                  <a:lnTo>
                    <a:pt x="119" y="1037"/>
                  </a:lnTo>
                  <a:lnTo>
                    <a:pt x="119" y="1082"/>
                  </a:lnTo>
                  <a:lnTo>
                    <a:pt x="115" y="1097"/>
                  </a:lnTo>
                  <a:lnTo>
                    <a:pt x="119" y="1116"/>
                  </a:lnTo>
                  <a:lnTo>
                    <a:pt x="106" y="1141"/>
                  </a:lnTo>
                  <a:lnTo>
                    <a:pt x="89" y="1139"/>
                  </a:lnTo>
                  <a:close/>
                  <a:moveTo>
                    <a:pt x="1843" y="680"/>
                  </a:moveTo>
                  <a:lnTo>
                    <a:pt x="1852" y="689"/>
                  </a:lnTo>
                  <a:lnTo>
                    <a:pt x="1852" y="701"/>
                  </a:lnTo>
                  <a:lnTo>
                    <a:pt x="1840" y="725"/>
                  </a:lnTo>
                  <a:lnTo>
                    <a:pt x="1838" y="701"/>
                  </a:lnTo>
                  <a:lnTo>
                    <a:pt x="1846" y="686"/>
                  </a:lnTo>
                  <a:lnTo>
                    <a:pt x="1843" y="680"/>
                  </a:lnTo>
                  <a:close/>
                  <a:moveTo>
                    <a:pt x="1860" y="810"/>
                  </a:moveTo>
                  <a:lnTo>
                    <a:pt x="1863" y="813"/>
                  </a:lnTo>
                  <a:lnTo>
                    <a:pt x="1860" y="825"/>
                  </a:lnTo>
                  <a:lnTo>
                    <a:pt x="1860" y="810"/>
                  </a:lnTo>
                  <a:close/>
                  <a:moveTo>
                    <a:pt x="1074" y="39"/>
                  </a:moveTo>
                  <a:lnTo>
                    <a:pt x="1074" y="27"/>
                  </a:lnTo>
                  <a:lnTo>
                    <a:pt x="1083" y="19"/>
                  </a:lnTo>
                  <a:lnTo>
                    <a:pt x="1074" y="39"/>
                  </a:lnTo>
                  <a:close/>
                  <a:moveTo>
                    <a:pt x="789" y="25"/>
                  </a:moveTo>
                  <a:lnTo>
                    <a:pt x="806" y="36"/>
                  </a:lnTo>
                  <a:lnTo>
                    <a:pt x="822" y="34"/>
                  </a:lnTo>
                  <a:lnTo>
                    <a:pt x="832" y="25"/>
                  </a:lnTo>
                  <a:lnTo>
                    <a:pt x="840" y="33"/>
                  </a:lnTo>
                  <a:lnTo>
                    <a:pt x="842" y="41"/>
                  </a:lnTo>
                  <a:lnTo>
                    <a:pt x="836" y="50"/>
                  </a:lnTo>
                  <a:lnTo>
                    <a:pt x="817" y="56"/>
                  </a:lnTo>
                  <a:lnTo>
                    <a:pt x="798" y="44"/>
                  </a:lnTo>
                  <a:lnTo>
                    <a:pt x="789" y="25"/>
                  </a:lnTo>
                  <a:close/>
                  <a:moveTo>
                    <a:pt x="780" y="53"/>
                  </a:moveTo>
                  <a:lnTo>
                    <a:pt x="776" y="46"/>
                  </a:lnTo>
                  <a:lnTo>
                    <a:pt x="786" y="34"/>
                  </a:lnTo>
                  <a:lnTo>
                    <a:pt x="798" y="53"/>
                  </a:lnTo>
                  <a:lnTo>
                    <a:pt x="780" y="53"/>
                  </a:lnTo>
                  <a:close/>
                  <a:moveTo>
                    <a:pt x="1219" y="271"/>
                  </a:moveTo>
                  <a:lnTo>
                    <a:pt x="1228" y="276"/>
                  </a:lnTo>
                  <a:lnTo>
                    <a:pt x="1207" y="287"/>
                  </a:lnTo>
                  <a:lnTo>
                    <a:pt x="1202" y="281"/>
                  </a:lnTo>
                  <a:lnTo>
                    <a:pt x="1219" y="271"/>
                  </a:lnTo>
                  <a:close/>
                  <a:moveTo>
                    <a:pt x="1072" y="146"/>
                  </a:moveTo>
                  <a:lnTo>
                    <a:pt x="1077" y="149"/>
                  </a:lnTo>
                  <a:lnTo>
                    <a:pt x="1080" y="143"/>
                  </a:lnTo>
                  <a:lnTo>
                    <a:pt x="1083" y="149"/>
                  </a:lnTo>
                  <a:lnTo>
                    <a:pt x="1089" y="146"/>
                  </a:lnTo>
                  <a:lnTo>
                    <a:pt x="1094" y="166"/>
                  </a:lnTo>
                  <a:lnTo>
                    <a:pt x="1077" y="169"/>
                  </a:lnTo>
                  <a:lnTo>
                    <a:pt x="1072" y="163"/>
                  </a:lnTo>
                  <a:lnTo>
                    <a:pt x="1072" y="146"/>
                  </a:lnTo>
                  <a:close/>
                  <a:moveTo>
                    <a:pt x="1604" y="1498"/>
                  </a:moveTo>
                  <a:lnTo>
                    <a:pt x="1606" y="1495"/>
                  </a:lnTo>
                  <a:lnTo>
                    <a:pt x="1621" y="1506"/>
                  </a:lnTo>
                  <a:lnTo>
                    <a:pt x="1623" y="1523"/>
                  </a:lnTo>
                  <a:lnTo>
                    <a:pt x="1614" y="1528"/>
                  </a:lnTo>
                  <a:lnTo>
                    <a:pt x="1601" y="1502"/>
                  </a:lnTo>
                  <a:lnTo>
                    <a:pt x="1604" y="1498"/>
                  </a:lnTo>
                  <a:close/>
                  <a:moveTo>
                    <a:pt x="1614" y="1536"/>
                  </a:moveTo>
                  <a:lnTo>
                    <a:pt x="1625" y="1529"/>
                  </a:lnTo>
                  <a:lnTo>
                    <a:pt x="1631" y="1537"/>
                  </a:lnTo>
                  <a:lnTo>
                    <a:pt x="1614" y="1536"/>
                  </a:lnTo>
                  <a:close/>
                  <a:moveTo>
                    <a:pt x="1079" y="1266"/>
                  </a:moveTo>
                  <a:lnTo>
                    <a:pt x="1114" y="1253"/>
                  </a:lnTo>
                  <a:lnTo>
                    <a:pt x="1152" y="1271"/>
                  </a:lnTo>
                  <a:lnTo>
                    <a:pt x="1130" y="1271"/>
                  </a:lnTo>
                  <a:lnTo>
                    <a:pt x="1123" y="1282"/>
                  </a:lnTo>
                  <a:lnTo>
                    <a:pt x="1094" y="1279"/>
                  </a:lnTo>
                  <a:lnTo>
                    <a:pt x="1085" y="1279"/>
                  </a:lnTo>
                  <a:lnTo>
                    <a:pt x="1079" y="1266"/>
                  </a:lnTo>
                  <a:close/>
                  <a:moveTo>
                    <a:pt x="1461" y="1551"/>
                  </a:moveTo>
                  <a:lnTo>
                    <a:pt x="1476" y="1559"/>
                  </a:lnTo>
                  <a:lnTo>
                    <a:pt x="1496" y="1562"/>
                  </a:lnTo>
                  <a:lnTo>
                    <a:pt x="1516" y="1576"/>
                  </a:lnTo>
                  <a:lnTo>
                    <a:pt x="1543" y="1582"/>
                  </a:lnTo>
                  <a:lnTo>
                    <a:pt x="1584" y="1570"/>
                  </a:lnTo>
                  <a:lnTo>
                    <a:pt x="1592" y="1559"/>
                  </a:lnTo>
                  <a:lnTo>
                    <a:pt x="1604" y="1565"/>
                  </a:lnTo>
                  <a:lnTo>
                    <a:pt x="1606" y="1556"/>
                  </a:lnTo>
                  <a:lnTo>
                    <a:pt x="1614" y="1559"/>
                  </a:lnTo>
                  <a:lnTo>
                    <a:pt x="1621" y="1568"/>
                  </a:lnTo>
                  <a:lnTo>
                    <a:pt x="1625" y="1587"/>
                  </a:lnTo>
                  <a:lnTo>
                    <a:pt x="1626" y="1653"/>
                  </a:lnTo>
                  <a:lnTo>
                    <a:pt x="1621" y="1630"/>
                  </a:lnTo>
                  <a:lnTo>
                    <a:pt x="1611" y="1649"/>
                  </a:lnTo>
                  <a:lnTo>
                    <a:pt x="1608" y="1679"/>
                  </a:lnTo>
                  <a:lnTo>
                    <a:pt x="1591" y="1679"/>
                  </a:lnTo>
                  <a:lnTo>
                    <a:pt x="1577" y="1710"/>
                  </a:lnTo>
                  <a:lnTo>
                    <a:pt x="1569" y="1703"/>
                  </a:lnTo>
                  <a:lnTo>
                    <a:pt x="1566" y="1707"/>
                  </a:lnTo>
                  <a:lnTo>
                    <a:pt x="1563" y="1724"/>
                  </a:lnTo>
                  <a:lnTo>
                    <a:pt x="1557" y="1730"/>
                  </a:lnTo>
                  <a:lnTo>
                    <a:pt x="1519" y="1726"/>
                  </a:lnTo>
                  <a:lnTo>
                    <a:pt x="1518" y="1720"/>
                  </a:lnTo>
                  <a:lnTo>
                    <a:pt x="1526" y="1712"/>
                  </a:lnTo>
                  <a:lnTo>
                    <a:pt x="1509" y="1709"/>
                  </a:lnTo>
                  <a:lnTo>
                    <a:pt x="1489" y="1676"/>
                  </a:lnTo>
                  <a:lnTo>
                    <a:pt x="1479" y="1641"/>
                  </a:lnTo>
                  <a:lnTo>
                    <a:pt x="1490" y="1659"/>
                  </a:lnTo>
                  <a:lnTo>
                    <a:pt x="1496" y="1649"/>
                  </a:lnTo>
                  <a:lnTo>
                    <a:pt x="1479" y="1627"/>
                  </a:lnTo>
                  <a:lnTo>
                    <a:pt x="1459" y="1583"/>
                  </a:lnTo>
                  <a:lnTo>
                    <a:pt x="1461" y="155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40" name="Freeform 79"/>
            <p:cNvSpPr>
              <a:spLocks noChangeAspect="1" noEditPoints="1"/>
            </p:cNvSpPr>
            <p:nvPr/>
          </p:nvSpPr>
          <p:spPr bwMode="gray">
            <a:xfrm>
              <a:off x="7796213" y="3033713"/>
              <a:ext cx="498475" cy="584200"/>
            </a:xfrm>
            <a:custGeom>
              <a:avLst/>
              <a:gdLst>
                <a:gd name="T0" fmla="*/ 24 w 1023"/>
                <a:gd name="T1" fmla="*/ 10 h 1195"/>
                <a:gd name="T2" fmla="*/ 24 w 1023"/>
                <a:gd name="T3" fmla="*/ 13 h 1195"/>
                <a:gd name="T4" fmla="*/ 23 w 1023"/>
                <a:gd name="T5" fmla="*/ 15 h 1195"/>
                <a:gd name="T6" fmla="*/ 23 w 1023"/>
                <a:gd name="T7" fmla="*/ 17 h 1195"/>
                <a:gd name="T8" fmla="*/ 22 w 1023"/>
                <a:gd name="T9" fmla="*/ 17 h 1195"/>
                <a:gd name="T10" fmla="*/ 21 w 1023"/>
                <a:gd name="T11" fmla="*/ 19 h 1195"/>
                <a:gd name="T12" fmla="*/ 20 w 1023"/>
                <a:gd name="T13" fmla="*/ 19 h 1195"/>
                <a:gd name="T14" fmla="*/ 18 w 1023"/>
                <a:gd name="T15" fmla="*/ 19 h 1195"/>
                <a:gd name="T16" fmla="*/ 18 w 1023"/>
                <a:gd name="T17" fmla="*/ 19 h 1195"/>
                <a:gd name="T18" fmla="*/ 17 w 1023"/>
                <a:gd name="T19" fmla="*/ 21 h 1195"/>
                <a:gd name="T20" fmla="*/ 15 w 1023"/>
                <a:gd name="T21" fmla="*/ 19 h 1195"/>
                <a:gd name="T22" fmla="*/ 14 w 1023"/>
                <a:gd name="T23" fmla="*/ 19 h 1195"/>
                <a:gd name="T24" fmla="*/ 12 w 1023"/>
                <a:gd name="T25" fmla="*/ 19 h 1195"/>
                <a:gd name="T26" fmla="*/ 10 w 1023"/>
                <a:gd name="T27" fmla="*/ 20 h 1195"/>
                <a:gd name="T28" fmla="*/ 14 w 1023"/>
                <a:gd name="T29" fmla="*/ 18 h 1195"/>
                <a:gd name="T30" fmla="*/ 17 w 1023"/>
                <a:gd name="T31" fmla="*/ 17 h 1195"/>
                <a:gd name="T32" fmla="*/ 18 w 1023"/>
                <a:gd name="T33" fmla="*/ 14 h 1195"/>
                <a:gd name="T34" fmla="*/ 18 w 1023"/>
                <a:gd name="T35" fmla="*/ 15 h 1195"/>
                <a:gd name="T36" fmla="*/ 21 w 1023"/>
                <a:gd name="T37" fmla="*/ 13 h 1195"/>
                <a:gd name="T38" fmla="*/ 21 w 1023"/>
                <a:gd name="T39" fmla="*/ 10 h 1195"/>
                <a:gd name="T40" fmla="*/ 22 w 1023"/>
                <a:gd name="T41" fmla="*/ 8 h 1195"/>
                <a:gd name="T42" fmla="*/ 23 w 1023"/>
                <a:gd name="T43" fmla="*/ 8 h 1195"/>
                <a:gd name="T44" fmla="*/ 23 w 1023"/>
                <a:gd name="T45" fmla="*/ 7 h 1195"/>
                <a:gd name="T46" fmla="*/ 2 w 1023"/>
                <a:gd name="T47" fmla="*/ 34 h 1195"/>
                <a:gd name="T48" fmla="*/ 1 w 1023"/>
                <a:gd name="T49" fmla="*/ 35 h 1195"/>
                <a:gd name="T50" fmla="*/ 0 w 1023"/>
                <a:gd name="T51" fmla="*/ 35 h 1195"/>
                <a:gd name="T52" fmla="*/ 23 w 1023"/>
                <a:gd name="T53" fmla="*/ 1 h 1195"/>
                <a:gd name="T54" fmla="*/ 8 w 1023"/>
                <a:gd name="T55" fmla="*/ 19 h 1195"/>
                <a:gd name="T56" fmla="*/ 7 w 1023"/>
                <a:gd name="T57" fmla="*/ 19 h 1195"/>
                <a:gd name="T58" fmla="*/ 7 w 1023"/>
                <a:gd name="T59" fmla="*/ 22 h 1195"/>
                <a:gd name="T60" fmla="*/ 7 w 1023"/>
                <a:gd name="T61" fmla="*/ 22 h 1195"/>
                <a:gd name="T62" fmla="*/ 7 w 1023"/>
                <a:gd name="T63" fmla="*/ 22 h 1195"/>
                <a:gd name="T64" fmla="*/ 9 w 1023"/>
                <a:gd name="T65" fmla="*/ 22 h 1195"/>
                <a:gd name="T66" fmla="*/ 10 w 1023"/>
                <a:gd name="T67" fmla="*/ 26 h 1195"/>
                <a:gd name="T68" fmla="*/ 7 w 1023"/>
                <a:gd name="T69" fmla="*/ 29 h 1195"/>
                <a:gd name="T70" fmla="*/ 7 w 1023"/>
                <a:gd name="T71" fmla="*/ 30 h 1195"/>
                <a:gd name="T72" fmla="*/ 6 w 1023"/>
                <a:gd name="T73" fmla="*/ 31 h 1195"/>
                <a:gd name="T74" fmla="*/ 5 w 1023"/>
                <a:gd name="T75" fmla="*/ 32 h 1195"/>
                <a:gd name="T76" fmla="*/ 9 w 1023"/>
                <a:gd name="T77" fmla="*/ 26 h 1195"/>
                <a:gd name="T78" fmla="*/ 10 w 1023"/>
                <a:gd name="T79" fmla="*/ 20 h 1195"/>
                <a:gd name="T80" fmla="*/ 8 w 1023"/>
                <a:gd name="T81" fmla="*/ 21 h 1195"/>
                <a:gd name="T82" fmla="*/ 8 w 1023"/>
                <a:gd name="T83" fmla="*/ 22 h 1195"/>
                <a:gd name="T84" fmla="*/ 9 w 1023"/>
                <a:gd name="T85" fmla="*/ 22 h 1195"/>
                <a:gd name="T86" fmla="*/ 9 w 1023"/>
                <a:gd name="T87" fmla="*/ 22 h 1195"/>
                <a:gd name="T88" fmla="*/ 9 w 1023"/>
                <a:gd name="T89" fmla="*/ 24 h 1195"/>
                <a:gd name="T90" fmla="*/ 10 w 1023"/>
                <a:gd name="T91" fmla="*/ 24 h 1195"/>
                <a:gd name="T92" fmla="*/ 11 w 1023"/>
                <a:gd name="T93" fmla="*/ 22 h 1195"/>
                <a:gd name="T94" fmla="*/ 10 w 1023"/>
                <a:gd name="T95" fmla="*/ 21 h 1195"/>
                <a:gd name="T96" fmla="*/ 14 w 1023"/>
                <a:gd name="T97" fmla="*/ 21 h 1195"/>
                <a:gd name="T98" fmla="*/ 12 w 1023"/>
                <a:gd name="T99" fmla="*/ 22 h 1195"/>
                <a:gd name="T100" fmla="*/ 12 w 1023"/>
                <a:gd name="T101" fmla="*/ 20 h 1195"/>
                <a:gd name="T102" fmla="*/ 15 w 1023"/>
                <a:gd name="T103" fmla="*/ 20 h 1195"/>
                <a:gd name="T104" fmla="*/ 29 w 1023"/>
                <a:gd name="T105" fmla="*/ 2 h 1195"/>
                <a:gd name="T106" fmla="*/ 29 w 1023"/>
                <a:gd name="T107" fmla="*/ 4 h 1195"/>
                <a:gd name="T108" fmla="*/ 28 w 1023"/>
                <a:gd name="T109" fmla="*/ 5 h 1195"/>
                <a:gd name="T110" fmla="*/ 26 w 1023"/>
                <a:gd name="T111" fmla="*/ 6 h 1195"/>
                <a:gd name="T112" fmla="*/ 22 w 1023"/>
                <a:gd name="T113" fmla="*/ 6 h 1195"/>
                <a:gd name="T114" fmla="*/ 23 w 1023"/>
                <a:gd name="T115" fmla="*/ 7 h 1195"/>
                <a:gd name="T116" fmla="*/ 22 w 1023"/>
                <a:gd name="T117" fmla="*/ 7 h 1195"/>
                <a:gd name="T118" fmla="*/ 22 w 1023"/>
                <a:gd name="T119" fmla="*/ 5 h 1195"/>
                <a:gd name="T120" fmla="*/ 24 w 1023"/>
                <a:gd name="T121" fmla="*/ 3 h 1195"/>
                <a:gd name="T122" fmla="*/ 24 w 1023"/>
                <a:gd name="T123" fmla="*/ 0 h 1195"/>
                <a:gd name="T124" fmla="*/ 26 w 1023"/>
                <a:gd name="T125" fmla="*/ 2 h 1195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  <a:gd name="T189" fmla="*/ 0 w 1023"/>
                <a:gd name="T190" fmla="*/ 0 h 1195"/>
                <a:gd name="T191" fmla="*/ 1023 w 1023"/>
                <a:gd name="T192" fmla="*/ 1195 h 1195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T189" t="T190" r="T191" b="T192"/>
              <a:pathLst>
                <a:path w="1023" h="1195">
                  <a:moveTo>
                    <a:pt x="806" y="255"/>
                  </a:moveTo>
                  <a:lnTo>
                    <a:pt x="820" y="255"/>
                  </a:lnTo>
                  <a:lnTo>
                    <a:pt x="821" y="294"/>
                  </a:lnTo>
                  <a:lnTo>
                    <a:pt x="838" y="330"/>
                  </a:lnTo>
                  <a:lnTo>
                    <a:pt x="850" y="370"/>
                  </a:lnTo>
                  <a:lnTo>
                    <a:pt x="846" y="394"/>
                  </a:lnTo>
                  <a:lnTo>
                    <a:pt x="835" y="401"/>
                  </a:lnTo>
                  <a:lnTo>
                    <a:pt x="827" y="438"/>
                  </a:lnTo>
                  <a:lnTo>
                    <a:pt x="815" y="436"/>
                  </a:lnTo>
                  <a:lnTo>
                    <a:pt x="803" y="444"/>
                  </a:lnTo>
                  <a:lnTo>
                    <a:pt x="799" y="460"/>
                  </a:lnTo>
                  <a:lnTo>
                    <a:pt x="804" y="516"/>
                  </a:lnTo>
                  <a:lnTo>
                    <a:pt x="796" y="525"/>
                  </a:lnTo>
                  <a:lnTo>
                    <a:pt x="786" y="556"/>
                  </a:lnTo>
                  <a:lnTo>
                    <a:pt x="786" y="576"/>
                  </a:lnTo>
                  <a:lnTo>
                    <a:pt x="793" y="588"/>
                  </a:lnTo>
                  <a:lnTo>
                    <a:pt x="773" y="619"/>
                  </a:lnTo>
                  <a:lnTo>
                    <a:pt x="750" y="636"/>
                  </a:lnTo>
                  <a:lnTo>
                    <a:pt x="752" y="607"/>
                  </a:lnTo>
                  <a:lnTo>
                    <a:pt x="761" y="592"/>
                  </a:lnTo>
                  <a:lnTo>
                    <a:pt x="748" y="592"/>
                  </a:lnTo>
                  <a:lnTo>
                    <a:pt x="740" y="619"/>
                  </a:lnTo>
                  <a:lnTo>
                    <a:pt x="723" y="613"/>
                  </a:lnTo>
                  <a:lnTo>
                    <a:pt x="710" y="650"/>
                  </a:lnTo>
                  <a:lnTo>
                    <a:pt x="703" y="648"/>
                  </a:lnTo>
                  <a:lnTo>
                    <a:pt x="703" y="626"/>
                  </a:lnTo>
                  <a:lnTo>
                    <a:pt x="694" y="624"/>
                  </a:lnTo>
                  <a:lnTo>
                    <a:pt x="673" y="653"/>
                  </a:lnTo>
                  <a:lnTo>
                    <a:pt x="622" y="653"/>
                  </a:lnTo>
                  <a:lnTo>
                    <a:pt x="631" y="644"/>
                  </a:lnTo>
                  <a:lnTo>
                    <a:pt x="618" y="639"/>
                  </a:lnTo>
                  <a:lnTo>
                    <a:pt x="615" y="644"/>
                  </a:lnTo>
                  <a:lnTo>
                    <a:pt x="609" y="638"/>
                  </a:lnTo>
                  <a:lnTo>
                    <a:pt x="609" y="626"/>
                  </a:lnTo>
                  <a:lnTo>
                    <a:pt x="595" y="650"/>
                  </a:lnTo>
                  <a:lnTo>
                    <a:pt x="612" y="660"/>
                  </a:lnTo>
                  <a:lnTo>
                    <a:pt x="612" y="673"/>
                  </a:lnTo>
                  <a:lnTo>
                    <a:pt x="605" y="669"/>
                  </a:lnTo>
                  <a:lnTo>
                    <a:pt x="588" y="675"/>
                  </a:lnTo>
                  <a:lnTo>
                    <a:pt x="569" y="707"/>
                  </a:lnTo>
                  <a:lnTo>
                    <a:pt x="559" y="714"/>
                  </a:lnTo>
                  <a:lnTo>
                    <a:pt x="547" y="707"/>
                  </a:lnTo>
                  <a:lnTo>
                    <a:pt x="532" y="686"/>
                  </a:lnTo>
                  <a:lnTo>
                    <a:pt x="532" y="669"/>
                  </a:lnTo>
                  <a:lnTo>
                    <a:pt x="544" y="652"/>
                  </a:lnTo>
                  <a:lnTo>
                    <a:pt x="542" y="646"/>
                  </a:lnTo>
                  <a:lnTo>
                    <a:pt x="527" y="650"/>
                  </a:lnTo>
                  <a:lnTo>
                    <a:pt x="496" y="643"/>
                  </a:lnTo>
                  <a:lnTo>
                    <a:pt x="473" y="660"/>
                  </a:lnTo>
                  <a:lnTo>
                    <a:pt x="465" y="656"/>
                  </a:lnTo>
                  <a:lnTo>
                    <a:pt x="413" y="672"/>
                  </a:lnTo>
                  <a:lnTo>
                    <a:pt x="407" y="667"/>
                  </a:lnTo>
                  <a:lnTo>
                    <a:pt x="390" y="690"/>
                  </a:lnTo>
                  <a:lnTo>
                    <a:pt x="371" y="684"/>
                  </a:lnTo>
                  <a:lnTo>
                    <a:pt x="351" y="689"/>
                  </a:lnTo>
                  <a:lnTo>
                    <a:pt x="335" y="684"/>
                  </a:lnTo>
                  <a:lnTo>
                    <a:pt x="335" y="667"/>
                  </a:lnTo>
                  <a:lnTo>
                    <a:pt x="357" y="660"/>
                  </a:lnTo>
                  <a:lnTo>
                    <a:pt x="424" y="601"/>
                  </a:lnTo>
                  <a:lnTo>
                    <a:pt x="478" y="601"/>
                  </a:lnTo>
                  <a:lnTo>
                    <a:pt x="535" y="588"/>
                  </a:lnTo>
                  <a:lnTo>
                    <a:pt x="535" y="596"/>
                  </a:lnTo>
                  <a:lnTo>
                    <a:pt x="559" y="601"/>
                  </a:lnTo>
                  <a:lnTo>
                    <a:pt x="572" y="588"/>
                  </a:lnTo>
                  <a:lnTo>
                    <a:pt x="574" y="562"/>
                  </a:lnTo>
                  <a:lnTo>
                    <a:pt x="598" y="534"/>
                  </a:lnTo>
                  <a:lnTo>
                    <a:pt x="608" y="495"/>
                  </a:lnTo>
                  <a:lnTo>
                    <a:pt x="623" y="487"/>
                  </a:lnTo>
                  <a:lnTo>
                    <a:pt x="631" y="489"/>
                  </a:lnTo>
                  <a:lnTo>
                    <a:pt x="628" y="495"/>
                  </a:lnTo>
                  <a:lnTo>
                    <a:pt x="615" y="509"/>
                  </a:lnTo>
                  <a:lnTo>
                    <a:pt x="618" y="529"/>
                  </a:lnTo>
                  <a:lnTo>
                    <a:pt x="632" y="528"/>
                  </a:lnTo>
                  <a:lnTo>
                    <a:pt x="681" y="497"/>
                  </a:lnTo>
                  <a:lnTo>
                    <a:pt x="705" y="465"/>
                  </a:lnTo>
                  <a:lnTo>
                    <a:pt x="722" y="458"/>
                  </a:lnTo>
                  <a:lnTo>
                    <a:pt x="744" y="407"/>
                  </a:lnTo>
                  <a:lnTo>
                    <a:pt x="757" y="367"/>
                  </a:lnTo>
                  <a:lnTo>
                    <a:pt x="757" y="353"/>
                  </a:lnTo>
                  <a:lnTo>
                    <a:pt x="742" y="344"/>
                  </a:lnTo>
                  <a:lnTo>
                    <a:pt x="756" y="328"/>
                  </a:lnTo>
                  <a:lnTo>
                    <a:pt x="753" y="301"/>
                  </a:lnTo>
                  <a:lnTo>
                    <a:pt x="765" y="291"/>
                  </a:lnTo>
                  <a:lnTo>
                    <a:pt x="767" y="277"/>
                  </a:lnTo>
                  <a:lnTo>
                    <a:pt x="776" y="267"/>
                  </a:lnTo>
                  <a:lnTo>
                    <a:pt x="789" y="291"/>
                  </a:lnTo>
                  <a:lnTo>
                    <a:pt x="795" y="282"/>
                  </a:lnTo>
                  <a:lnTo>
                    <a:pt x="806" y="284"/>
                  </a:lnTo>
                  <a:lnTo>
                    <a:pt x="813" y="263"/>
                  </a:lnTo>
                  <a:lnTo>
                    <a:pt x="795" y="272"/>
                  </a:lnTo>
                  <a:lnTo>
                    <a:pt x="791" y="262"/>
                  </a:lnTo>
                  <a:lnTo>
                    <a:pt x="795" y="252"/>
                  </a:lnTo>
                  <a:lnTo>
                    <a:pt x="806" y="255"/>
                  </a:lnTo>
                  <a:close/>
                  <a:moveTo>
                    <a:pt x="73" y="1167"/>
                  </a:moveTo>
                  <a:lnTo>
                    <a:pt x="80" y="1173"/>
                  </a:lnTo>
                  <a:lnTo>
                    <a:pt x="74" y="1175"/>
                  </a:lnTo>
                  <a:lnTo>
                    <a:pt x="73" y="1167"/>
                  </a:lnTo>
                  <a:close/>
                  <a:moveTo>
                    <a:pt x="17" y="1187"/>
                  </a:moveTo>
                  <a:lnTo>
                    <a:pt x="24" y="1183"/>
                  </a:lnTo>
                  <a:lnTo>
                    <a:pt x="24" y="1190"/>
                  </a:lnTo>
                  <a:lnTo>
                    <a:pt x="18" y="1193"/>
                  </a:lnTo>
                  <a:lnTo>
                    <a:pt x="17" y="1187"/>
                  </a:lnTo>
                  <a:close/>
                  <a:moveTo>
                    <a:pt x="0" y="1187"/>
                  </a:moveTo>
                  <a:lnTo>
                    <a:pt x="7" y="1193"/>
                  </a:lnTo>
                  <a:lnTo>
                    <a:pt x="0" y="1195"/>
                  </a:lnTo>
                  <a:lnTo>
                    <a:pt x="0" y="1187"/>
                  </a:lnTo>
                  <a:close/>
                  <a:moveTo>
                    <a:pt x="807" y="13"/>
                  </a:moveTo>
                  <a:lnTo>
                    <a:pt x="803" y="19"/>
                  </a:lnTo>
                  <a:lnTo>
                    <a:pt x="813" y="23"/>
                  </a:lnTo>
                  <a:lnTo>
                    <a:pt x="813" y="13"/>
                  </a:lnTo>
                  <a:lnTo>
                    <a:pt x="807" y="13"/>
                  </a:lnTo>
                  <a:close/>
                  <a:moveTo>
                    <a:pt x="263" y="648"/>
                  </a:moveTo>
                  <a:lnTo>
                    <a:pt x="266" y="652"/>
                  </a:lnTo>
                  <a:lnTo>
                    <a:pt x="264" y="667"/>
                  </a:lnTo>
                  <a:lnTo>
                    <a:pt x="263" y="648"/>
                  </a:lnTo>
                  <a:close/>
                  <a:moveTo>
                    <a:pt x="258" y="667"/>
                  </a:moveTo>
                  <a:lnTo>
                    <a:pt x="255" y="680"/>
                  </a:lnTo>
                  <a:lnTo>
                    <a:pt x="258" y="675"/>
                  </a:lnTo>
                  <a:lnTo>
                    <a:pt x="258" y="667"/>
                  </a:lnTo>
                  <a:close/>
                  <a:moveTo>
                    <a:pt x="255" y="741"/>
                  </a:moveTo>
                  <a:lnTo>
                    <a:pt x="249" y="735"/>
                  </a:lnTo>
                  <a:lnTo>
                    <a:pt x="247" y="749"/>
                  </a:lnTo>
                  <a:lnTo>
                    <a:pt x="255" y="741"/>
                  </a:lnTo>
                  <a:close/>
                  <a:moveTo>
                    <a:pt x="238" y="752"/>
                  </a:moveTo>
                  <a:lnTo>
                    <a:pt x="230" y="757"/>
                  </a:lnTo>
                  <a:lnTo>
                    <a:pt x="230" y="763"/>
                  </a:lnTo>
                  <a:lnTo>
                    <a:pt x="238" y="761"/>
                  </a:lnTo>
                  <a:lnTo>
                    <a:pt x="238" y="752"/>
                  </a:lnTo>
                  <a:close/>
                  <a:moveTo>
                    <a:pt x="297" y="766"/>
                  </a:moveTo>
                  <a:lnTo>
                    <a:pt x="295" y="785"/>
                  </a:lnTo>
                  <a:lnTo>
                    <a:pt x="301" y="769"/>
                  </a:lnTo>
                  <a:lnTo>
                    <a:pt x="297" y="766"/>
                  </a:lnTo>
                  <a:close/>
                  <a:moveTo>
                    <a:pt x="340" y="867"/>
                  </a:moveTo>
                  <a:lnTo>
                    <a:pt x="340" y="859"/>
                  </a:lnTo>
                  <a:lnTo>
                    <a:pt x="337" y="867"/>
                  </a:lnTo>
                  <a:lnTo>
                    <a:pt x="337" y="881"/>
                  </a:lnTo>
                  <a:lnTo>
                    <a:pt x="340" y="867"/>
                  </a:lnTo>
                  <a:close/>
                  <a:moveTo>
                    <a:pt x="263" y="983"/>
                  </a:moveTo>
                  <a:lnTo>
                    <a:pt x="273" y="980"/>
                  </a:lnTo>
                  <a:lnTo>
                    <a:pt x="259" y="995"/>
                  </a:lnTo>
                  <a:lnTo>
                    <a:pt x="256" y="988"/>
                  </a:lnTo>
                  <a:lnTo>
                    <a:pt x="263" y="983"/>
                  </a:lnTo>
                  <a:close/>
                  <a:moveTo>
                    <a:pt x="241" y="1015"/>
                  </a:moveTo>
                  <a:lnTo>
                    <a:pt x="239" y="1009"/>
                  </a:lnTo>
                  <a:lnTo>
                    <a:pt x="241" y="1015"/>
                  </a:lnTo>
                  <a:close/>
                  <a:moveTo>
                    <a:pt x="188" y="1082"/>
                  </a:moveTo>
                  <a:lnTo>
                    <a:pt x="191" y="1071"/>
                  </a:lnTo>
                  <a:lnTo>
                    <a:pt x="207" y="1063"/>
                  </a:lnTo>
                  <a:lnTo>
                    <a:pt x="204" y="1077"/>
                  </a:lnTo>
                  <a:lnTo>
                    <a:pt x="191" y="1088"/>
                  </a:lnTo>
                  <a:lnTo>
                    <a:pt x="185" y="1100"/>
                  </a:lnTo>
                  <a:lnTo>
                    <a:pt x="183" y="1093"/>
                  </a:lnTo>
                  <a:lnTo>
                    <a:pt x="188" y="1082"/>
                  </a:lnTo>
                  <a:close/>
                  <a:moveTo>
                    <a:pt x="315" y="881"/>
                  </a:moveTo>
                  <a:lnTo>
                    <a:pt x="310" y="884"/>
                  </a:lnTo>
                  <a:lnTo>
                    <a:pt x="314" y="888"/>
                  </a:lnTo>
                  <a:lnTo>
                    <a:pt x="320" y="890"/>
                  </a:lnTo>
                  <a:lnTo>
                    <a:pt x="320" y="884"/>
                  </a:lnTo>
                  <a:lnTo>
                    <a:pt x="315" y="881"/>
                  </a:lnTo>
                  <a:close/>
                  <a:moveTo>
                    <a:pt x="331" y="690"/>
                  </a:moveTo>
                  <a:lnTo>
                    <a:pt x="320" y="692"/>
                  </a:lnTo>
                  <a:lnTo>
                    <a:pt x="309" y="707"/>
                  </a:lnTo>
                  <a:lnTo>
                    <a:pt x="288" y="712"/>
                  </a:lnTo>
                  <a:lnTo>
                    <a:pt x="275" y="729"/>
                  </a:lnTo>
                  <a:lnTo>
                    <a:pt x="288" y="741"/>
                  </a:lnTo>
                  <a:lnTo>
                    <a:pt x="288" y="748"/>
                  </a:lnTo>
                  <a:lnTo>
                    <a:pt x="278" y="740"/>
                  </a:lnTo>
                  <a:lnTo>
                    <a:pt x="281" y="761"/>
                  </a:lnTo>
                  <a:lnTo>
                    <a:pt x="297" y="754"/>
                  </a:lnTo>
                  <a:lnTo>
                    <a:pt x="305" y="758"/>
                  </a:lnTo>
                  <a:lnTo>
                    <a:pt x="309" y="751"/>
                  </a:lnTo>
                  <a:lnTo>
                    <a:pt x="300" y="744"/>
                  </a:lnTo>
                  <a:lnTo>
                    <a:pt x="300" y="734"/>
                  </a:lnTo>
                  <a:lnTo>
                    <a:pt x="305" y="731"/>
                  </a:lnTo>
                  <a:lnTo>
                    <a:pt x="317" y="751"/>
                  </a:lnTo>
                  <a:lnTo>
                    <a:pt x="318" y="771"/>
                  </a:lnTo>
                  <a:lnTo>
                    <a:pt x="303" y="797"/>
                  </a:lnTo>
                  <a:lnTo>
                    <a:pt x="303" y="829"/>
                  </a:lnTo>
                  <a:lnTo>
                    <a:pt x="320" y="839"/>
                  </a:lnTo>
                  <a:lnTo>
                    <a:pt x="322" y="811"/>
                  </a:lnTo>
                  <a:lnTo>
                    <a:pt x="329" y="812"/>
                  </a:lnTo>
                  <a:lnTo>
                    <a:pt x="326" y="822"/>
                  </a:lnTo>
                  <a:lnTo>
                    <a:pt x="327" y="845"/>
                  </a:lnTo>
                  <a:lnTo>
                    <a:pt x="340" y="837"/>
                  </a:lnTo>
                  <a:lnTo>
                    <a:pt x="348" y="822"/>
                  </a:lnTo>
                  <a:lnTo>
                    <a:pt x="352" y="825"/>
                  </a:lnTo>
                  <a:lnTo>
                    <a:pt x="369" y="771"/>
                  </a:lnTo>
                  <a:lnTo>
                    <a:pt x="383" y="746"/>
                  </a:lnTo>
                  <a:lnTo>
                    <a:pt x="377" y="729"/>
                  </a:lnTo>
                  <a:lnTo>
                    <a:pt x="368" y="726"/>
                  </a:lnTo>
                  <a:lnTo>
                    <a:pt x="368" y="704"/>
                  </a:lnTo>
                  <a:lnTo>
                    <a:pt x="348" y="707"/>
                  </a:lnTo>
                  <a:lnTo>
                    <a:pt x="337" y="690"/>
                  </a:lnTo>
                  <a:lnTo>
                    <a:pt x="331" y="690"/>
                  </a:lnTo>
                  <a:close/>
                  <a:moveTo>
                    <a:pt x="487" y="724"/>
                  </a:moveTo>
                  <a:lnTo>
                    <a:pt x="464" y="714"/>
                  </a:lnTo>
                  <a:lnTo>
                    <a:pt x="454" y="715"/>
                  </a:lnTo>
                  <a:lnTo>
                    <a:pt x="445" y="723"/>
                  </a:lnTo>
                  <a:lnTo>
                    <a:pt x="433" y="754"/>
                  </a:lnTo>
                  <a:lnTo>
                    <a:pt x="424" y="754"/>
                  </a:lnTo>
                  <a:lnTo>
                    <a:pt x="413" y="744"/>
                  </a:lnTo>
                  <a:lnTo>
                    <a:pt x="405" y="723"/>
                  </a:lnTo>
                  <a:lnTo>
                    <a:pt x="393" y="720"/>
                  </a:lnTo>
                  <a:lnTo>
                    <a:pt x="424" y="686"/>
                  </a:lnTo>
                  <a:lnTo>
                    <a:pt x="448" y="687"/>
                  </a:lnTo>
                  <a:lnTo>
                    <a:pt x="478" y="664"/>
                  </a:lnTo>
                  <a:lnTo>
                    <a:pt x="503" y="673"/>
                  </a:lnTo>
                  <a:lnTo>
                    <a:pt x="510" y="695"/>
                  </a:lnTo>
                  <a:lnTo>
                    <a:pt x="487" y="724"/>
                  </a:lnTo>
                  <a:close/>
                  <a:moveTo>
                    <a:pt x="985" y="87"/>
                  </a:moveTo>
                  <a:lnTo>
                    <a:pt x="999" y="76"/>
                  </a:lnTo>
                  <a:lnTo>
                    <a:pt x="1002" y="79"/>
                  </a:lnTo>
                  <a:lnTo>
                    <a:pt x="991" y="104"/>
                  </a:lnTo>
                  <a:lnTo>
                    <a:pt x="1001" y="120"/>
                  </a:lnTo>
                  <a:lnTo>
                    <a:pt x="1001" y="133"/>
                  </a:lnTo>
                  <a:lnTo>
                    <a:pt x="1023" y="129"/>
                  </a:lnTo>
                  <a:lnTo>
                    <a:pt x="1019" y="138"/>
                  </a:lnTo>
                  <a:lnTo>
                    <a:pt x="993" y="153"/>
                  </a:lnTo>
                  <a:lnTo>
                    <a:pt x="979" y="153"/>
                  </a:lnTo>
                  <a:lnTo>
                    <a:pt x="974" y="160"/>
                  </a:lnTo>
                  <a:lnTo>
                    <a:pt x="947" y="160"/>
                  </a:lnTo>
                  <a:lnTo>
                    <a:pt x="934" y="167"/>
                  </a:lnTo>
                  <a:lnTo>
                    <a:pt x="926" y="174"/>
                  </a:lnTo>
                  <a:lnTo>
                    <a:pt x="905" y="221"/>
                  </a:lnTo>
                  <a:lnTo>
                    <a:pt x="841" y="184"/>
                  </a:lnTo>
                  <a:lnTo>
                    <a:pt x="827" y="183"/>
                  </a:lnTo>
                  <a:lnTo>
                    <a:pt x="807" y="194"/>
                  </a:lnTo>
                  <a:lnTo>
                    <a:pt x="776" y="186"/>
                  </a:lnTo>
                  <a:lnTo>
                    <a:pt x="769" y="198"/>
                  </a:lnTo>
                  <a:lnTo>
                    <a:pt x="774" y="208"/>
                  </a:lnTo>
                  <a:lnTo>
                    <a:pt x="807" y="228"/>
                  </a:lnTo>
                  <a:lnTo>
                    <a:pt x="804" y="235"/>
                  </a:lnTo>
                  <a:lnTo>
                    <a:pt x="787" y="235"/>
                  </a:lnTo>
                  <a:lnTo>
                    <a:pt x="764" y="255"/>
                  </a:lnTo>
                  <a:lnTo>
                    <a:pt x="757" y="252"/>
                  </a:lnTo>
                  <a:lnTo>
                    <a:pt x="756" y="243"/>
                  </a:lnTo>
                  <a:lnTo>
                    <a:pt x="761" y="218"/>
                  </a:lnTo>
                  <a:lnTo>
                    <a:pt x="745" y="203"/>
                  </a:lnTo>
                  <a:lnTo>
                    <a:pt x="747" y="184"/>
                  </a:lnTo>
                  <a:lnTo>
                    <a:pt x="774" y="160"/>
                  </a:lnTo>
                  <a:lnTo>
                    <a:pt x="774" y="137"/>
                  </a:lnTo>
                  <a:lnTo>
                    <a:pt x="813" y="144"/>
                  </a:lnTo>
                  <a:lnTo>
                    <a:pt x="820" y="130"/>
                  </a:lnTo>
                  <a:lnTo>
                    <a:pt x="818" y="110"/>
                  </a:lnTo>
                  <a:lnTo>
                    <a:pt x="830" y="87"/>
                  </a:lnTo>
                  <a:lnTo>
                    <a:pt x="837" y="47"/>
                  </a:lnTo>
                  <a:lnTo>
                    <a:pt x="833" y="30"/>
                  </a:lnTo>
                  <a:lnTo>
                    <a:pt x="829" y="10"/>
                  </a:lnTo>
                  <a:lnTo>
                    <a:pt x="838" y="0"/>
                  </a:lnTo>
                  <a:lnTo>
                    <a:pt x="849" y="5"/>
                  </a:lnTo>
                  <a:lnTo>
                    <a:pt x="880" y="44"/>
                  </a:lnTo>
                  <a:lnTo>
                    <a:pt x="913" y="74"/>
                  </a:lnTo>
                  <a:lnTo>
                    <a:pt x="965" y="98"/>
                  </a:lnTo>
                  <a:lnTo>
                    <a:pt x="985" y="8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41" name="Freeform 80"/>
            <p:cNvSpPr>
              <a:spLocks noChangeAspect="1" noEditPoints="1"/>
            </p:cNvSpPr>
            <p:nvPr/>
          </p:nvSpPr>
          <p:spPr bwMode="gray">
            <a:xfrm>
              <a:off x="9231313" y="4721226"/>
              <a:ext cx="68263" cy="133350"/>
            </a:xfrm>
            <a:custGeom>
              <a:avLst/>
              <a:gdLst>
                <a:gd name="T0" fmla="*/ 0 w 142"/>
                <a:gd name="T1" fmla="*/ 0 h 270"/>
                <a:gd name="T2" fmla="*/ 1 w 142"/>
                <a:gd name="T3" fmla="*/ 0 h 270"/>
                <a:gd name="T4" fmla="*/ 1 w 142"/>
                <a:gd name="T5" fmla="*/ 1 h 270"/>
                <a:gd name="T6" fmla="*/ 0 w 142"/>
                <a:gd name="T7" fmla="*/ 0 h 270"/>
                <a:gd name="T8" fmla="*/ 0 w 142"/>
                <a:gd name="T9" fmla="*/ 0 h 270"/>
                <a:gd name="T10" fmla="*/ 0 w 142"/>
                <a:gd name="T11" fmla="*/ 0 h 270"/>
                <a:gd name="T12" fmla="*/ 4 w 142"/>
                <a:gd name="T13" fmla="*/ 8 h 270"/>
                <a:gd name="T14" fmla="*/ 4 w 142"/>
                <a:gd name="T15" fmla="*/ 8 h 270"/>
                <a:gd name="T16" fmla="*/ 4 w 142"/>
                <a:gd name="T17" fmla="*/ 8 h 270"/>
                <a:gd name="T18" fmla="*/ 4 w 142"/>
                <a:gd name="T19" fmla="*/ 8 h 270"/>
                <a:gd name="T20" fmla="*/ 4 w 142"/>
                <a:gd name="T21" fmla="*/ 8 h 270"/>
                <a:gd name="T22" fmla="*/ 2 w 142"/>
                <a:gd name="T23" fmla="*/ 1 h 270"/>
                <a:gd name="T24" fmla="*/ 2 w 142"/>
                <a:gd name="T25" fmla="*/ 1 h 270"/>
                <a:gd name="T26" fmla="*/ 1 w 142"/>
                <a:gd name="T27" fmla="*/ 1 h 270"/>
                <a:gd name="T28" fmla="*/ 1 w 142"/>
                <a:gd name="T29" fmla="*/ 1 h 270"/>
                <a:gd name="T30" fmla="*/ 2 w 142"/>
                <a:gd name="T31" fmla="*/ 1 h 270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42"/>
                <a:gd name="T49" fmla="*/ 0 h 270"/>
                <a:gd name="T50" fmla="*/ 142 w 142"/>
                <a:gd name="T51" fmla="*/ 270 h 270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42" h="270">
                  <a:moveTo>
                    <a:pt x="13" y="0"/>
                  </a:moveTo>
                  <a:lnTo>
                    <a:pt x="27" y="3"/>
                  </a:lnTo>
                  <a:lnTo>
                    <a:pt x="34" y="20"/>
                  </a:lnTo>
                  <a:lnTo>
                    <a:pt x="10" y="13"/>
                  </a:lnTo>
                  <a:lnTo>
                    <a:pt x="0" y="0"/>
                  </a:lnTo>
                  <a:lnTo>
                    <a:pt x="13" y="0"/>
                  </a:lnTo>
                  <a:close/>
                  <a:moveTo>
                    <a:pt x="142" y="261"/>
                  </a:moveTo>
                  <a:lnTo>
                    <a:pt x="142" y="270"/>
                  </a:lnTo>
                  <a:lnTo>
                    <a:pt x="137" y="261"/>
                  </a:lnTo>
                  <a:lnTo>
                    <a:pt x="142" y="258"/>
                  </a:lnTo>
                  <a:lnTo>
                    <a:pt x="142" y="261"/>
                  </a:lnTo>
                  <a:close/>
                  <a:moveTo>
                    <a:pt x="54" y="18"/>
                  </a:moveTo>
                  <a:lnTo>
                    <a:pt x="69" y="26"/>
                  </a:lnTo>
                  <a:lnTo>
                    <a:pt x="46" y="26"/>
                  </a:lnTo>
                  <a:lnTo>
                    <a:pt x="38" y="20"/>
                  </a:lnTo>
                  <a:lnTo>
                    <a:pt x="54" y="1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42" name="Freeform 81"/>
            <p:cNvSpPr>
              <a:spLocks noChangeAspect="1"/>
            </p:cNvSpPr>
            <p:nvPr/>
          </p:nvSpPr>
          <p:spPr bwMode="gray">
            <a:xfrm>
              <a:off x="5745163" y="3319463"/>
              <a:ext cx="50800" cy="31750"/>
            </a:xfrm>
            <a:custGeom>
              <a:avLst/>
              <a:gdLst>
                <a:gd name="T0" fmla="*/ 2 w 105"/>
                <a:gd name="T1" fmla="*/ 0 h 63"/>
                <a:gd name="T2" fmla="*/ 3 w 105"/>
                <a:gd name="T3" fmla="*/ 0 h 63"/>
                <a:gd name="T4" fmla="*/ 2 w 105"/>
                <a:gd name="T5" fmla="*/ 1 h 63"/>
                <a:gd name="T6" fmla="*/ 2 w 105"/>
                <a:gd name="T7" fmla="*/ 1 h 63"/>
                <a:gd name="T8" fmla="*/ 1 w 105"/>
                <a:gd name="T9" fmla="*/ 2 h 63"/>
                <a:gd name="T10" fmla="*/ 0 w 105"/>
                <a:gd name="T11" fmla="*/ 2 h 63"/>
                <a:gd name="T12" fmla="*/ 0 w 105"/>
                <a:gd name="T13" fmla="*/ 1 h 63"/>
                <a:gd name="T14" fmla="*/ 1 w 105"/>
                <a:gd name="T15" fmla="*/ 1 h 63"/>
                <a:gd name="T16" fmla="*/ 1 w 105"/>
                <a:gd name="T17" fmla="*/ 1 h 63"/>
                <a:gd name="T18" fmla="*/ 2 w 105"/>
                <a:gd name="T19" fmla="*/ 0 h 63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105"/>
                <a:gd name="T31" fmla="*/ 0 h 63"/>
                <a:gd name="T32" fmla="*/ 105 w 105"/>
                <a:gd name="T33" fmla="*/ 63 h 63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105" h="63">
                  <a:moveTo>
                    <a:pt x="78" y="14"/>
                  </a:moveTo>
                  <a:lnTo>
                    <a:pt x="105" y="0"/>
                  </a:lnTo>
                  <a:lnTo>
                    <a:pt x="90" y="17"/>
                  </a:lnTo>
                  <a:lnTo>
                    <a:pt x="78" y="44"/>
                  </a:lnTo>
                  <a:lnTo>
                    <a:pt x="36" y="63"/>
                  </a:lnTo>
                  <a:lnTo>
                    <a:pt x="10" y="57"/>
                  </a:lnTo>
                  <a:lnTo>
                    <a:pt x="0" y="39"/>
                  </a:lnTo>
                  <a:lnTo>
                    <a:pt x="31" y="29"/>
                  </a:lnTo>
                  <a:lnTo>
                    <a:pt x="31" y="20"/>
                  </a:lnTo>
                  <a:lnTo>
                    <a:pt x="78" y="1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43" name="Freeform 82"/>
            <p:cNvSpPr>
              <a:spLocks noChangeAspect="1" noEditPoints="1"/>
            </p:cNvSpPr>
            <p:nvPr/>
          </p:nvSpPr>
          <p:spPr bwMode="gray">
            <a:xfrm>
              <a:off x="5459413" y="3146426"/>
              <a:ext cx="195263" cy="196850"/>
            </a:xfrm>
            <a:custGeom>
              <a:avLst/>
              <a:gdLst>
                <a:gd name="T0" fmla="*/ 0 w 399"/>
                <a:gd name="T1" fmla="*/ 4 h 407"/>
                <a:gd name="T2" fmla="*/ 8 w 399"/>
                <a:gd name="T3" fmla="*/ 8 h 407"/>
                <a:gd name="T4" fmla="*/ 8 w 399"/>
                <a:gd name="T5" fmla="*/ 8 h 407"/>
                <a:gd name="T6" fmla="*/ 8 w 399"/>
                <a:gd name="T7" fmla="*/ 3 h 407"/>
                <a:gd name="T8" fmla="*/ 8 w 399"/>
                <a:gd name="T9" fmla="*/ 3 h 407"/>
                <a:gd name="T10" fmla="*/ 12 w 399"/>
                <a:gd name="T11" fmla="*/ 9 h 407"/>
                <a:gd name="T12" fmla="*/ 11 w 399"/>
                <a:gd name="T13" fmla="*/ 9 h 407"/>
                <a:gd name="T14" fmla="*/ 2 w 399"/>
                <a:gd name="T15" fmla="*/ 6 h 407"/>
                <a:gd name="T16" fmla="*/ 3 w 399"/>
                <a:gd name="T17" fmla="*/ 8 h 407"/>
                <a:gd name="T18" fmla="*/ 3 w 399"/>
                <a:gd name="T19" fmla="*/ 8 h 407"/>
                <a:gd name="T20" fmla="*/ 4 w 399"/>
                <a:gd name="T21" fmla="*/ 9 h 407"/>
                <a:gd name="T22" fmla="*/ 4 w 399"/>
                <a:gd name="T23" fmla="*/ 8 h 407"/>
                <a:gd name="T24" fmla="*/ 5 w 399"/>
                <a:gd name="T25" fmla="*/ 7 h 407"/>
                <a:gd name="T26" fmla="*/ 5 w 399"/>
                <a:gd name="T27" fmla="*/ 7 h 407"/>
                <a:gd name="T28" fmla="*/ 6 w 399"/>
                <a:gd name="T29" fmla="*/ 6 h 407"/>
                <a:gd name="T30" fmla="*/ 4 w 399"/>
                <a:gd name="T31" fmla="*/ 5 h 407"/>
                <a:gd name="T32" fmla="*/ 5 w 399"/>
                <a:gd name="T33" fmla="*/ 4 h 407"/>
                <a:gd name="T34" fmla="*/ 4 w 399"/>
                <a:gd name="T35" fmla="*/ 3 h 407"/>
                <a:gd name="T36" fmla="*/ 4 w 399"/>
                <a:gd name="T37" fmla="*/ 2 h 407"/>
                <a:gd name="T38" fmla="*/ 6 w 399"/>
                <a:gd name="T39" fmla="*/ 3 h 407"/>
                <a:gd name="T40" fmla="*/ 6 w 399"/>
                <a:gd name="T41" fmla="*/ 3 h 407"/>
                <a:gd name="T42" fmla="*/ 6 w 399"/>
                <a:gd name="T43" fmla="*/ 2 h 407"/>
                <a:gd name="T44" fmla="*/ 6 w 399"/>
                <a:gd name="T45" fmla="*/ 2 h 407"/>
                <a:gd name="T46" fmla="*/ 7 w 399"/>
                <a:gd name="T47" fmla="*/ 2 h 407"/>
                <a:gd name="T48" fmla="*/ 9 w 399"/>
                <a:gd name="T49" fmla="*/ 1 h 407"/>
                <a:gd name="T50" fmla="*/ 9 w 399"/>
                <a:gd name="T51" fmla="*/ 0 h 407"/>
                <a:gd name="T52" fmla="*/ 8 w 399"/>
                <a:gd name="T53" fmla="*/ 1 h 407"/>
                <a:gd name="T54" fmla="*/ 4 w 399"/>
                <a:gd name="T55" fmla="*/ 1 h 407"/>
                <a:gd name="T56" fmla="*/ 3 w 399"/>
                <a:gd name="T57" fmla="*/ 2 h 407"/>
                <a:gd name="T58" fmla="*/ 1 w 399"/>
                <a:gd name="T59" fmla="*/ 4 h 407"/>
                <a:gd name="T60" fmla="*/ 2 w 399"/>
                <a:gd name="T61" fmla="*/ 5 h 407"/>
                <a:gd name="T62" fmla="*/ 2 w 399"/>
                <a:gd name="T63" fmla="*/ 6 h 407"/>
                <a:gd name="T64" fmla="*/ 4 w 399"/>
                <a:gd name="T65" fmla="*/ 6 h 407"/>
                <a:gd name="T66" fmla="*/ 4 w 399"/>
                <a:gd name="T67" fmla="*/ 6 h 407"/>
                <a:gd name="T68" fmla="*/ 6 w 399"/>
                <a:gd name="T69" fmla="*/ 11 h 407"/>
                <a:gd name="T70" fmla="*/ 6 w 399"/>
                <a:gd name="T71" fmla="*/ 10 h 407"/>
                <a:gd name="T72" fmla="*/ 5 w 399"/>
                <a:gd name="T73" fmla="*/ 10 h 407"/>
                <a:gd name="T74" fmla="*/ 7 w 399"/>
                <a:gd name="T75" fmla="*/ 12 h 407"/>
                <a:gd name="T76" fmla="*/ 9 w 399"/>
                <a:gd name="T77" fmla="*/ 11 h 407"/>
                <a:gd name="T78" fmla="*/ 7 w 399"/>
                <a:gd name="T79" fmla="*/ 11 h 407"/>
                <a:gd name="T80" fmla="*/ 9 w 399"/>
                <a:gd name="T81" fmla="*/ 4 h 407"/>
                <a:gd name="T82" fmla="*/ 9 w 399"/>
                <a:gd name="T83" fmla="*/ 5 h 407"/>
                <a:gd name="T84" fmla="*/ 9 w 399"/>
                <a:gd name="T85" fmla="*/ 6 h 407"/>
                <a:gd name="T86" fmla="*/ 8 w 399"/>
                <a:gd name="T87" fmla="*/ 5 h 407"/>
                <a:gd name="T88" fmla="*/ 7 w 399"/>
                <a:gd name="T89" fmla="*/ 7 h 407"/>
                <a:gd name="T90" fmla="*/ 7 w 399"/>
                <a:gd name="T91" fmla="*/ 2 h 407"/>
                <a:gd name="T92" fmla="*/ 6 w 399"/>
                <a:gd name="T93" fmla="*/ 2 h 407"/>
                <a:gd name="T94" fmla="*/ 7 w 399"/>
                <a:gd name="T95" fmla="*/ 6 h 407"/>
                <a:gd name="T96" fmla="*/ 5 w 399"/>
                <a:gd name="T97" fmla="*/ 5 h 407"/>
                <a:gd name="T98" fmla="*/ 5 w 399"/>
                <a:gd name="T99" fmla="*/ 5 h 407"/>
                <a:gd name="T100" fmla="*/ 6 w 399"/>
                <a:gd name="T101" fmla="*/ 6 h 407"/>
                <a:gd name="T102" fmla="*/ 2 w 399"/>
                <a:gd name="T103" fmla="*/ 6 h 407"/>
                <a:gd name="T104" fmla="*/ 1 w 399"/>
                <a:gd name="T105" fmla="*/ 6 h 407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399"/>
                <a:gd name="T160" fmla="*/ 0 h 407"/>
                <a:gd name="T161" fmla="*/ 399 w 399"/>
                <a:gd name="T162" fmla="*/ 407 h 407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399" h="407">
                  <a:moveTo>
                    <a:pt x="19" y="145"/>
                  </a:moveTo>
                  <a:lnTo>
                    <a:pt x="10" y="127"/>
                  </a:lnTo>
                  <a:lnTo>
                    <a:pt x="0" y="125"/>
                  </a:lnTo>
                  <a:lnTo>
                    <a:pt x="6" y="141"/>
                  </a:lnTo>
                  <a:lnTo>
                    <a:pt x="19" y="145"/>
                  </a:lnTo>
                  <a:close/>
                  <a:moveTo>
                    <a:pt x="266" y="291"/>
                  </a:moveTo>
                  <a:lnTo>
                    <a:pt x="271" y="291"/>
                  </a:lnTo>
                  <a:lnTo>
                    <a:pt x="272" y="278"/>
                  </a:lnTo>
                  <a:lnTo>
                    <a:pt x="264" y="283"/>
                  </a:lnTo>
                  <a:lnTo>
                    <a:pt x="266" y="291"/>
                  </a:lnTo>
                  <a:close/>
                  <a:moveTo>
                    <a:pt x="263" y="116"/>
                  </a:moveTo>
                  <a:lnTo>
                    <a:pt x="260" y="111"/>
                  </a:lnTo>
                  <a:lnTo>
                    <a:pt x="249" y="111"/>
                  </a:lnTo>
                  <a:lnTo>
                    <a:pt x="247" y="120"/>
                  </a:lnTo>
                  <a:lnTo>
                    <a:pt x="259" y="122"/>
                  </a:lnTo>
                  <a:lnTo>
                    <a:pt x="263" y="116"/>
                  </a:lnTo>
                  <a:close/>
                  <a:moveTo>
                    <a:pt x="390" y="339"/>
                  </a:moveTo>
                  <a:lnTo>
                    <a:pt x="399" y="317"/>
                  </a:lnTo>
                  <a:lnTo>
                    <a:pt x="374" y="334"/>
                  </a:lnTo>
                  <a:lnTo>
                    <a:pt x="374" y="348"/>
                  </a:lnTo>
                  <a:lnTo>
                    <a:pt x="390" y="339"/>
                  </a:lnTo>
                  <a:close/>
                  <a:moveTo>
                    <a:pt x="110" y="210"/>
                  </a:moveTo>
                  <a:lnTo>
                    <a:pt x="86" y="220"/>
                  </a:lnTo>
                  <a:lnTo>
                    <a:pt x="79" y="216"/>
                  </a:lnTo>
                  <a:lnTo>
                    <a:pt x="68" y="241"/>
                  </a:lnTo>
                  <a:lnTo>
                    <a:pt x="91" y="269"/>
                  </a:lnTo>
                  <a:lnTo>
                    <a:pt x="90" y="292"/>
                  </a:lnTo>
                  <a:lnTo>
                    <a:pt x="102" y="301"/>
                  </a:lnTo>
                  <a:lnTo>
                    <a:pt x="108" y="284"/>
                  </a:lnTo>
                  <a:lnTo>
                    <a:pt x="119" y="297"/>
                  </a:lnTo>
                  <a:lnTo>
                    <a:pt x="124" y="320"/>
                  </a:lnTo>
                  <a:lnTo>
                    <a:pt x="128" y="320"/>
                  </a:lnTo>
                  <a:lnTo>
                    <a:pt x="132" y="303"/>
                  </a:lnTo>
                  <a:lnTo>
                    <a:pt x="139" y="300"/>
                  </a:lnTo>
                  <a:lnTo>
                    <a:pt x="158" y="318"/>
                  </a:lnTo>
                  <a:lnTo>
                    <a:pt x="150" y="274"/>
                  </a:lnTo>
                  <a:lnTo>
                    <a:pt x="142" y="255"/>
                  </a:lnTo>
                  <a:lnTo>
                    <a:pt x="159" y="271"/>
                  </a:lnTo>
                  <a:lnTo>
                    <a:pt x="176" y="263"/>
                  </a:lnTo>
                  <a:lnTo>
                    <a:pt x="175" y="258"/>
                  </a:lnTo>
                  <a:lnTo>
                    <a:pt x="164" y="250"/>
                  </a:lnTo>
                  <a:lnTo>
                    <a:pt x="158" y="232"/>
                  </a:lnTo>
                  <a:lnTo>
                    <a:pt x="181" y="229"/>
                  </a:lnTo>
                  <a:lnTo>
                    <a:pt x="201" y="247"/>
                  </a:lnTo>
                  <a:lnTo>
                    <a:pt x="200" y="215"/>
                  </a:lnTo>
                  <a:lnTo>
                    <a:pt x="170" y="200"/>
                  </a:lnTo>
                  <a:lnTo>
                    <a:pt x="167" y="190"/>
                  </a:lnTo>
                  <a:lnTo>
                    <a:pt x="132" y="173"/>
                  </a:lnTo>
                  <a:lnTo>
                    <a:pt x="152" y="170"/>
                  </a:lnTo>
                  <a:lnTo>
                    <a:pt x="150" y="151"/>
                  </a:lnTo>
                  <a:lnTo>
                    <a:pt x="158" y="15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37" y="111"/>
                  </a:lnTo>
                  <a:lnTo>
                    <a:pt x="137" y="76"/>
                  </a:lnTo>
                  <a:lnTo>
                    <a:pt x="149" y="73"/>
                  </a:lnTo>
                  <a:lnTo>
                    <a:pt x="147" y="82"/>
                  </a:lnTo>
                  <a:lnTo>
                    <a:pt x="167" y="94"/>
                  </a:lnTo>
                  <a:lnTo>
                    <a:pt x="179" y="114"/>
                  </a:lnTo>
                  <a:lnTo>
                    <a:pt x="184" y="110"/>
                  </a:lnTo>
                  <a:lnTo>
                    <a:pt x="175" y="94"/>
                  </a:lnTo>
                  <a:lnTo>
                    <a:pt x="186" y="97"/>
                  </a:lnTo>
                  <a:lnTo>
                    <a:pt x="198" y="111"/>
                  </a:lnTo>
                  <a:lnTo>
                    <a:pt x="198" y="102"/>
                  </a:lnTo>
                  <a:lnTo>
                    <a:pt x="187" y="94"/>
                  </a:lnTo>
                  <a:lnTo>
                    <a:pt x="192" y="88"/>
                  </a:lnTo>
                  <a:lnTo>
                    <a:pt x="213" y="99"/>
                  </a:lnTo>
                  <a:lnTo>
                    <a:pt x="203" y="85"/>
                  </a:lnTo>
                  <a:lnTo>
                    <a:pt x="184" y="73"/>
                  </a:lnTo>
                  <a:lnTo>
                    <a:pt x="220" y="52"/>
                  </a:lnTo>
                  <a:lnTo>
                    <a:pt x="235" y="56"/>
                  </a:lnTo>
                  <a:lnTo>
                    <a:pt x="247" y="49"/>
                  </a:lnTo>
                  <a:lnTo>
                    <a:pt x="294" y="66"/>
                  </a:lnTo>
                  <a:lnTo>
                    <a:pt x="303" y="54"/>
                  </a:lnTo>
                  <a:lnTo>
                    <a:pt x="308" y="29"/>
                  </a:lnTo>
                  <a:lnTo>
                    <a:pt x="319" y="22"/>
                  </a:lnTo>
                  <a:lnTo>
                    <a:pt x="319" y="12"/>
                  </a:lnTo>
                  <a:lnTo>
                    <a:pt x="308" y="0"/>
                  </a:lnTo>
                  <a:lnTo>
                    <a:pt x="300" y="1"/>
                  </a:lnTo>
                  <a:lnTo>
                    <a:pt x="298" y="18"/>
                  </a:lnTo>
                  <a:lnTo>
                    <a:pt x="286" y="29"/>
                  </a:lnTo>
                  <a:lnTo>
                    <a:pt x="269" y="32"/>
                  </a:lnTo>
                  <a:lnTo>
                    <a:pt x="221" y="14"/>
                  </a:lnTo>
                  <a:lnTo>
                    <a:pt x="152" y="26"/>
                  </a:lnTo>
                  <a:lnTo>
                    <a:pt x="133" y="39"/>
                  </a:lnTo>
                  <a:lnTo>
                    <a:pt x="116" y="39"/>
                  </a:lnTo>
                  <a:lnTo>
                    <a:pt x="91" y="52"/>
                  </a:lnTo>
                  <a:lnTo>
                    <a:pt x="62" y="57"/>
                  </a:lnTo>
                  <a:lnTo>
                    <a:pt x="64" y="78"/>
                  </a:lnTo>
                  <a:lnTo>
                    <a:pt x="23" y="128"/>
                  </a:lnTo>
                  <a:lnTo>
                    <a:pt x="49" y="171"/>
                  </a:lnTo>
                  <a:lnTo>
                    <a:pt x="53" y="164"/>
                  </a:lnTo>
                  <a:lnTo>
                    <a:pt x="64" y="170"/>
                  </a:lnTo>
                  <a:lnTo>
                    <a:pt x="68" y="176"/>
                  </a:lnTo>
                  <a:lnTo>
                    <a:pt x="51" y="176"/>
                  </a:lnTo>
                  <a:lnTo>
                    <a:pt x="69" y="208"/>
                  </a:lnTo>
                  <a:lnTo>
                    <a:pt x="79" y="204"/>
                  </a:lnTo>
                  <a:lnTo>
                    <a:pt x="133" y="210"/>
                  </a:lnTo>
                  <a:lnTo>
                    <a:pt x="139" y="205"/>
                  </a:lnTo>
                  <a:lnTo>
                    <a:pt x="161" y="218"/>
                  </a:lnTo>
                  <a:lnTo>
                    <a:pt x="159" y="225"/>
                  </a:lnTo>
                  <a:lnTo>
                    <a:pt x="150" y="227"/>
                  </a:lnTo>
                  <a:lnTo>
                    <a:pt x="110" y="210"/>
                  </a:lnTo>
                  <a:close/>
                  <a:moveTo>
                    <a:pt x="249" y="379"/>
                  </a:moveTo>
                  <a:lnTo>
                    <a:pt x="217" y="381"/>
                  </a:lnTo>
                  <a:lnTo>
                    <a:pt x="206" y="376"/>
                  </a:lnTo>
                  <a:lnTo>
                    <a:pt x="204" y="366"/>
                  </a:lnTo>
                  <a:lnTo>
                    <a:pt x="200" y="371"/>
                  </a:lnTo>
                  <a:lnTo>
                    <a:pt x="187" y="366"/>
                  </a:lnTo>
                  <a:lnTo>
                    <a:pt x="186" y="371"/>
                  </a:lnTo>
                  <a:lnTo>
                    <a:pt x="181" y="371"/>
                  </a:lnTo>
                  <a:lnTo>
                    <a:pt x="179" y="390"/>
                  </a:lnTo>
                  <a:lnTo>
                    <a:pt x="221" y="391"/>
                  </a:lnTo>
                  <a:lnTo>
                    <a:pt x="237" y="407"/>
                  </a:lnTo>
                  <a:lnTo>
                    <a:pt x="291" y="398"/>
                  </a:lnTo>
                  <a:lnTo>
                    <a:pt x="300" y="402"/>
                  </a:lnTo>
                  <a:lnTo>
                    <a:pt x="305" y="385"/>
                  </a:lnTo>
                  <a:lnTo>
                    <a:pt x="289" y="391"/>
                  </a:lnTo>
                  <a:lnTo>
                    <a:pt x="277" y="382"/>
                  </a:lnTo>
                  <a:lnTo>
                    <a:pt x="249" y="379"/>
                  </a:lnTo>
                  <a:close/>
                  <a:moveTo>
                    <a:pt x="317" y="166"/>
                  </a:moveTo>
                  <a:lnTo>
                    <a:pt x="322" y="166"/>
                  </a:lnTo>
                  <a:lnTo>
                    <a:pt x="310" y="142"/>
                  </a:lnTo>
                  <a:lnTo>
                    <a:pt x="288" y="153"/>
                  </a:lnTo>
                  <a:lnTo>
                    <a:pt x="286" y="161"/>
                  </a:lnTo>
                  <a:lnTo>
                    <a:pt x="303" y="158"/>
                  </a:lnTo>
                  <a:lnTo>
                    <a:pt x="300" y="166"/>
                  </a:lnTo>
                  <a:lnTo>
                    <a:pt x="317" y="166"/>
                  </a:lnTo>
                  <a:close/>
                  <a:moveTo>
                    <a:pt x="291" y="215"/>
                  </a:moveTo>
                  <a:lnTo>
                    <a:pt x="296" y="210"/>
                  </a:lnTo>
                  <a:lnTo>
                    <a:pt x="298" y="195"/>
                  </a:lnTo>
                  <a:lnTo>
                    <a:pt x="286" y="192"/>
                  </a:lnTo>
                  <a:lnTo>
                    <a:pt x="291" y="215"/>
                  </a:lnTo>
                  <a:close/>
                  <a:moveTo>
                    <a:pt x="244" y="249"/>
                  </a:moveTo>
                  <a:lnTo>
                    <a:pt x="244" y="235"/>
                  </a:lnTo>
                  <a:lnTo>
                    <a:pt x="234" y="230"/>
                  </a:lnTo>
                  <a:lnTo>
                    <a:pt x="244" y="249"/>
                  </a:lnTo>
                  <a:close/>
                  <a:moveTo>
                    <a:pt x="234" y="73"/>
                  </a:moveTo>
                  <a:lnTo>
                    <a:pt x="237" y="71"/>
                  </a:lnTo>
                  <a:lnTo>
                    <a:pt x="235" y="63"/>
                  </a:lnTo>
                  <a:lnTo>
                    <a:pt x="223" y="69"/>
                  </a:lnTo>
                  <a:lnTo>
                    <a:pt x="234" y="73"/>
                  </a:lnTo>
                  <a:close/>
                  <a:moveTo>
                    <a:pt x="227" y="224"/>
                  </a:moveTo>
                  <a:lnTo>
                    <a:pt x="229" y="220"/>
                  </a:lnTo>
                  <a:lnTo>
                    <a:pt x="215" y="215"/>
                  </a:lnTo>
                  <a:lnTo>
                    <a:pt x="204" y="192"/>
                  </a:lnTo>
                  <a:lnTo>
                    <a:pt x="183" y="184"/>
                  </a:lnTo>
                  <a:lnTo>
                    <a:pt x="169" y="168"/>
                  </a:lnTo>
                  <a:lnTo>
                    <a:pt x="152" y="179"/>
                  </a:lnTo>
                  <a:lnTo>
                    <a:pt x="161" y="179"/>
                  </a:lnTo>
                  <a:lnTo>
                    <a:pt x="179" y="201"/>
                  </a:lnTo>
                  <a:lnTo>
                    <a:pt x="206" y="213"/>
                  </a:lnTo>
                  <a:lnTo>
                    <a:pt x="215" y="230"/>
                  </a:lnTo>
                  <a:lnTo>
                    <a:pt x="227" y="232"/>
                  </a:lnTo>
                  <a:lnTo>
                    <a:pt x="227" y="224"/>
                  </a:lnTo>
                  <a:close/>
                  <a:moveTo>
                    <a:pt x="49" y="225"/>
                  </a:moveTo>
                  <a:lnTo>
                    <a:pt x="51" y="216"/>
                  </a:lnTo>
                  <a:lnTo>
                    <a:pt x="44" y="205"/>
                  </a:lnTo>
                  <a:lnTo>
                    <a:pt x="32" y="213"/>
                  </a:lnTo>
                  <a:lnTo>
                    <a:pt x="49" y="22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44" name="Freeform 83"/>
            <p:cNvSpPr>
              <a:spLocks noChangeAspect="1"/>
            </p:cNvSpPr>
            <p:nvPr/>
          </p:nvSpPr>
          <p:spPr bwMode="gray">
            <a:xfrm>
              <a:off x="5784850" y="3387726"/>
              <a:ext cx="33338" cy="103188"/>
            </a:xfrm>
            <a:custGeom>
              <a:avLst/>
              <a:gdLst>
                <a:gd name="T0" fmla="*/ 0 w 66"/>
                <a:gd name="T1" fmla="*/ 3 h 208"/>
                <a:gd name="T2" fmla="*/ 0 w 66"/>
                <a:gd name="T3" fmla="*/ 3 h 208"/>
                <a:gd name="T4" fmla="*/ 0 w 66"/>
                <a:gd name="T5" fmla="*/ 3 h 208"/>
                <a:gd name="T6" fmla="*/ 0 w 66"/>
                <a:gd name="T7" fmla="*/ 3 h 208"/>
                <a:gd name="T8" fmla="*/ 0 w 66"/>
                <a:gd name="T9" fmla="*/ 3 h 208"/>
                <a:gd name="T10" fmla="*/ 1 w 66"/>
                <a:gd name="T11" fmla="*/ 3 h 208"/>
                <a:gd name="T12" fmla="*/ 1 w 66"/>
                <a:gd name="T13" fmla="*/ 2 h 208"/>
                <a:gd name="T14" fmla="*/ 1 w 66"/>
                <a:gd name="T15" fmla="*/ 0 h 208"/>
                <a:gd name="T16" fmla="*/ 2 w 66"/>
                <a:gd name="T17" fmla="*/ 0 h 208"/>
                <a:gd name="T18" fmla="*/ 2 w 66"/>
                <a:gd name="T19" fmla="*/ 0 h 208"/>
                <a:gd name="T20" fmla="*/ 2 w 66"/>
                <a:gd name="T21" fmla="*/ 0 h 208"/>
                <a:gd name="T22" fmla="*/ 2 w 66"/>
                <a:gd name="T23" fmla="*/ 1 h 208"/>
                <a:gd name="T24" fmla="*/ 2 w 66"/>
                <a:gd name="T25" fmla="*/ 2 h 208"/>
                <a:gd name="T26" fmla="*/ 2 w 66"/>
                <a:gd name="T27" fmla="*/ 1 h 208"/>
                <a:gd name="T28" fmla="*/ 1 w 66"/>
                <a:gd name="T29" fmla="*/ 1 h 208"/>
                <a:gd name="T30" fmla="*/ 1 w 66"/>
                <a:gd name="T31" fmla="*/ 2 h 208"/>
                <a:gd name="T32" fmla="*/ 1 w 66"/>
                <a:gd name="T33" fmla="*/ 3 h 208"/>
                <a:gd name="T34" fmla="*/ 2 w 66"/>
                <a:gd name="T35" fmla="*/ 3 h 208"/>
                <a:gd name="T36" fmla="*/ 1 w 66"/>
                <a:gd name="T37" fmla="*/ 3 h 208"/>
                <a:gd name="T38" fmla="*/ 1 w 66"/>
                <a:gd name="T39" fmla="*/ 3 h 208"/>
                <a:gd name="T40" fmla="*/ 1 w 66"/>
                <a:gd name="T41" fmla="*/ 3 h 208"/>
                <a:gd name="T42" fmla="*/ 2 w 66"/>
                <a:gd name="T43" fmla="*/ 3 h 208"/>
                <a:gd name="T44" fmla="*/ 2 w 66"/>
                <a:gd name="T45" fmla="*/ 3 h 208"/>
                <a:gd name="T46" fmla="*/ 2 w 66"/>
                <a:gd name="T47" fmla="*/ 4 h 208"/>
                <a:gd name="T48" fmla="*/ 1 w 66"/>
                <a:gd name="T49" fmla="*/ 4 h 208"/>
                <a:gd name="T50" fmla="*/ 1 w 66"/>
                <a:gd name="T51" fmla="*/ 6 h 208"/>
                <a:gd name="T52" fmla="*/ 1 w 66"/>
                <a:gd name="T53" fmla="*/ 6 h 208"/>
                <a:gd name="T54" fmla="*/ 1 w 66"/>
                <a:gd name="T55" fmla="*/ 6 h 208"/>
                <a:gd name="T56" fmla="*/ 0 w 66"/>
                <a:gd name="T57" fmla="*/ 5 h 208"/>
                <a:gd name="T58" fmla="*/ 0 w 66"/>
                <a:gd name="T59" fmla="*/ 4 h 208"/>
                <a:gd name="T60" fmla="*/ 0 w 66"/>
                <a:gd name="T61" fmla="*/ 3 h 208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w 66"/>
                <a:gd name="T94" fmla="*/ 0 h 208"/>
                <a:gd name="T95" fmla="*/ 66 w 66"/>
                <a:gd name="T96" fmla="*/ 208 h 208"/>
              </a:gdLst>
              <a:ahLst/>
              <a:cxnLst>
                <a:cxn ang="T62">
                  <a:pos x="T0" y="T1"/>
                </a:cxn>
                <a:cxn ang="T63">
                  <a:pos x="T2" y="T3"/>
                </a:cxn>
                <a:cxn ang="T64">
                  <a:pos x="T4" y="T5"/>
                </a:cxn>
                <a:cxn ang="T65">
                  <a:pos x="T6" y="T7"/>
                </a:cxn>
                <a:cxn ang="T66">
                  <a:pos x="T8" y="T9"/>
                </a:cxn>
                <a:cxn ang="T67">
                  <a:pos x="T10" y="T11"/>
                </a:cxn>
                <a:cxn ang="T68">
                  <a:pos x="T12" y="T13"/>
                </a:cxn>
                <a:cxn ang="T69">
                  <a:pos x="T14" y="T15"/>
                </a:cxn>
                <a:cxn ang="T70">
                  <a:pos x="T16" y="T17"/>
                </a:cxn>
                <a:cxn ang="T71">
                  <a:pos x="T18" y="T19"/>
                </a:cxn>
                <a:cxn ang="T72">
                  <a:pos x="T20" y="T21"/>
                </a:cxn>
                <a:cxn ang="T73">
                  <a:pos x="T22" y="T23"/>
                </a:cxn>
                <a:cxn ang="T74">
                  <a:pos x="T24" y="T25"/>
                </a:cxn>
                <a:cxn ang="T75">
                  <a:pos x="T26" y="T27"/>
                </a:cxn>
                <a:cxn ang="T76">
                  <a:pos x="T28" y="T29"/>
                </a:cxn>
                <a:cxn ang="T77">
                  <a:pos x="T30" y="T31"/>
                </a:cxn>
                <a:cxn ang="T78">
                  <a:pos x="T32" y="T33"/>
                </a:cxn>
                <a:cxn ang="T79">
                  <a:pos x="T34" y="T35"/>
                </a:cxn>
                <a:cxn ang="T80">
                  <a:pos x="T36" y="T37"/>
                </a:cxn>
                <a:cxn ang="T81">
                  <a:pos x="T38" y="T39"/>
                </a:cxn>
                <a:cxn ang="T82">
                  <a:pos x="T40" y="T41"/>
                </a:cxn>
                <a:cxn ang="T83">
                  <a:pos x="T42" y="T43"/>
                </a:cxn>
                <a:cxn ang="T84">
                  <a:pos x="T44" y="T45"/>
                </a:cxn>
                <a:cxn ang="T85">
                  <a:pos x="T46" y="T47"/>
                </a:cxn>
                <a:cxn ang="T86">
                  <a:pos x="T48" y="T49"/>
                </a:cxn>
                <a:cxn ang="T87">
                  <a:pos x="T50" y="T51"/>
                </a:cxn>
                <a:cxn ang="T88">
                  <a:pos x="T52" y="T53"/>
                </a:cxn>
                <a:cxn ang="T89">
                  <a:pos x="T54" y="T55"/>
                </a:cxn>
                <a:cxn ang="T90">
                  <a:pos x="T56" y="T57"/>
                </a:cxn>
                <a:cxn ang="T91">
                  <a:pos x="T58" y="T59"/>
                </a:cxn>
                <a:cxn ang="T92">
                  <a:pos x="T60" y="T61"/>
                </a:cxn>
              </a:cxnLst>
              <a:rect l="T93" t="T94" r="T95" b="T96"/>
              <a:pathLst>
                <a:path w="66" h="208">
                  <a:moveTo>
                    <a:pt x="0" y="113"/>
                  </a:moveTo>
                  <a:lnTo>
                    <a:pt x="6" y="110"/>
                  </a:lnTo>
                  <a:lnTo>
                    <a:pt x="6" y="107"/>
                  </a:lnTo>
                  <a:lnTo>
                    <a:pt x="14" y="96"/>
                  </a:lnTo>
                  <a:lnTo>
                    <a:pt x="10" y="93"/>
                  </a:lnTo>
                  <a:lnTo>
                    <a:pt x="17" y="84"/>
                  </a:lnTo>
                  <a:lnTo>
                    <a:pt x="22" y="71"/>
                  </a:lnTo>
                  <a:lnTo>
                    <a:pt x="39" y="8"/>
                  </a:lnTo>
                  <a:lnTo>
                    <a:pt x="61" y="10"/>
                  </a:lnTo>
                  <a:lnTo>
                    <a:pt x="63" y="0"/>
                  </a:lnTo>
                  <a:lnTo>
                    <a:pt x="66" y="2"/>
                  </a:lnTo>
                  <a:lnTo>
                    <a:pt x="63" y="30"/>
                  </a:lnTo>
                  <a:lnTo>
                    <a:pt x="63" y="47"/>
                  </a:lnTo>
                  <a:lnTo>
                    <a:pt x="56" y="39"/>
                  </a:lnTo>
                  <a:lnTo>
                    <a:pt x="44" y="39"/>
                  </a:lnTo>
                  <a:lnTo>
                    <a:pt x="34" y="56"/>
                  </a:lnTo>
                  <a:lnTo>
                    <a:pt x="35" y="76"/>
                  </a:lnTo>
                  <a:lnTo>
                    <a:pt x="48" y="79"/>
                  </a:lnTo>
                  <a:lnTo>
                    <a:pt x="37" y="83"/>
                  </a:lnTo>
                  <a:lnTo>
                    <a:pt x="31" y="101"/>
                  </a:lnTo>
                  <a:lnTo>
                    <a:pt x="34" y="105"/>
                  </a:lnTo>
                  <a:lnTo>
                    <a:pt x="52" y="95"/>
                  </a:lnTo>
                  <a:lnTo>
                    <a:pt x="57" y="98"/>
                  </a:lnTo>
                  <a:lnTo>
                    <a:pt x="57" y="118"/>
                  </a:lnTo>
                  <a:lnTo>
                    <a:pt x="44" y="147"/>
                  </a:lnTo>
                  <a:lnTo>
                    <a:pt x="35" y="206"/>
                  </a:lnTo>
                  <a:lnTo>
                    <a:pt x="32" y="208"/>
                  </a:lnTo>
                  <a:lnTo>
                    <a:pt x="22" y="183"/>
                  </a:lnTo>
                  <a:lnTo>
                    <a:pt x="14" y="157"/>
                  </a:lnTo>
                  <a:lnTo>
                    <a:pt x="6" y="132"/>
                  </a:lnTo>
                  <a:lnTo>
                    <a:pt x="0" y="11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45" name="Freeform 84"/>
            <p:cNvSpPr>
              <a:spLocks noChangeAspect="1"/>
            </p:cNvSpPr>
            <p:nvPr/>
          </p:nvSpPr>
          <p:spPr bwMode="gray">
            <a:xfrm>
              <a:off x="7269163" y="3660776"/>
              <a:ext cx="163513" cy="200025"/>
            </a:xfrm>
            <a:custGeom>
              <a:avLst/>
              <a:gdLst>
                <a:gd name="T0" fmla="*/ 3 w 332"/>
                <a:gd name="T1" fmla="*/ 6 h 413"/>
                <a:gd name="T2" fmla="*/ 3 w 332"/>
                <a:gd name="T3" fmla="*/ 6 h 413"/>
                <a:gd name="T4" fmla="*/ 4 w 332"/>
                <a:gd name="T5" fmla="*/ 6 h 413"/>
                <a:gd name="T6" fmla="*/ 5 w 332"/>
                <a:gd name="T7" fmla="*/ 6 h 413"/>
                <a:gd name="T8" fmla="*/ 6 w 332"/>
                <a:gd name="T9" fmla="*/ 7 h 413"/>
                <a:gd name="T10" fmla="*/ 7 w 332"/>
                <a:gd name="T11" fmla="*/ 9 h 413"/>
                <a:gd name="T12" fmla="*/ 7 w 332"/>
                <a:gd name="T13" fmla="*/ 9 h 413"/>
                <a:gd name="T14" fmla="*/ 7 w 332"/>
                <a:gd name="T15" fmla="*/ 11 h 413"/>
                <a:gd name="T16" fmla="*/ 7 w 332"/>
                <a:gd name="T17" fmla="*/ 12 h 413"/>
                <a:gd name="T18" fmla="*/ 8 w 332"/>
                <a:gd name="T19" fmla="*/ 12 h 413"/>
                <a:gd name="T20" fmla="*/ 8 w 332"/>
                <a:gd name="T21" fmla="*/ 11 h 413"/>
                <a:gd name="T22" fmla="*/ 9 w 332"/>
                <a:gd name="T23" fmla="*/ 11 h 413"/>
                <a:gd name="T24" fmla="*/ 10 w 332"/>
                <a:gd name="T25" fmla="*/ 10 h 413"/>
                <a:gd name="T26" fmla="*/ 9 w 332"/>
                <a:gd name="T27" fmla="*/ 8 h 413"/>
                <a:gd name="T28" fmla="*/ 9 w 332"/>
                <a:gd name="T29" fmla="*/ 8 h 413"/>
                <a:gd name="T30" fmla="*/ 8 w 332"/>
                <a:gd name="T31" fmla="*/ 7 h 413"/>
                <a:gd name="T32" fmla="*/ 7 w 332"/>
                <a:gd name="T33" fmla="*/ 5 h 413"/>
                <a:gd name="T34" fmla="*/ 5 w 332"/>
                <a:gd name="T35" fmla="*/ 4 h 413"/>
                <a:gd name="T36" fmla="*/ 6 w 332"/>
                <a:gd name="T37" fmla="*/ 4 h 413"/>
                <a:gd name="T38" fmla="*/ 6 w 332"/>
                <a:gd name="T39" fmla="*/ 2 h 413"/>
                <a:gd name="T40" fmla="*/ 4 w 332"/>
                <a:gd name="T41" fmla="*/ 2 h 413"/>
                <a:gd name="T42" fmla="*/ 4 w 332"/>
                <a:gd name="T43" fmla="*/ 2 h 413"/>
                <a:gd name="T44" fmla="*/ 3 w 332"/>
                <a:gd name="T45" fmla="*/ 0 h 413"/>
                <a:gd name="T46" fmla="*/ 2 w 332"/>
                <a:gd name="T47" fmla="*/ 0 h 413"/>
                <a:gd name="T48" fmla="*/ 2 w 332"/>
                <a:gd name="T49" fmla="*/ 1 h 413"/>
                <a:gd name="T50" fmla="*/ 2 w 332"/>
                <a:gd name="T51" fmla="*/ 2 h 413"/>
                <a:gd name="T52" fmla="*/ 1 w 332"/>
                <a:gd name="T53" fmla="*/ 2 h 413"/>
                <a:gd name="T54" fmla="*/ 1 w 332"/>
                <a:gd name="T55" fmla="*/ 2 h 413"/>
                <a:gd name="T56" fmla="*/ 0 w 332"/>
                <a:gd name="T57" fmla="*/ 2 h 413"/>
                <a:gd name="T58" fmla="*/ 0 w 332"/>
                <a:gd name="T59" fmla="*/ 3 h 413"/>
                <a:gd name="T60" fmla="*/ 1 w 332"/>
                <a:gd name="T61" fmla="*/ 4 h 413"/>
                <a:gd name="T62" fmla="*/ 1 w 332"/>
                <a:gd name="T63" fmla="*/ 4 h 413"/>
                <a:gd name="T64" fmla="*/ 1 w 332"/>
                <a:gd name="T65" fmla="*/ 6 h 413"/>
                <a:gd name="T66" fmla="*/ 2 w 332"/>
                <a:gd name="T67" fmla="*/ 6 h 413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332"/>
                <a:gd name="T103" fmla="*/ 0 h 413"/>
                <a:gd name="T104" fmla="*/ 332 w 332"/>
                <a:gd name="T105" fmla="*/ 413 h 413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332" h="413">
                  <a:moveTo>
                    <a:pt x="76" y="211"/>
                  </a:moveTo>
                  <a:lnTo>
                    <a:pt x="90" y="211"/>
                  </a:lnTo>
                  <a:lnTo>
                    <a:pt x="95" y="220"/>
                  </a:lnTo>
                  <a:lnTo>
                    <a:pt x="109" y="225"/>
                  </a:lnTo>
                  <a:lnTo>
                    <a:pt x="126" y="219"/>
                  </a:lnTo>
                  <a:lnTo>
                    <a:pt x="132" y="205"/>
                  </a:lnTo>
                  <a:lnTo>
                    <a:pt x="151" y="203"/>
                  </a:lnTo>
                  <a:lnTo>
                    <a:pt x="161" y="203"/>
                  </a:lnTo>
                  <a:lnTo>
                    <a:pt x="197" y="242"/>
                  </a:lnTo>
                  <a:lnTo>
                    <a:pt x="203" y="261"/>
                  </a:lnTo>
                  <a:lnTo>
                    <a:pt x="206" y="301"/>
                  </a:lnTo>
                  <a:lnTo>
                    <a:pt x="220" y="315"/>
                  </a:lnTo>
                  <a:lnTo>
                    <a:pt x="226" y="315"/>
                  </a:lnTo>
                  <a:lnTo>
                    <a:pt x="242" y="335"/>
                  </a:lnTo>
                  <a:lnTo>
                    <a:pt x="242" y="349"/>
                  </a:lnTo>
                  <a:lnTo>
                    <a:pt x="239" y="387"/>
                  </a:lnTo>
                  <a:lnTo>
                    <a:pt x="229" y="400"/>
                  </a:lnTo>
                  <a:lnTo>
                    <a:pt x="235" y="406"/>
                  </a:lnTo>
                  <a:lnTo>
                    <a:pt x="260" y="413"/>
                  </a:lnTo>
                  <a:lnTo>
                    <a:pt x="268" y="412"/>
                  </a:lnTo>
                  <a:lnTo>
                    <a:pt x="268" y="398"/>
                  </a:lnTo>
                  <a:lnTo>
                    <a:pt x="282" y="391"/>
                  </a:lnTo>
                  <a:lnTo>
                    <a:pt x="299" y="387"/>
                  </a:lnTo>
                  <a:lnTo>
                    <a:pt x="311" y="395"/>
                  </a:lnTo>
                  <a:lnTo>
                    <a:pt x="332" y="379"/>
                  </a:lnTo>
                  <a:lnTo>
                    <a:pt x="332" y="350"/>
                  </a:lnTo>
                  <a:lnTo>
                    <a:pt x="317" y="307"/>
                  </a:lnTo>
                  <a:lnTo>
                    <a:pt x="299" y="291"/>
                  </a:lnTo>
                  <a:lnTo>
                    <a:pt x="291" y="291"/>
                  </a:lnTo>
                  <a:lnTo>
                    <a:pt x="286" y="279"/>
                  </a:lnTo>
                  <a:lnTo>
                    <a:pt x="279" y="256"/>
                  </a:lnTo>
                  <a:lnTo>
                    <a:pt x="260" y="244"/>
                  </a:lnTo>
                  <a:lnTo>
                    <a:pt x="225" y="203"/>
                  </a:lnTo>
                  <a:lnTo>
                    <a:pt x="222" y="191"/>
                  </a:lnTo>
                  <a:lnTo>
                    <a:pt x="171" y="160"/>
                  </a:lnTo>
                  <a:lnTo>
                    <a:pt x="176" y="140"/>
                  </a:lnTo>
                  <a:lnTo>
                    <a:pt x="197" y="140"/>
                  </a:lnTo>
                  <a:lnTo>
                    <a:pt x="208" y="129"/>
                  </a:lnTo>
                  <a:lnTo>
                    <a:pt x="210" y="120"/>
                  </a:lnTo>
                  <a:lnTo>
                    <a:pt x="189" y="90"/>
                  </a:lnTo>
                  <a:lnTo>
                    <a:pt x="181" y="79"/>
                  </a:lnTo>
                  <a:lnTo>
                    <a:pt x="135" y="81"/>
                  </a:lnTo>
                  <a:lnTo>
                    <a:pt x="122" y="67"/>
                  </a:lnTo>
                  <a:lnTo>
                    <a:pt x="124" y="50"/>
                  </a:lnTo>
                  <a:lnTo>
                    <a:pt x="118" y="42"/>
                  </a:lnTo>
                  <a:lnTo>
                    <a:pt x="92" y="7"/>
                  </a:lnTo>
                  <a:lnTo>
                    <a:pt x="70" y="0"/>
                  </a:lnTo>
                  <a:lnTo>
                    <a:pt x="62" y="8"/>
                  </a:lnTo>
                  <a:lnTo>
                    <a:pt x="62" y="32"/>
                  </a:lnTo>
                  <a:lnTo>
                    <a:pt x="70" y="45"/>
                  </a:lnTo>
                  <a:lnTo>
                    <a:pt x="64" y="61"/>
                  </a:lnTo>
                  <a:lnTo>
                    <a:pt x="47" y="64"/>
                  </a:lnTo>
                  <a:lnTo>
                    <a:pt x="42" y="42"/>
                  </a:lnTo>
                  <a:lnTo>
                    <a:pt x="37" y="53"/>
                  </a:lnTo>
                  <a:lnTo>
                    <a:pt x="16" y="67"/>
                  </a:lnTo>
                  <a:lnTo>
                    <a:pt x="17" y="79"/>
                  </a:lnTo>
                  <a:lnTo>
                    <a:pt x="5" y="81"/>
                  </a:lnTo>
                  <a:lnTo>
                    <a:pt x="0" y="90"/>
                  </a:lnTo>
                  <a:lnTo>
                    <a:pt x="0" y="100"/>
                  </a:lnTo>
                  <a:lnTo>
                    <a:pt x="5" y="100"/>
                  </a:lnTo>
                  <a:lnTo>
                    <a:pt x="14" y="110"/>
                  </a:lnTo>
                  <a:lnTo>
                    <a:pt x="16" y="134"/>
                  </a:lnTo>
                  <a:lnTo>
                    <a:pt x="16" y="138"/>
                  </a:lnTo>
                  <a:lnTo>
                    <a:pt x="42" y="144"/>
                  </a:lnTo>
                  <a:lnTo>
                    <a:pt x="41" y="185"/>
                  </a:lnTo>
                  <a:lnTo>
                    <a:pt x="31" y="227"/>
                  </a:lnTo>
                  <a:lnTo>
                    <a:pt x="34" y="242"/>
                  </a:lnTo>
                  <a:lnTo>
                    <a:pt x="76" y="21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46" name="Freeform 85"/>
            <p:cNvSpPr>
              <a:spLocks noChangeAspect="1"/>
            </p:cNvSpPr>
            <p:nvPr/>
          </p:nvSpPr>
          <p:spPr bwMode="gray">
            <a:xfrm>
              <a:off x="6062663" y="2682876"/>
              <a:ext cx="911225" cy="484188"/>
            </a:xfrm>
            <a:custGeom>
              <a:avLst/>
              <a:gdLst>
                <a:gd name="T0" fmla="*/ 32 w 1874"/>
                <a:gd name="T1" fmla="*/ 1 h 999"/>
                <a:gd name="T2" fmla="*/ 33 w 1874"/>
                <a:gd name="T3" fmla="*/ 3 h 999"/>
                <a:gd name="T4" fmla="*/ 34 w 1874"/>
                <a:gd name="T5" fmla="*/ 3 h 999"/>
                <a:gd name="T6" fmla="*/ 36 w 1874"/>
                <a:gd name="T7" fmla="*/ 3 h 999"/>
                <a:gd name="T8" fmla="*/ 36 w 1874"/>
                <a:gd name="T9" fmla="*/ 4 h 999"/>
                <a:gd name="T10" fmla="*/ 40 w 1874"/>
                <a:gd name="T11" fmla="*/ 3 h 999"/>
                <a:gd name="T12" fmla="*/ 44 w 1874"/>
                <a:gd name="T13" fmla="*/ 10 h 999"/>
                <a:gd name="T14" fmla="*/ 48 w 1874"/>
                <a:gd name="T15" fmla="*/ 10 h 999"/>
                <a:gd name="T16" fmla="*/ 53 w 1874"/>
                <a:gd name="T17" fmla="*/ 12 h 999"/>
                <a:gd name="T18" fmla="*/ 52 w 1874"/>
                <a:gd name="T19" fmla="*/ 15 h 999"/>
                <a:gd name="T20" fmla="*/ 50 w 1874"/>
                <a:gd name="T21" fmla="*/ 18 h 999"/>
                <a:gd name="T22" fmla="*/ 48 w 1874"/>
                <a:gd name="T23" fmla="*/ 18 h 999"/>
                <a:gd name="T24" fmla="*/ 46 w 1874"/>
                <a:gd name="T25" fmla="*/ 21 h 999"/>
                <a:gd name="T26" fmla="*/ 45 w 1874"/>
                <a:gd name="T27" fmla="*/ 23 h 999"/>
                <a:gd name="T28" fmla="*/ 45 w 1874"/>
                <a:gd name="T29" fmla="*/ 26 h 999"/>
                <a:gd name="T30" fmla="*/ 38 w 1874"/>
                <a:gd name="T31" fmla="*/ 25 h 999"/>
                <a:gd name="T32" fmla="*/ 36 w 1874"/>
                <a:gd name="T33" fmla="*/ 26 h 999"/>
                <a:gd name="T34" fmla="*/ 32 w 1874"/>
                <a:gd name="T35" fmla="*/ 26 h 999"/>
                <a:gd name="T36" fmla="*/ 30 w 1874"/>
                <a:gd name="T37" fmla="*/ 27 h 999"/>
                <a:gd name="T38" fmla="*/ 27 w 1874"/>
                <a:gd name="T39" fmla="*/ 27 h 999"/>
                <a:gd name="T40" fmla="*/ 26 w 1874"/>
                <a:gd name="T41" fmla="*/ 25 h 999"/>
                <a:gd name="T42" fmla="*/ 24 w 1874"/>
                <a:gd name="T43" fmla="*/ 24 h 999"/>
                <a:gd name="T44" fmla="*/ 20 w 1874"/>
                <a:gd name="T45" fmla="*/ 24 h 999"/>
                <a:gd name="T46" fmla="*/ 17 w 1874"/>
                <a:gd name="T47" fmla="*/ 20 h 999"/>
                <a:gd name="T48" fmla="*/ 13 w 1874"/>
                <a:gd name="T49" fmla="*/ 21 h 999"/>
                <a:gd name="T50" fmla="*/ 13 w 1874"/>
                <a:gd name="T51" fmla="*/ 26 h 999"/>
                <a:gd name="T52" fmla="*/ 11 w 1874"/>
                <a:gd name="T53" fmla="*/ 27 h 999"/>
                <a:gd name="T54" fmla="*/ 8 w 1874"/>
                <a:gd name="T55" fmla="*/ 26 h 999"/>
                <a:gd name="T56" fmla="*/ 7 w 1874"/>
                <a:gd name="T57" fmla="*/ 25 h 999"/>
                <a:gd name="T58" fmla="*/ 6 w 1874"/>
                <a:gd name="T59" fmla="*/ 23 h 999"/>
                <a:gd name="T60" fmla="*/ 6 w 1874"/>
                <a:gd name="T61" fmla="*/ 22 h 999"/>
                <a:gd name="T62" fmla="*/ 8 w 1874"/>
                <a:gd name="T63" fmla="*/ 21 h 999"/>
                <a:gd name="T64" fmla="*/ 10 w 1874"/>
                <a:gd name="T65" fmla="*/ 21 h 999"/>
                <a:gd name="T66" fmla="*/ 11 w 1874"/>
                <a:gd name="T67" fmla="*/ 21 h 999"/>
                <a:gd name="T68" fmla="*/ 10 w 1874"/>
                <a:gd name="T69" fmla="*/ 19 h 999"/>
                <a:gd name="T70" fmla="*/ 8 w 1874"/>
                <a:gd name="T71" fmla="*/ 17 h 999"/>
                <a:gd name="T72" fmla="*/ 5 w 1874"/>
                <a:gd name="T73" fmla="*/ 18 h 999"/>
                <a:gd name="T74" fmla="*/ 2 w 1874"/>
                <a:gd name="T75" fmla="*/ 18 h 999"/>
                <a:gd name="T76" fmla="*/ 2 w 1874"/>
                <a:gd name="T77" fmla="*/ 16 h 999"/>
                <a:gd name="T78" fmla="*/ 0 w 1874"/>
                <a:gd name="T79" fmla="*/ 14 h 999"/>
                <a:gd name="T80" fmla="*/ 1 w 1874"/>
                <a:gd name="T81" fmla="*/ 12 h 999"/>
                <a:gd name="T82" fmla="*/ 3 w 1874"/>
                <a:gd name="T83" fmla="*/ 10 h 999"/>
                <a:gd name="T84" fmla="*/ 6 w 1874"/>
                <a:gd name="T85" fmla="*/ 8 h 999"/>
                <a:gd name="T86" fmla="*/ 8 w 1874"/>
                <a:gd name="T87" fmla="*/ 8 h 999"/>
                <a:gd name="T88" fmla="*/ 11 w 1874"/>
                <a:gd name="T89" fmla="*/ 10 h 999"/>
                <a:gd name="T90" fmla="*/ 12 w 1874"/>
                <a:gd name="T91" fmla="*/ 10 h 999"/>
                <a:gd name="T92" fmla="*/ 16 w 1874"/>
                <a:gd name="T93" fmla="*/ 9 h 999"/>
                <a:gd name="T94" fmla="*/ 19 w 1874"/>
                <a:gd name="T95" fmla="*/ 10 h 999"/>
                <a:gd name="T96" fmla="*/ 19 w 1874"/>
                <a:gd name="T97" fmla="*/ 9 h 999"/>
                <a:gd name="T98" fmla="*/ 19 w 1874"/>
                <a:gd name="T99" fmla="*/ 6 h 999"/>
                <a:gd name="T100" fmla="*/ 20 w 1874"/>
                <a:gd name="T101" fmla="*/ 5 h 999"/>
                <a:gd name="T102" fmla="*/ 19 w 1874"/>
                <a:gd name="T103" fmla="*/ 4 h 999"/>
                <a:gd name="T104" fmla="*/ 23 w 1874"/>
                <a:gd name="T105" fmla="*/ 3 h 999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1874"/>
                <a:gd name="T160" fmla="*/ 0 h 999"/>
                <a:gd name="T161" fmla="*/ 1874 w 1874"/>
                <a:gd name="T162" fmla="*/ 999 h 999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1874" h="999">
                  <a:moveTo>
                    <a:pt x="999" y="33"/>
                  </a:moveTo>
                  <a:lnTo>
                    <a:pt x="1002" y="15"/>
                  </a:lnTo>
                  <a:lnTo>
                    <a:pt x="1036" y="0"/>
                  </a:lnTo>
                  <a:lnTo>
                    <a:pt x="1126" y="16"/>
                  </a:lnTo>
                  <a:lnTo>
                    <a:pt x="1131" y="49"/>
                  </a:lnTo>
                  <a:lnTo>
                    <a:pt x="1141" y="58"/>
                  </a:lnTo>
                  <a:lnTo>
                    <a:pt x="1129" y="89"/>
                  </a:lnTo>
                  <a:lnTo>
                    <a:pt x="1136" y="101"/>
                  </a:lnTo>
                  <a:lnTo>
                    <a:pt x="1177" y="97"/>
                  </a:lnTo>
                  <a:lnTo>
                    <a:pt x="1178" y="83"/>
                  </a:lnTo>
                  <a:lnTo>
                    <a:pt x="1194" y="101"/>
                  </a:lnTo>
                  <a:lnTo>
                    <a:pt x="1192" y="115"/>
                  </a:lnTo>
                  <a:lnTo>
                    <a:pt x="1206" y="117"/>
                  </a:lnTo>
                  <a:lnTo>
                    <a:pt x="1199" y="105"/>
                  </a:lnTo>
                  <a:lnTo>
                    <a:pt x="1206" y="101"/>
                  </a:lnTo>
                  <a:lnTo>
                    <a:pt x="1236" y="117"/>
                  </a:lnTo>
                  <a:lnTo>
                    <a:pt x="1251" y="108"/>
                  </a:lnTo>
                  <a:lnTo>
                    <a:pt x="1253" y="122"/>
                  </a:lnTo>
                  <a:lnTo>
                    <a:pt x="1234" y="140"/>
                  </a:lnTo>
                  <a:lnTo>
                    <a:pt x="1239" y="152"/>
                  </a:lnTo>
                  <a:lnTo>
                    <a:pt x="1287" y="148"/>
                  </a:lnTo>
                  <a:lnTo>
                    <a:pt x="1339" y="98"/>
                  </a:lnTo>
                  <a:lnTo>
                    <a:pt x="1393" y="80"/>
                  </a:lnTo>
                  <a:lnTo>
                    <a:pt x="1397" y="92"/>
                  </a:lnTo>
                  <a:lnTo>
                    <a:pt x="1381" y="100"/>
                  </a:lnTo>
                  <a:lnTo>
                    <a:pt x="1384" y="113"/>
                  </a:lnTo>
                  <a:lnTo>
                    <a:pt x="1448" y="171"/>
                  </a:lnTo>
                  <a:lnTo>
                    <a:pt x="1548" y="355"/>
                  </a:lnTo>
                  <a:lnTo>
                    <a:pt x="1578" y="320"/>
                  </a:lnTo>
                  <a:lnTo>
                    <a:pt x="1600" y="333"/>
                  </a:lnTo>
                  <a:lnTo>
                    <a:pt x="1610" y="358"/>
                  </a:lnTo>
                  <a:lnTo>
                    <a:pt x="1664" y="358"/>
                  </a:lnTo>
                  <a:lnTo>
                    <a:pt x="1706" y="341"/>
                  </a:lnTo>
                  <a:lnTo>
                    <a:pt x="1785" y="436"/>
                  </a:lnTo>
                  <a:lnTo>
                    <a:pt x="1831" y="448"/>
                  </a:lnTo>
                  <a:lnTo>
                    <a:pt x="1849" y="431"/>
                  </a:lnTo>
                  <a:lnTo>
                    <a:pt x="1874" y="470"/>
                  </a:lnTo>
                  <a:lnTo>
                    <a:pt x="1868" y="496"/>
                  </a:lnTo>
                  <a:lnTo>
                    <a:pt x="1844" y="526"/>
                  </a:lnTo>
                  <a:lnTo>
                    <a:pt x="1816" y="530"/>
                  </a:lnTo>
                  <a:lnTo>
                    <a:pt x="1802" y="567"/>
                  </a:lnTo>
                  <a:lnTo>
                    <a:pt x="1802" y="617"/>
                  </a:lnTo>
                  <a:lnTo>
                    <a:pt x="1769" y="632"/>
                  </a:lnTo>
                  <a:lnTo>
                    <a:pt x="1754" y="620"/>
                  </a:lnTo>
                  <a:lnTo>
                    <a:pt x="1724" y="623"/>
                  </a:lnTo>
                  <a:lnTo>
                    <a:pt x="1701" y="612"/>
                  </a:lnTo>
                  <a:lnTo>
                    <a:pt x="1681" y="611"/>
                  </a:lnTo>
                  <a:lnTo>
                    <a:pt x="1666" y="649"/>
                  </a:lnTo>
                  <a:lnTo>
                    <a:pt x="1649" y="694"/>
                  </a:lnTo>
                  <a:lnTo>
                    <a:pt x="1647" y="711"/>
                  </a:lnTo>
                  <a:lnTo>
                    <a:pt x="1655" y="738"/>
                  </a:lnTo>
                  <a:lnTo>
                    <a:pt x="1600" y="744"/>
                  </a:lnTo>
                  <a:lnTo>
                    <a:pt x="1578" y="753"/>
                  </a:lnTo>
                  <a:lnTo>
                    <a:pt x="1542" y="765"/>
                  </a:lnTo>
                  <a:lnTo>
                    <a:pt x="1556" y="784"/>
                  </a:lnTo>
                  <a:lnTo>
                    <a:pt x="1559" y="815"/>
                  </a:lnTo>
                  <a:lnTo>
                    <a:pt x="1576" y="860"/>
                  </a:lnTo>
                  <a:lnTo>
                    <a:pt x="1576" y="872"/>
                  </a:lnTo>
                  <a:lnTo>
                    <a:pt x="1565" y="880"/>
                  </a:lnTo>
                  <a:lnTo>
                    <a:pt x="1556" y="920"/>
                  </a:lnTo>
                  <a:lnTo>
                    <a:pt x="1520" y="909"/>
                  </a:lnTo>
                  <a:lnTo>
                    <a:pt x="1507" y="892"/>
                  </a:lnTo>
                  <a:lnTo>
                    <a:pt x="1409" y="878"/>
                  </a:lnTo>
                  <a:lnTo>
                    <a:pt x="1327" y="883"/>
                  </a:lnTo>
                  <a:lnTo>
                    <a:pt x="1296" y="878"/>
                  </a:lnTo>
                  <a:lnTo>
                    <a:pt x="1273" y="863"/>
                  </a:lnTo>
                  <a:lnTo>
                    <a:pt x="1243" y="878"/>
                  </a:lnTo>
                  <a:lnTo>
                    <a:pt x="1234" y="911"/>
                  </a:lnTo>
                  <a:lnTo>
                    <a:pt x="1191" y="894"/>
                  </a:lnTo>
                  <a:lnTo>
                    <a:pt x="1149" y="888"/>
                  </a:lnTo>
                  <a:lnTo>
                    <a:pt x="1129" y="894"/>
                  </a:lnTo>
                  <a:lnTo>
                    <a:pt x="1123" y="917"/>
                  </a:lnTo>
                  <a:lnTo>
                    <a:pt x="1110" y="934"/>
                  </a:lnTo>
                  <a:lnTo>
                    <a:pt x="1099" y="934"/>
                  </a:lnTo>
                  <a:lnTo>
                    <a:pt x="1087" y="951"/>
                  </a:lnTo>
                  <a:lnTo>
                    <a:pt x="1056" y="966"/>
                  </a:lnTo>
                  <a:lnTo>
                    <a:pt x="1024" y="999"/>
                  </a:lnTo>
                  <a:lnTo>
                    <a:pt x="985" y="983"/>
                  </a:lnTo>
                  <a:lnTo>
                    <a:pt x="938" y="988"/>
                  </a:lnTo>
                  <a:lnTo>
                    <a:pt x="929" y="949"/>
                  </a:lnTo>
                  <a:lnTo>
                    <a:pt x="903" y="945"/>
                  </a:lnTo>
                  <a:lnTo>
                    <a:pt x="901" y="919"/>
                  </a:lnTo>
                  <a:lnTo>
                    <a:pt x="908" y="917"/>
                  </a:lnTo>
                  <a:lnTo>
                    <a:pt x="908" y="881"/>
                  </a:lnTo>
                  <a:lnTo>
                    <a:pt x="895" y="883"/>
                  </a:lnTo>
                  <a:lnTo>
                    <a:pt x="880" y="855"/>
                  </a:lnTo>
                  <a:lnTo>
                    <a:pt x="850" y="831"/>
                  </a:lnTo>
                  <a:lnTo>
                    <a:pt x="816" y="834"/>
                  </a:lnTo>
                  <a:lnTo>
                    <a:pt x="782" y="838"/>
                  </a:lnTo>
                  <a:lnTo>
                    <a:pt x="748" y="841"/>
                  </a:lnTo>
                  <a:lnTo>
                    <a:pt x="714" y="844"/>
                  </a:lnTo>
                  <a:lnTo>
                    <a:pt x="691" y="823"/>
                  </a:lnTo>
                  <a:lnTo>
                    <a:pt x="669" y="801"/>
                  </a:lnTo>
                  <a:lnTo>
                    <a:pt x="646" y="778"/>
                  </a:lnTo>
                  <a:lnTo>
                    <a:pt x="623" y="755"/>
                  </a:lnTo>
                  <a:lnTo>
                    <a:pt x="578" y="722"/>
                  </a:lnTo>
                  <a:lnTo>
                    <a:pt x="553" y="711"/>
                  </a:lnTo>
                  <a:lnTo>
                    <a:pt x="524" y="722"/>
                  </a:lnTo>
                  <a:lnTo>
                    <a:pt x="494" y="733"/>
                  </a:lnTo>
                  <a:lnTo>
                    <a:pt x="464" y="742"/>
                  </a:lnTo>
                  <a:lnTo>
                    <a:pt x="435" y="753"/>
                  </a:lnTo>
                  <a:lnTo>
                    <a:pt x="435" y="812"/>
                  </a:lnTo>
                  <a:lnTo>
                    <a:pt x="435" y="866"/>
                  </a:lnTo>
                  <a:lnTo>
                    <a:pt x="437" y="923"/>
                  </a:lnTo>
                  <a:lnTo>
                    <a:pt x="437" y="980"/>
                  </a:lnTo>
                  <a:lnTo>
                    <a:pt x="425" y="983"/>
                  </a:lnTo>
                  <a:lnTo>
                    <a:pt x="402" y="978"/>
                  </a:lnTo>
                  <a:lnTo>
                    <a:pt x="376" y="929"/>
                  </a:lnTo>
                  <a:lnTo>
                    <a:pt x="352" y="915"/>
                  </a:lnTo>
                  <a:lnTo>
                    <a:pt x="300" y="929"/>
                  </a:lnTo>
                  <a:lnTo>
                    <a:pt x="274" y="951"/>
                  </a:lnTo>
                  <a:lnTo>
                    <a:pt x="274" y="920"/>
                  </a:lnTo>
                  <a:lnTo>
                    <a:pt x="283" y="911"/>
                  </a:lnTo>
                  <a:lnTo>
                    <a:pt x="283" y="895"/>
                  </a:lnTo>
                  <a:lnTo>
                    <a:pt x="247" y="881"/>
                  </a:lnTo>
                  <a:lnTo>
                    <a:pt x="238" y="872"/>
                  </a:lnTo>
                  <a:lnTo>
                    <a:pt x="222" y="869"/>
                  </a:lnTo>
                  <a:lnTo>
                    <a:pt x="219" y="838"/>
                  </a:lnTo>
                  <a:lnTo>
                    <a:pt x="210" y="821"/>
                  </a:lnTo>
                  <a:lnTo>
                    <a:pt x="196" y="804"/>
                  </a:lnTo>
                  <a:lnTo>
                    <a:pt x="178" y="797"/>
                  </a:lnTo>
                  <a:lnTo>
                    <a:pt x="168" y="784"/>
                  </a:lnTo>
                  <a:lnTo>
                    <a:pt x="190" y="776"/>
                  </a:lnTo>
                  <a:lnTo>
                    <a:pt x="230" y="784"/>
                  </a:lnTo>
                  <a:lnTo>
                    <a:pt x="222" y="753"/>
                  </a:lnTo>
                  <a:lnTo>
                    <a:pt x="227" y="742"/>
                  </a:lnTo>
                  <a:lnTo>
                    <a:pt x="252" y="742"/>
                  </a:lnTo>
                  <a:lnTo>
                    <a:pt x="262" y="728"/>
                  </a:lnTo>
                  <a:lnTo>
                    <a:pt x="278" y="728"/>
                  </a:lnTo>
                  <a:lnTo>
                    <a:pt x="304" y="739"/>
                  </a:lnTo>
                  <a:lnTo>
                    <a:pt x="326" y="731"/>
                  </a:lnTo>
                  <a:lnTo>
                    <a:pt x="359" y="747"/>
                  </a:lnTo>
                  <a:lnTo>
                    <a:pt x="377" y="747"/>
                  </a:lnTo>
                  <a:lnTo>
                    <a:pt x="380" y="739"/>
                  </a:lnTo>
                  <a:lnTo>
                    <a:pt x="374" y="731"/>
                  </a:lnTo>
                  <a:lnTo>
                    <a:pt x="383" y="731"/>
                  </a:lnTo>
                  <a:lnTo>
                    <a:pt x="377" y="719"/>
                  </a:lnTo>
                  <a:lnTo>
                    <a:pt x="355" y="694"/>
                  </a:lnTo>
                  <a:lnTo>
                    <a:pt x="345" y="692"/>
                  </a:lnTo>
                  <a:lnTo>
                    <a:pt x="337" y="679"/>
                  </a:lnTo>
                  <a:lnTo>
                    <a:pt x="332" y="658"/>
                  </a:lnTo>
                  <a:lnTo>
                    <a:pt x="313" y="641"/>
                  </a:lnTo>
                  <a:lnTo>
                    <a:pt x="312" y="631"/>
                  </a:lnTo>
                  <a:lnTo>
                    <a:pt x="284" y="611"/>
                  </a:lnTo>
                  <a:lnTo>
                    <a:pt x="247" y="620"/>
                  </a:lnTo>
                  <a:lnTo>
                    <a:pt x="245" y="611"/>
                  </a:lnTo>
                  <a:lnTo>
                    <a:pt x="205" y="606"/>
                  </a:lnTo>
                  <a:lnTo>
                    <a:pt x="176" y="632"/>
                  </a:lnTo>
                  <a:lnTo>
                    <a:pt x="98" y="649"/>
                  </a:lnTo>
                  <a:lnTo>
                    <a:pt x="117" y="662"/>
                  </a:lnTo>
                  <a:lnTo>
                    <a:pt x="103" y="668"/>
                  </a:lnTo>
                  <a:lnTo>
                    <a:pt x="69" y="648"/>
                  </a:lnTo>
                  <a:lnTo>
                    <a:pt x="76" y="636"/>
                  </a:lnTo>
                  <a:lnTo>
                    <a:pt x="100" y="636"/>
                  </a:lnTo>
                  <a:lnTo>
                    <a:pt x="93" y="589"/>
                  </a:lnTo>
                  <a:lnTo>
                    <a:pt x="72" y="563"/>
                  </a:lnTo>
                  <a:lnTo>
                    <a:pt x="38" y="570"/>
                  </a:lnTo>
                  <a:lnTo>
                    <a:pt x="23" y="530"/>
                  </a:lnTo>
                  <a:lnTo>
                    <a:pt x="0" y="521"/>
                  </a:lnTo>
                  <a:lnTo>
                    <a:pt x="10" y="484"/>
                  </a:lnTo>
                  <a:lnTo>
                    <a:pt x="26" y="472"/>
                  </a:lnTo>
                  <a:lnTo>
                    <a:pt x="13" y="456"/>
                  </a:lnTo>
                  <a:lnTo>
                    <a:pt x="21" y="417"/>
                  </a:lnTo>
                  <a:lnTo>
                    <a:pt x="37" y="406"/>
                  </a:lnTo>
                  <a:lnTo>
                    <a:pt x="46" y="374"/>
                  </a:lnTo>
                  <a:lnTo>
                    <a:pt x="85" y="426"/>
                  </a:lnTo>
                  <a:lnTo>
                    <a:pt x="106" y="411"/>
                  </a:lnTo>
                  <a:lnTo>
                    <a:pt x="93" y="365"/>
                  </a:lnTo>
                  <a:lnTo>
                    <a:pt x="128" y="348"/>
                  </a:lnTo>
                  <a:lnTo>
                    <a:pt x="134" y="329"/>
                  </a:lnTo>
                  <a:lnTo>
                    <a:pt x="170" y="316"/>
                  </a:lnTo>
                  <a:lnTo>
                    <a:pt x="191" y="291"/>
                  </a:lnTo>
                  <a:lnTo>
                    <a:pt x="216" y="287"/>
                  </a:lnTo>
                  <a:lnTo>
                    <a:pt x="238" y="303"/>
                  </a:lnTo>
                  <a:lnTo>
                    <a:pt x="249" y="284"/>
                  </a:lnTo>
                  <a:lnTo>
                    <a:pt x="267" y="283"/>
                  </a:lnTo>
                  <a:lnTo>
                    <a:pt x="278" y="299"/>
                  </a:lnTo>
                  <a:lnTo>
                    <a:pt x="323" y="301"/>
                  </a:lnTo>
                  <a:lnTo>
                    <a:pt x="354" y="333"/>
                  </a:lnTo>
                  <a:lnTo>
                    <a:pt x="369" y="371"/>
                  </a:lnTo>
                  <a:lnTo>
                    <a:pt x="376" y="366"/>
                  </a:lnTo>
                  <a:lnTo>
                    <a:pt x="372" y="341"/>
                  </a:lnTo>
                  <a:lnTo>
                    <a:pt x="383" y="335"/>
                  </a:lnTo>
                  <a:lnTo>
                    <a:pt x="423" y="369"/>
                  </a:lnTo>
                  <a:lnTo>
                    <a:pt x="470" y="335"/>
                  </a:lnTo>
                  <a:lnTo>
                    <a:pt x="504" y="346"/>
                  </a:lnTo>
                  <a:lnTo>
                    <a:pt x="516" y="337"/>
                  </a:lnTo>
                  <a:lnTo>
                    <a:pt x="540" y="329"/>
                  </a:lnTo>
                  <a:lnTo>
                    <a:pt x="567" y="363"/>
                  </a:lnTo>
                  <a:lnTo>
                    <a:pt x="595" y="374"/>
                  </a:lnTo>
                  <a:lnTo>
                    <a:pt x="625" y="350"/>
                  </a:lnTo>
                  <a:lnTo>
                    <a:pt x="667" y="362"/>
                  </a:lnTo>
                  <a:lnTo>
                    <a:pt x="685" y="354"/>
                  </a:lnTo>
                  <a:lnTo>
                    <a:pt x="697" y="315"/>
                  </a:lnTo>
                  <a:lnTo>
                    <a:pt x="694" y="309"/>
                  </a:lnTo>
                  <a:lnTo>
                    <a:pt x="669" y="307"/>
                  </a:lnTo>
                  <a:lnTo>
                    <a:pt x="638" y="289"/>
                  </a:lnTo>
                  <a:lnTo>
                    <a:pt x="623" y="266"/>
                  </a:lnTo>
                  <a:lnTo>
                    <a:pt x="665" y="244"/>
                  </a:lnTo>
                  <a:lnTo>
                    <a:pt x="669" y="230"/>
                  </a:lnTo>
                  <a:lnTo>
                    <a:pt x="654" y="208"/>
                  </a:lnTo>
                  <a:lnTo>
                    <a:pt x="672" y="190"/>
                  </a:lnTo>
                  <a:lnTo>
                    <a:pt x="721" y="182"/>
                  </a:lnTo>
                  <a:lnTo>
                    <a:pt x="679" y="165"/>
                  </a:lnTo>
                  <a:lnTo>
                    <a:pt x="676" y="154"/>
                  </a:lnTo>
                  <a:lnTo>
                    <a:pt x="693" y="145"/>
                  </a:lnTo>
                  <a:lnTo>
                    <a:pt x="669" y="143"/>
                  </a:lnTo>
                  <a:lnTo>
                    <a:pt x="676" y="125"/>
                  </a:lnTo>
                  <a:lnTo>
                    <a:pt x="665" y="115"/>
                  </a:lnTo>
                  <a:lnTo>
                    <a:pt x="738" y="118"/>
                  </a:lnTo>
                  <a:lnTo>
                    <a:pt x="790" y="91"/>
                  </a:lnTo>
                  <a:lnTo>
                    <a:pt x="807" y="98"/>
                  </a:lnTo>
                  <a:lnTo>
                    <a:pt x="843" y="77"/>
                  </a:lnTo>
                  <a:lnTo>
                    <a:pt x="870" y="61"/>
                  </a:lnTo>
                  <a:lnTo>
                    <a:pt x="999" y="3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47" name="Freeform 86"/>
            <p:cNvSpPr>
              <a:spLocks noChangeAspect="1"/>
            </p:cNvSpPr>
            <p:nvPr/>
          </p:nvSpPr>
          <p:spPr bwMode="gray">
            <a:xfrm>
              <a:off x="6027738" y="3141663"/>
              <a:ext cx="122238" cy="98425"/>
            </a:xfrm>
            <a:custGeom>
              <a:avLst/>
              <a:gdLst>
                <a:gd name="T0" fmla="*/ 6 w 249"/>
                <a:gd name="T1" fmla="*/ 6 h 205"/>
                <a:gd name="T2" fmla="*/ 6 w 249"/>
                <a:gd name="T3" fmla="*/ 5 h 205"/>
                <a:gd name="T4" fmla="*/ 6 w 249"/>
                <a:gd name="T5" fmla="*/ 5 h 205"/>
                <a:gd name="T6" fmla="*/ 6 w 249"/>
                <a:gd name="T7" fmla="*/ 5 h 205"/>
                <a:gd name="T8" fmla="*/ 6 w 249"/>
                <a:gd name="T9" fmla="*/ 5 h 205"/>
                <a:gd name="T10" fmla="*/ 6 w 249"/>
                <a:gd name="T11" fmla="*/ 3 h 205"/>
                <a:gd name="T12" fmla="*/ 7 w 249"/>
                <a:gd name="T13" fmla="*/ 2 h 205"/>
                <a:gd name="T14" fmla="*/ 7 w 249"/>
                <a:gd name="T15" fmla="*/ 2 h 205"/>
                <a:gd name="T16" fmla="*/ 7 w 249"/>
                <a:gd name="T17" fmla="*/ 3 h 205"/>
                <a:gd name="T18" fmla="*/ 7 w 249"/>
                <a:gd name="T19" fmla="*/ 2 h 205"/>
                <a:gd name="T20" fmla="*/ 7 w 249"/>
                <a:gd name="T21" fmla="*/ 2 h 205"/>
                <a:gd name="T22" fmla="*/ 6 w 249"/>
                <a:gd name="T23" fmla="*/ 2 h 205"/>
                <a:gd name="T24" fmla="*/ 6 w 249"/>
                <a:gd name="T25" fmla="*/ 1 h 205"/>
                <a:gd name="T26" fmla="*/ 5 w 249"/>
                <a:gd name="T27" fmla="*/ 0 h 205"/>
                <a:gd name="T28" fmla="*/ 4 w 249"/>
                <a:gd name="T29" fmla="*/ 1 h 205"/>
                <a:gd name="T30" fmla="*/ 3 w 249"/>
                <a:gd name="T31" fmla="*/ 1 h 205"/>
                <a:gd name="T32" fmla="*/ 3 w 249"/>
                <a:gd name="T33" fmla="*/ 1 h 205"/>
                <a:gd name="T34" fmla="*/ 2 w 249"/>
                <a:gd name="T35" fmla="*/ 0 h 205"/>
                <a:gd name="T36" fmla="*/ 2 w 249"/>
                <a:gd name="T37" fmla="*/ 1 h 205"/>
                <a:gd name="T38" fmla="*/ 2 w 249"/>
                <a:gd name="T39" fmla="*/ 1 h 205"/>
                <a:gd name="T40" fmla="*/ 2 w 249"/>
                <a:gd name="T41" fmla="*/ 1 h 205"/>
                <a:gd name="T42" fmla="*/ 2 w 249"/>
                <a:gd name="T43" fmla="*/ 1 h 205"/>
                <a:gd name="T44" fmla="*/ 1 w 249"/>
                <a:gd name="T45" fmla="*/ 1 h 205"/>
                <a:gd name="T46" fmla="*/ 1 w 249"/>
                <a:gd name="T47" fmla="*/ 1 h 205"/>
                <a:gd name="T48" fmla="*/ 0 w 249"/>
                <a:gd name="T49" fmla="*/ 1 h 205"/>
                <a:gd name="T50" fmla="*/ 0 w 249"/>
                <a:gd name="T51" fmla="*/ 2 h 205"/>
                <a:gd name="T52" fmla="*/ 1 w 249"/>
                <a:gd name="T53" fmla="*/ 2 h 205"/>
                <a:gd name="T54" fmla="*/ 1 w 249"/>
                <a:gd name="T55" fmla="*/ 2 h 205"/>
                <a:gd name="T56" fmla="*/ 1 w 249"/>
                <a:gd name="T57" fmla="*/ 3 h 205"/>
                <a:gd name="T58" fmla="*/ 1 w 249"/>
                <a:gd name="T59" fmla="*/ 3 h 205"/>
                <a:gd name="T60" fmla="*/ 1 w 249"/>
                <a:gd name="T61" fmla="*/ 3 h 205"/>
                <a:gd name="T62" fmla="*/ 1 w 249"/>
                <a:gd name="T63" fmla="*/ 3 h 205"/>
                <a:gd name="T64" fmla="*/ 2 w 249"/>
                <a:gd name="T65" fmla="*/ 4 h 205"/>
                <a:gd name="T66" fmla="*/ 2 w 249"/>
                <a:gd name="T67" fmla="*/ 4 h 205"/>
                <a:gd name="T68" fmla="*/ 2 w 249"/>
                <a:gd name="T69" fmla="*/ 4 h 205"/>
                <a:gd name="T70" fmla="*/ 2 w 249"/>
                <a:gd name="T71" fmla="*/ 4 h 205"/>
                <a:gd name="T72" fmla="*/ 2 w 249"/>
                <a:gd name="T73" fmla="*/ 5 h 205"/>
                <a:gd name="T74" fmla="*/ 2 w 249"/>
                <a:gd name="T75" fmla="*/ 5 h 205"/>
                <a:gd name="T76" fmla="*/ 2 w 249"/>
                <a:gd name="T77" fmla="*/ 5 h 205"/>
                <a:gd name="T78" fmla="*/ 2 w 249"/>
                <a:gd name="T79" fmla="*/ 5 h 205"/>
                <a:gd name="T80" fmla="*/ 3 w 249"/>
                <a:gd name="T81" fmla="*/ 4 h 205"/>
                <a:gd name="T82" fmla="*/ 4 w 249"/>
                <a:gd name="T83" fmla="*/ 4 h 205"/>
                <a:gd name="T84" fmla="*/ 4 w 249"/>
                <a:gd name="T85" fmla="*/ 4 h 205"/>
                <a:gd name="T86" fmla="*/ 5 w 249"/>
                <a:gd name="T87" fmla="*/ 5 h 205"/>
                <a:gd name="T88" fmla="*/ 4 w 249"/>
                <a:gd name="T89" fmla="*/ 5 h 205"/>
                <a:gd name="T90" fmla="*/ 5 w 249"/>
                <a:gd name="T91" fmla="*/ 6 h 205"/>
                <a:gd name="T92" fmla="*/ 6 w 249"/>
                <a:gd name="T93" fmla="*/ 6 h 205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249"/>
                <a:gd name="T142" fmla="*/ 0 h 205"/>
                <a:gd name="T143" fmla="*/ 249 w 249"/>
                <a:gd name="T144" fmla="*/ 205 h 205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249" h="205">
                  <a:moveTo>
                    <a:pt x="183" y="205"/>
                  </a:moveTo>
                  <a:lnTo>
                    <a:pt x="183" y="166"/>
                  </a:lnTo>
                  <a:lnTo>
                    <a:pt x="190" y="163"/>
                  </a:lnTo>
                  <a:lnTo>
                    <a:pt x="200" y="172"/>
                  </a:lnTo>
                  <a:lnTo>
                    <a:pt x="200" y="164"/>
                  </a:lnTo>
                  <a:lnTo>
                    <a:pt x="213" y="107"/>
                  </a:lnTo>
                  <a:lnTo>
                    <a:pt x="229" y="93"/>
                  </a:lnTo>
                  <a:lnTo>
                    <a:pt x="241" y="92"/>
                  </a:lnTo>
                  <a:lnTo>
                    <a:pt x="249" y="100"/>
                  </a:lnTo>
                  <a:lnTo>
                    <a:pt x="243" y="84"/>
                  </a:lnTo>
                  <a:lnTo>
                    <a:pt x="232" y="78"/>
                  </a:lnTo>
                  <a:lnTo>
                    <a:pt x="215" y="79"/>
                  </a:lnTo>
                  <a:lnTo>
                    <a:pt x="186" y="28"/>
                  </a:lnTo>
                  <a:lnTo>
                    <a:pt x="161" y="5"/>
                  </a:lnTo>
                  <a:lnTo>
                    <a:pt x="127" y="41"/>
                  </a:lnTo>
                  <a:lnTo>
                    <a:pt x="107" y="39"/>
                  </a:lnTo>
                  <a:lnTo>
                    <a:pt x="100" y="19"/>
                  </a:lnTo>
                  <a:lnTo>
                    <a:pt x="66" y="0"/>
                  </a:lnTo>
                  <a:lnTo>
                    <a:pt x="56" y="16"/>
                  </a:lnTo>
                  <a:lnTo>
                    <a:pt x="73" y="34"/>
                  </a:lnTo>
                  <a:lnTo>
                    <a:pt x="76" y="41"/>
                  </a:lnTo>
                  <a:lnTo>
                    <a:pt x="73" y="45"/>
                  </a:lnTo>
                  <a:lnTo>
                    <a:pt x="46" y="41"/>
                  </a:lnTo>
                  <a:lnTo>
                    <a:pt x="22" y="27"/>
                  </a:lnTo>
                  <a:lnTo>
                    <a:pt x="0" y="36"/>
                  </a:lnTo>
                  <a:lnTo>
                    <a:pt x="10" y="53"/>
                  </a:lnTo>
                  <a:lnTo>
                    <a:pt x="22" y="56"/>
                  </a:lnTo>
                  <a:lnTo>
                    <a:pt x="22" y="81"/>
                  </a:lnTo>
                  <a:lnTo>
                    <a:pt x="42" y="100"/>
                  </a:lnTo>
                  <a:lnTo>
                    <a:pt x="40" y="112"/>
                  </a:lnTo>
                  <a:lnTo>
                    <a:pt x="34" y="113"/>
                  </a:lnTo>
                  <a:lnTo>
                    <a:pt x="35" y="120"/>
                  </a:lnTo>
                  <a:lnTo>
                    <a:pt x="56" y="137"/>
                  </a:lnTo>
                  <a:lnTo>
                    <a:pt x="69" y="138"/>
                  </a:lnTo>
                  <a:lnTo>
                    <a:pt x="65" y="152"/>
                  </a:lnTo>
                  <a:lnTo>
                    <a:pt x="69" y="155"/>
                  </a:lnTo>
                  <a:lnTo>
                    <a:pt x="69" y="163"/>
                  </a:lnTo>
                  <a:lnTo>
                    <a:pt x="63" y="164"/>
                  </a:lnTo>
                  <a:lnTo>
                    <a:pt x="71" y="181"/>
                  </a:lnTo>
                  <a:lnTo>
                    <a:pt x="82" y="183"/>
                  </a:lnTo>
                  <a:lnTo>
                    <a:pt x="105" y="151"/>
                  </a:lnTo>
                  <a:lnTo>
                    <a:pt x="136" y="137"/>
                  </a:lnTo>
                  <a:lnTo>
                    <a:pt x="150" y="146"/>
                  </a:lnTo>
                  <a:lnTo>
                    <a:pt x="156" y="174"/>
                  </a:lnTo>
                  <a:lnTo>
                    <a:pt x="141" y="186"/>
                  </a:lnTo>
                  <a:lnTo>
                    <a:pt x="167" y="205"/>
                  </a:lnTo>
                  <a:lnTo>
                    <a:pt x="183" y="20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48" name="Freeform 87"/>
            <p:cNvSpPr>
              <a:spLocks noChangeAspect="1"/>
            </p:cNvSpPr>
            <p:nvPr/>
          </p:nvSpPr>
          <p:spPr bwMode="gray">
            <a:xfrm>
              <a:off x="6989763" y="2806701"/>
              <a:ext cx="711200" cy="346075"/>
            </a:xfrm>
            <a:custGeom>
              <a:avLst/>
              <a:gdLst>
                <a:gd name="T0" fmla="*/ 37 w 1459"/>
                <a:gd name="T1" fmla="*/ 6 h 713"/>
                <a:gd name="T2" fmla="*/ 37 w 1459"/>
                <a:gd name="T3" fmla="*/ 8 h 713"/>
                <a:gd name="T4" fmla="*/ 37 w 1459"/>
                <a:gd name="T5" fmla="*/ 9 h 713"/>
                <a:gd name="T6" fmla="*/ 39 w 1459"/>
                <a:gd name="T7" fmla="*/ 9 h 713"/>
                <a:gd name="T8" fmla="*/ 41 w 1459"/>
                <a:gd name="T9" fmla="*/ 9 h 713"/>
                <a:gd name="T10" fmla="*/ 42 w 1459"/>
                <a:gd name="T11" fmla="*/ 10 h 713"/>
                <a:gd name="T12" fmla="*/ 42 w 1459"/>
                <a:gd name="T13" fmla="*/ 11 h 713"/>
                <a:gd name="T14" fmla="*/ 41 w 1459"/>
                <a:gd name="T15" fmla="*/ 11 h 713"/>
                <a:gd name="T16" fmla="*/ 37 w 1459"/>
                <a:gd name="T17" fmla="*/ 13 h 713"/>
                <a:gd name="T18" fmla="*/ 36 w 1459"/>
                <a:gd name="T19" fmla="*/ 13 h 713"/>
                <a:gd name="T20" fmla="*/ 34 w 1459"/>
                <a:gd name="T21" fmla="*/ 15 h 713"/>
                <a:gd name="T22" fmla="*/ 33 w 1459"/>
                <a:gd name="T23" fmla="*/ 14 h 713"/>
                <a:gd name="T24" fmla="*/ 32 w 1459"/>
                <a:gd name="T25" fmla="*/ 16 h 713"/>
                <a:gd name="T26" fmla="*/ 32 w 1459"/>
                <a:gd name="T27" fmla="*/ 17 h 713"/>
                <a:gd name="T28" fmla="*/ 28 w 1459"/>
                <a:gd name="T29" fmla="*/ 19 h 713"/>
                <a:gd name="T30" fmla="*/ 26 w 1459"/>
                <a:gd name="T31" fmla="*/ 19 h 713"/>
                <a:gd name="T32" fmla="*/ 25 w 1459"/>
                <a:gd name="T33" fmla="*/ 20 h 713"/>
                <a:gd name="T34" fmla="*/ 22 w 1459"/>
                <a:gd name="T35" fmla="*/ 20 h 713"/>
                <a:gd name="T36" fmla="*/ 20 w 1459"/>
                <a:gd name="T37" fmla="*/ 19 h 713"/>
                <a:gd name="T38" fmla="*/ 17 w 1459"/>
                <a:gd name="T39" fmla="*/ 18 h 713"/>
                <a:gd name="T40" fmla="*/ 12 w 1459"/>
                <a:gd name="T41" fmla="*/ 18 h 713"/>
                <a:gd name="T42" fmla="*/ 10 w 1459"/>
                <a:gd name="T43" fmla="*/ 15 h 713"/>
                <a:gd name="T44" fmla="*/ 6 w 1459"/>
                <a:gd name="T45" fmla="*/ 14 h 713"/>
                <a:gd name="T46" fmla="*/ 4 w 1459"/>
                <a:gd name="T47" fmla="*/ 13 h 713"/>
                <a:gd name="T48" fmla="*/ 3 w 1459"/>
                <a:gd name="T49" fmla="*/ 9 h 713"/>
                <a:gd name="T50" fmla="*/ 2 w 1459"/>
                <a:gd name="T51" fmla="*/ 9 h 713"/>
                <a:gd name="T52" fmla="*/ 1 w 1459"/>
                <a:gd name="T53" fmla="*/ 9 h 713"/>
                <a:gd name="T54" fmla="*/ 0 w 1459"/>
                <a:gd name="T55" fmla="*/ 8 h 713"/>
                <a:gd name="T56" fmla="*/ 1 w 1459"/>
                <a:gd name="T57" fmla="*/ 6 h 713"/>
                <a:gd name="T58" fmla="*/ 9 w 1459"/>
                <a:gd name="T59" fmla="*/ 4 h 713"/>
                <a:gd name="T60" fmla="*/ 13 w 1459"/>
                <a:gd name="T61" fmla="*/ 5 h 713"/>
                <a:gd name="T62" fmla="*/ 14 w 1459"/>
                <a:gd name="T63" fmla="*/ 4 h 713"/>
                <a:gd name="T64" fmla="*/ 14 w 1459"/>
                <a:gd name="T65" fmla="*/ 2 h 713"/>
                <a:gd name="T66" fmla="*/ 19 w 1459"/>
                <a:gd name="T67" fmla="*/ 2 h 713"/>
                <a:gd name="T68" fmla="*/ 20 w 1459"/>
                <a:gd name="T69" fmla="*/ 4 h 713"/>
                <a:gd name="T70" fmla="*/ 23 w 1459"/>
                <a:gd name="T71" fmla="*/ 3 h 713"/>
                <a:gd name="T72" fmla="*/ 27 w 1459"/>
                <a:gd name="T73" fmla="*/ 5 h 713"/>
                <a:gd name="T74" fmla="*/ 31 w 1459"/>
                <a:gd name="T75" fmla="*/ 6 h 713"/>
                <a:gd name="T76" fmla="*/ 36 w 1459"/>
                <a:gd name="T77" fmla="*/ 4 h 713"/>
                <a:gd name="T78" fmla="*/ 38 w 1459"/>
                <a:gd name="T79" fmla="*/ 5 h 713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1459"/>
                <a:gd name="T121" fmla="*/ 0 h 713"/>
                <a:gd name="T122" fmla="*/ 1459 w 1459"/>
                <a:gd name="T123" fmla="*/ 713 h 713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1459" h="713">
                  <a:moveTo>
                    <a:pt x="1315" y="160"/>
                  </a:moveTo>
                  <a:lnTo>
                    <a:pt x="1283" y="215"/>
                  </a:lnTo>
                  <a:lnTo>
                    <a:pt x="1286" y="244"/>
                  </a:lnTo>
                  <a:lnTo>
                    <a:pt x="1275" y="275"/>
                  </a:lnTo>
                  <a:lnTo>
                    <a:pt x="1277" y="293"/>
                  </a:lnTo>
                  <a:lnTo>
                    <a:pt x="1287" y="321"/>
                  </a:lnTo>
                  <a:lnTo>
                    <a:pt x="1343" y="329"/>
                  </a:lnTo>
                  <a:lnTo>
                    <a:pt x="1362" y="321"/>
                  </a:lnTo>
                  <a:lnTo>
                    <a:pt x="1402" y="295"/>
                  </a:lnTo>
                  <a:lnTo>
                    <a:pt x="1419" y="318"/>
                  </a:lnTo>
                  <a:lnTo>
                    <a:pt x="1442" y="338"/>
                  </a:lnTo>
                  <a:lnTo>
                    <a:pt x="1448" y="349"/>
                  </a:lnTo>
                  <a:lnTo>
                    <a:pt x="1447" y="367"/>
                  </a:lnTo>
                  <a:lnTo>
                    <a:pt x="1458" y="374"/>
                  </a:lnTo>
                  <a:lnTo>
                    <a:pt x="1459" y="386"/>
                  </a:lnTo>
                  <a:lnTo>
                    <a:pt x="1402" y="389"/>
                  </a:lnTo>
                  <a:lnTo>
                    <a:pt x="1340" y="394"/>
                  </a:lnTo>
                  <a:lnTo>
                    <a:pt x="1283" y="451"/>
                  </a:lnTo>
                  <a:lnTo>
                    <a:pt x="1261" y="465"/>
                  </a:lnTo>
                  <a:lnTo>
                    <a:pt x="1243" y="464"/>
                  </a:lnTo>
                  <a:lnTo>
                    <a:pt x="1210" y="499"/>
                  </a:lnTo>
                  <a:lnTo>
                    <a:pt x="1187" y="515"/>
                  </a:lnTo>
                  <a:lnTo>
                    <a:pt x="1155" y="510"/>
                  </a:lnTo>
                  <a:lnTo>
                    <a:pt x="1131" y="494"/>
                  </a:lnTo>
                  <a:lnTo>
                    <a:pt x="1113" y="499"/>
                  </a:lnTo>
                  <a:lnTo>
                    <a:pt x="1092" y="544"/>
                  </a:lnTo>
                  <a:lnTo>
                    <a:pt x="1111" y="567"/>
                  </a:lnTo>
                  <a:lnTo>
                    <a:pt x="1113" y="577"/>
                  </a:lnTo>
                  <a:lnTo>
                    <a:pt x="1028" y="649"/>
                  </a:lnTo>
                  <a:lnTo>
                    <a:pt x="974" y="663"/>
                  </a:lnTo>
                  <a:lnTo>
                    <a:pt x="952" y="657"/>
                  </a:lnTo>
                  <a:lnTo>
                    <a:pt x="916" y="660"/>
                  </a:lnTo>
                  <a:lnTo>
                    <a:pt x="860" y="675"/>
                  </a:lnTo>
                  <a:lnTo>
                    <a:pt x="853" y="683"/>
                  </a:lnTo>
                  <a:lnTo>
                    <a:pt x="784" y="713"/>
                  </a:lnTo>
                  <a:lnTo>
                    <a:pt x="760" y="699"/>
                  </a:lnTo>
                  <a:lnTo>
                    <a:pt x="737" y="697"/>
                  </a:lnTo>
                  <a:lnTo>
                    <a:pt x="674" y="675"/>
                  </a:lnTo>
                  <a:lnTo>
                    <a:pt x="635" y="646"/>
                  </a:lnTo>
                  <a:lnTo>
                    <a:pt x="598" y="635"/>
                  </a:lnTo>
                  <a:lnTo>
                    <a:pt x="427" y="643"/>
                  </a:lnTo>
                  <a:lnTo>
                    <a:pt x="413" y="638"/>
                  </a:lnTo>
                  <a:lnTo>
                    <a:pt x="379" y="601"/>
                  </a:lnTo>
                  <a:lnTo>
                    <a:pt x="344" y="541"/>
                  </a:lnTo>
                  <a:lnTo>
                    <a:pt x="235" y="496"/>
                  </a:lnTo>
                  <a:lnTo>
                    <a:pt x="206" y="501"/>
                  </a:lnTo>
                  <a:lnTo>
                    <a:pt x="132" y="477"/>
                  </a:lnTo>
                  <a:lnTo>
                    <a:pt x="141" y="451"/>
                  </a:lnTo>
                  <a:lnTo>
                    <a:pt x="137" y="396"/>
                  </a:lnTo>
                  <a:lnTo>
                    <a:pt x="112" y="327"/>
                  </a:lnTo>
                  <a:lnTo>
                    <a:pt x="105" y="313"/>
                  </a:lnTo>
                  <a:lnTo>
                    <a:pt x="64" y="301"/>
                  </a:lnTo>
                  <a:lnTo>
                    <a:pt x="58" y="312"/>
                  </a:lnTo>
                  <a:lnTo>
                    <a:pt x="45" y="301"/>
                  </a:lnTo>
                  <a:lnTo>
                    <a:pt x="37" y="284"/>
                  </a:lnTo>
                  <a:lnTo>
                    <a:pt x="11" y="264"/>
                  </a:lnTo>
                  <a:lnTo>
                    <a:pt x="0" y="230"/>
                  </a:lnTo>
                  <a:lnTo>
                    <a:pt x="24" y="198"/>
                  </a:lnTo>
                  <a:lnTo>
                    <a:pt x="184" y="114"/>
                  </a:lnTo>
                  <a:lnTo>
                    <a:pt x="296" y="126"/>
                  </a:lnTo>
                  <a:lnTo>
                    <a:pt x="325" y="159"/>
                  </a:lnTo>
                  <a:lnTo>
                    <a:pt x="460" y="157"/>
                  </a:lnTo>
                  <a:lnTo>
                    <a:pt x="469" y="152"/>
                  </a:lnTo>
                  <a:lnTo>
                    <a:pt x="467" y="123"/>
                  </a:lnTo>
                  <a:lnTo>
                    <a:pt x="475" y="109"/>
                  </a:lnTo>
                  <a:lnTo>
                    <a:pt x="464" y="54"/>
                  </a:lnTo>
                  <a:lnTo>
                    <a:pt x="526" y="0"/>
                  </a:lnTo>
                  <a:lnTo>
                    <a:pt x="650" y="49"/>
                  </a:lnTo>
                  <a:lnTo>
                    <a:pt x="662" y="105"/>
                  </a:lnTo>
                  <a:lnTo>
                    <a:pt x="700" y="131"/>
                  </a:lnTo>
                  <a:lnTo>
                    <a:pt x="726" y="139"/>
                  </a:lnTo>
                  <a:lnTo>
                    <a:pt x="796" y="112"/>
                  </a:lnTo>
                  <a:lnTo>
                    <a:pt x="820" y="118"/>
                  </a:lnTo>
                  <a:lnTo>
                    <a:pt x="930" y="169"/>
                  </a:lnTo>
                  <a:lnTo>
                    <a:pt x="964" y="199"/>
                  </a:lnTo>
                  <a:lnTo>
                    <a:pt x="1062" y="216"/>
                  </a:lnTo>
                  <a:lnTo>
                    <a:pt x="1160" y="190"/>
                  </a:lnTo>
                  <a:lnTo>
                    <a:pt x="1232" y="143"/>
                  </a:lnTo>
                  <a:lnTo>
                    <a:pt x="1286" y="168"/>
                  </a:lnTo>
                  <a:lnTo>
                    <a:pt x="1315" y="16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49" name="Freeform 88"/>
            <p:cNvSpPr>
              <a:spLocks noChangeAspect="1"/>
            </p:cNvSpPr>
            <p:nvPr/>
          </p:nvSpPr>
          <p:spPr bwMode="gray">
            <a:xfrm>
              <a:off x="7316788" y="3843338"/>
              <a:ext cx="117475" cy="96838"/>
            </a:xfrm>
            <a:custGeom>
              <a:avLst/>
              <a:gdLst>
                <a:gd name="T0" fmla="*/ 7 w 244"/>
                <a:gd name="T1" fmla="*/ 0 h 198"/>
                <a:gd name="T2" fmla="*/ 7 w 244"/>
                <a:gd name="T3" fmla="*/ 1 h 198"/>
                <a:gd name="T4" fmla="*/ 7 w 244"/>
                <a:gd name="T5" fmla="*/ 2 h 198"/>
                <a:gd name="T6" fmla="*/ 7 w 244"/>
                <a:gd name="T7" fmla="*/ 3 h 198"/>
                <a:gd name="T8" fmla="*/ 7 w 244"/>
                <a:gd name="T9" fmla="*/ 3 h 198"/>
                <a:gd name="T10" fmla="*/ 6 w 244"/>
                <a:gd name="T11" fmla="*/ 3 h 198"/>
                <a:gd name="T12" fmla="*/ 6 w 244"/>
                <a:gd name="T13" fmla="*/ 4 h 198"/>
                <a:gd name="T14" fmla="*/ 5 w 244"/>
                <a:gd name="T15" fmla="*/ 4 h 198"/>
                <a:gd name="T16" fmla="*/ 5 w 244"/>
                <a:gd name="T17" fmla="*/ 4 h 198"/>
                <a:gd name="T18" fmla="*/ 5 w 244"/>
                <a:gd name="T19" fmla="*/ 4 h 198"/>
                <a:gd name="T20" fmla="*/ 5 w 244"/>
                <a:gd name="T21" fmla="*/ 5 h 198"/>
                <a:gd name="T22" fmla="*/ 4 w 244"/>
                <a:gd name="T23" fmla="*/ 5 h 198"/>
                <a:gd name="T24" fmla="*/ 4 w 244"/>
                <a:gd name="T25" fmla="*/ 5 h 198"/>
                <a:gd name="T26" fmla="*/ 3 w 244"/>
                <a:gd name="T27" fmla="*/ 6 h 198"/>
                <a:gd name="T28" fmla="*/ 3 w 244"/>
                <a:gd name="T29" fmla="*/ 6 h 198"/>
                <a:gd name="T30" fmla="*/ 2 w 244"/>
                <a:gd name="T31" fmla="*/ 6 h 198"/>
                <a:gd name="T32" fmla="*/ 2 w 244"/>
                <a:gd name="T33" fmla="*/ 6 h 198"/>
                <a:gd name="T34" fmla="*/ 2 w 244"/>
                <a:gd name="T35" fmla="*/ 5 h 198"/>
                <a:gd name="T36" fmla="*/ 2 w 244"/>
                <a:gd name="T37" fmla="*/ 5 h 198"/>
                <a:gd name="T38" fmla="*/ 1 w 244"/>
                <a:gd name="T39" fmla="*/ 5 h 198"/>
                <a:gd name="T40" fmla="*/ 1 w 244"/>
                <a:gd name="T41" fmla="*/ 4 h 198"/>
                <a:gd name="T42" fmla="*/ 1 w 244"/>
                <a:gd name="T43" fmla="*/ 4 h 198"/>
                <a:gd name="T44" fmla="*/ 1 w 244"/>
                <a:gd name="T45" fmla="*/ 3 h 198"/>
                <a:gd name="T46" fmla="*/ 0 w 244"/>
                <a:gd name="T47" fmla="*/ 3 h 198"/>
                <a:gd name="T48" fmla="*/ 0 w 244"/>
                <a:gd name="T49" fmla="*/ 2 h 198"/>
                <a:gd name="T50" fmla="*/ 0 w 244"/>
                <a:gd name="T51" fmla="*/ 2 h 198"/>
                <a:gd name="T52" fmla="*/ 0 w 244"/>
                <a:gd name="T53" fmla="*/ 1 h 198"/>
                <a:gd name="T54" fmla="*/ 1 w 244"/>
                <a:gd name="T55" fmla="*/ 1 h 198"/>
                <a:gd name="T56" fmla="*/ 2 w 244"/>
                <a:gd name="T57" fmla="*/ 1 h 198"/>
                <a:gd name="T58" fmla="*/ 3 w 244"/>
                <a:gd name="T59" fmla="*/ 1 h 198"/>
                <a:gd name="T60" fmla="*/ 4 w 244"/>
                <a:gd name="T61" fmla="*/ 1 h 198"/>
                <a:gd name="T62" fmla="*/ 4 w 244"/>
                <a:gd name="T63" fmla="*/ 1 h 198"/>
                <a:gd name="T64" fmla="*/ 4 w 244"/>
                <a:gd name="T65" fmla="*/ 1 h 198"/>
                <a:gd name="T66" fmla="*/ 5 w 244"/>
                <a:gd name="T67" fmla="*/ 1 h 198"/>
                <a:gd name="T68" fmla="*/ 5 w 244"/>
                <a:gd name="T69" fmla="*/ 1 h 198"/>
                <a:gd name="T70" fmla="*/ 5 w 244"/>
                <a:gd name="T71" fmla="*/ 1 h 198"/>
                <a:gd name="T72" fmla="*/ 5 w 244"/>
                <a:gd name="T73" fmla="*/ 0 h 198"/>
                <a:gd name="T74" fmla="*/ 6 w 244"/>
                <a:gd name="T75" fmla="*/ 0 h 198"/>
                <a:gd name="T76" fmla="*/ 6 w 244"/>
                <a:gd name="T77" fmla="*/ 1 h 198"/>
                <a:gd name="T78" fmla="*/ 7 w 244"/>
                <a:gd name="T79" fmla="*/ 0 h 198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244"/>
                <a:gd name="T121" fmla="*/ 0 h 198"/>
                <a:gd name="T122" fmla="*/ 244 w 244"/>
                <a:gd name="T123" fmla="*/ 198 h 198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244" h="198">
                  <a:moveTo>
                    <a:pt x="237" y="0"/>
                  </a:moveTo>
                  <a:lnTo>
                    <a:pt x="235" y="30"/>
                  </a:lnTo>
                  <a:lnTo>
                    <a:pt x="244" y="56"/>
                  </a:lnTo>
                  <a:lnTo>
                    <a:pt x="241" y="109"/>
                  </a:lnTo>
                  <a:lnTo>
                    <a:pt x="235" y="115"/>
                  </a:lnTo>
                  <a:lnTo>
                    <a:pt x="229" y="114"/>
                  </a:lnTo>
                  <a:lnTo>
                    <a:pt x="213" y="124"/>
                  </a:lnTo>
                  <a:lnTo>
                    <a:pt x="191" y="131"/>
                  </a:lnTo>
                  <a:lnTo>
                    <a:pt x="190" y="139"/>
                  </a:lnTo>
                  <a:lnTo>
                    <a:pt x="167" y="143"/>
                  </a:lnTo>
                  <a:lnTo>
                    <a:pt x="165" y="169"/>
                  </a:lnTo>
                  <a:lnTo>
                    <a:pt x="137" y="183"/>
                  </a:lnTo>
                  <a:lnTo>
                    <a:pt x="125" y="182"/>
                  </a:lnTo>
                  <a:lnTo>
                    <a:pt x="120" y="193"/>
                  </a:lnTo>
                  <a:lnTo>
                    <a:pt x="100" y="198"/>
                  </a:lnTo>
                  <a:lnTo>
                    <a:pt x="88" y="193"/>
                  </a:lnTo>
                  <a:lnTo>
                    <a:pt x="59" y="195"/>
                  </a:lnTo>
                  <a:lnTo>
                    <a:pt x="63" y="171"/>
                  </a:lnTo>
                  <a:lnTo>
                    <a:pt x="57" y="168"/>
                  </a:lnTo>
                  <a:lnTo>
                    <a:pt x="40" y="180"/>
                  </a:lnTo>
                  <a:lnTo>
                    <a:pt x="37" y="154"/>
                  </a:lnTo>
                  <a:lnTo>
                    <a:pt x="29" y="144"/>
                  </a:lnTo>
                  <a:lnTo>
                    <a:pt x="26" y="118"/>
                  </a:lnTo>
                  <a:lnTo>
                    <a:pt x="9" y="98"/>
                  </a:lnTo>
                  <a:lnTo>
                    <a:pt x="0" y="72"/>
                  </a:lnTo>
                  <a:lnTo>
                    <a:pt x="1" y="56"/>
                  </a:lnTo>
                  <a:lnTo>
                    <a:pt x="12" y="42"/>
                  </a:lnTo>
                  <a:lnTo>
                    <a:pt x="42" y="16"/>
                  </a:lnTo>
                  <a:lnTo>
                    <a:pt x="80" y="19"/>
                  </a:lnTo>
                  <a:lnTo>
                    <a:pt x="117" y="17"/>
                  </a:lnTo>
                  <a:lnTo>
                    <a:pt x="125" y="24"/>
                  </a:lnTo>
                  <a:lnTo>
                    <a:pt x="134" y="21"/>
                  </a:lnTo>
                  <a:lnTo>
                    <a:pt x="140" y="27"/>
                  </a:lnTo>
                  <a:lnTo>
                    <a:pt x="165" y="34"/>
                  </a:lnTo>
                  <a:lnTo>
                    <a:pt x="173" y="33"/>
                  </a:lnTo>
                  <a:lnTo>
                    <a:pt x="173" y="19"/>
                  </a:lnTo>
                  <a:lnTo>
                    <a:pt x="187" y="12"/>
                  </a:lnTo>
                  <a:lnTo>
                    <a:pt x="204" y="8"/>
                  </a:lnTo>
                  <a:lnTo>
                    <a:pt x="216" y="16"/>
                  </a:lnTo>
                  <a:lnTo>
                    <a:pt x="237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50" name="Freeform 89"/>
            <p:cNvSpPr>
              <a:spLocks noChangeAspect="1"/>
            </p:cNvSpPr>
            <p:nvPr/>
          </p:nvSpPr>
          <p:spPr bwMode="gray">
            <a:xfrm>
              <a:off x="7011988" y="3517901"/>
              <a:ext cx="74613" cy="41275"/>
            </a:xfrm>
            <a:custGeom>
              <a:avLst/>
              <a:gdLst>
                <a:gd name="T0" fmla="*/ 4 w 156"/>
                <a:gd name="T1" fmla="*/ 1 h 81"/>
                <a:gd name="T2" fmla="*/ 3 w 156"/>
                <a:gd name="T3" fmla="*/ 0 h 81"/>
                <a:gd name="T4" fmla="*/ 3 w 156"/>
                <a:gd name="T5" fmla="*/ 0 h 81"/>
                <a:gd name="T6" fmla="*/ 2 w 156"/>
                <a:gd name="T7" fmla="*/ 0 h 81"/>
                <a:gd name="T8" fmla="*/ 2 w 156"/>
                <a:gd name="T9" fmla="*/ 0 h 81"/>
                <a:gd name="T10" fmla="*/ 2 w 156"/>
                <a:gd name="T11" fmla="*/ 0 h 81"/>
                <a:gd name="T12" fmla="*/ 1 w 156"/>
                <a:gd name="T13" fmla="*/ 0 h 81"/>
                <a:gd name="T14" fmla="*/ 0 w 156"/>
                <a:gd name="T15" fmla="*/ 2 h 81"/>
                <a:gd name="T16" fmla="*/ 0 w 156"/>
                <a:gd name="T17" fmla="*/ 2 h 81"/>
                <a:gd name="T18" fmla="*/ 0 w 156"/>
                <a:gd name="T19" fmla="*/ 2 h 81"/>
                <a:gd name="T20" fmla="*/ 1 w 156"/>
                <a:gd name="T21" fmla="*/ 3 h 81"/>
                <a:gd name="T22" fmla="*/ 4 w 156"/>
                <a:gd name="T23" fmla="*/ 2 h 81"/>
                <a:gd name="T24" fmla="*/ 4 w 156"/>
                <a:gd name="T25" fmla="*/ 2 h 81"/>
                <a:gd name="T26" fmla="*/ 4 w 156"/>
                <a:gd name="T27" fmla="*/ 2 h 81"/>
                <a:gd name="T28" fmla="*/ 4 w 156"/>
                <a:gd name="T29" fmla="*/ 1 h 81"/>
                <a:gd name="T30" fmla="*/ 4 w 156"/>
                <a:gd name="T31" fmla="*/ 1 h 81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56"/>
                <a:gd name="T49" fmla="*/ 0 h 81"/>
                <a:gd name="T50" fmla="*/ 156 w 156"/>
                <a:gd name="T51" fmla="*/ 81 h 81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56" h="81">
                  <a:moveTo>
                    <a:pt x="137" y="25"/>
                  </a:moveTo>
                  <a:lnTo>
                    <a:pt x="120" y="13"/>
                  </a:lnTo>
                  <a:lnTo>
                    <a:pt x="105" y="14"/>
                  </a:lnTo>
                  <a:lnTo>
                    <a:pt x="80" y="9"/>
                  </a:lnTo>
                  <a:lnTo>
                    <a:pt x="71" y="0"/>
                  </a:lnTo>
                  <a:lnTo>
                    <a:pt x="54" y="0"/>
                  </a:lnTo>
                  <a:lnTo>
                    <a:pt x="34" y="13"/>
                  </a:lnTo>
                  <a:lnTo>
                    <a:pt x="7" y="47"/>
                  </a:lnTo>
                  <a:lnTo>
                    <a:pt x="0" y="57"/>
                  </a:lnTo>
                  <a:lnTo>
                    <a:pt x="5" y="73"/>
                  </a:lnTo>
                  <a:lnTo>
                    <a:pt x="40" y="81"/>
                  </a:lnTo>
                  <a:lnTo>
                    <a:pt x="148" y="68"/>
                  </a:lnTo>
                  <a:lnTo>
                    <a:pt x="156" y="65"/>
                  </a:lnTo>
                  <a:lnTo>
                    <a:pt x="156" y="47"/>
                  </a:lnTo>
                  <a:lnTo>
                    <a:pt x="136" y="37"/>
                  </a:lnTo>
                  <a:lnTo>
                    <a:pt x="137" y="2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51" name="Freeform 90"/>
            <p:cNvSpPr>
              <a:spLocks noChangeAspect="1"/>
            </p:cNvSpPr>
            <p:nvPr/>
          </p:nvSpPr>
          <p:spPr bwMode="gray">
            <a:xfrm>
              <a:off x="6573838" y="3100388"/>
              <a:ext cx="246063" cy="119063"/>
            </a:xfrm>
            <a:custGeom>
              <a:avLst/>
              <a:gdLst>
                <a:gd name="T0" fmla="*/ 2 w 508"/>
                <a:gd name="T1" fmla="*/ 2 h 243"/>
                <a:gd name="T2" fmla="*/ 2 w 508"/>
                <a:gd name="T3" fmla="*/ 1 h 243"/>
                <a:gd name="T4" fmla="*/ 3 w 508"/>
                <a:gd name="T5" fmla="*/ 1 h 243"/>
                <a:gd name="T6" fmla="*/ 4 w 508"/>
                <a:gd name="T7" fmla="*/ 1 h 243"/>
                <a:gd name="T8" fmla="*/ 5 w 508"/>
                <a:gd name="T9" fmla="*/ 2 h 243"/>
                <a:gd name="T10" fmla="*/ 5 w 508"/>
                <a:gd name="T11" fmla="*/ 1 h 243"/>
                <a:gd name="T12" fmla="*/ 6 w 508"/>
                <a:gd name="T13" fmla="*/ 0 h 243"/>
                <a:gd name="T14" fmla="*/ 7 w 508"/>
                <a:gd name="T15" fmla="*/ 1 h 243"/>
                <a:gd name="T16" fmla="*/ 8 w 508"/>
                <a:gd name="T17" fmla="*/ 1 h 243"/>
                <a:gd name="T18" fmla="*/ 10 w 508"/>
                <a:gd name="T19" fmla="*/ 1 h 243"/>
                <a:gd name="T20" fmla="*/ 13 w 508"/>
                <a:gd name="T21" fmla="*/ 1 h 243"/>
                <a:gd name="T22" fmla="*/ 13 w 508"/>
                <a:gd name="T23" fmla="*/ 1 h 243"/>
                <a:gd name="T24" fmla="*/ 14 w 508"/>
                <a:gd name="T25" fmla="*/ 2 h 243"/>
                <a:gd name="T26" fmla="*/ 14 w 508"/>
                <a:gd name="T27" fmla="*/ 2 h 243"/>
                <a:gd name="T28" fmla="*/ 12 w 508"/>
                <a:gd name="T29" fmla="*/ 3 h 243"/>
                <a:gd name="T30" fmla="*/ 12 w 508"/>
                <a:gd name="T31" fmla="*/ 4 h 243"/>
                <a:gd name="T32" fmla="*/ 10 w 508"/>
                <a:gd name="T33" fmla="*/ 4 h 243"/>
                <a:gd name="T34" fmla="*/ 9 w 508"/>
                <a:gd name="T35" fmla="*/ 5 h 243"/>
                <a:gd name="T36" fmla="*/ 9 w 508"/>
                <a:gd name="T37" fmla="*/ 5 h 243"/>
                <a:gd name="T38" fmla="*/ 8 w 508"/>
                <a:gd name="T39" fmla="*/ 5 h 243"/>
                <a:gd name="T40" fmla="*/ 8 w 508"/>
                <a:gd name="T41" fmla="*/ 5 h 243"/>
                <a:gd name="T42" fmla="*/ 8 w 508"/>
                <a:gd name="T43" fmla="*/ 5 h 243"/>
                <a:gd name="T44" fmla="*/ 7 w 508"/>
                <a:gd name="T45" fmla="*/ 5 h 243"/>
                <a:gd name="T46" fmla="*/ 7 w 508"/>
                <a:gd name="T47" fmla="*/ 6 h 243"/>
                <a:gd name="T48" fmla="*/ 6 w 508"/>
                <a:gd name="T49" fmla="*/ 6 h 243"/>
                <a:gd name="T50" fmla="*/ 6 w 508"/>
                <a:gd name="T51" fmla="*/ 6 h 243"/>
                <a:gd name="T52" fmla="*/ 6 w 508"/>
                <a:gd name="T53" fmla="*/ 7 h 243"/>
                <a:gd name="T54" fmla="*/ 5 w 508"/>
                <a:gd name="T55" fmla="*/ 6 h 243"/>
                <a:gd name="T56" fmla="*/ 5 w 508"/>
                <a:gd name="T57" fmla="*/ 7 h 243"/>
                <a:gd name="T58" fmla="*/ 5 w 508"/>
                <a:gd name="T59" fmla="*/ 7 h 243"/>
                <a:gd name="T60" fmla="*/ 4 w 508"/>
                <a:gd name="T61" fmla="*/ 7 h 243"/>
                <a:gd name="T62" fmla="*/ 3 w 508"/>
                <a:gd name="T63" fmla="*/ 7 h 243"/>
                <a:gd name="T64" fmla="*/ 3 w 508"/>
                <a:gd name="T65" fmla="*/ 7 h 243"/>
                <a:gd name="T66" fmla="*/ 3 w 508"/>
                <a:gd name="T67" fmla="*/ 6 h 243"/>
                <a:gd name="T68" fmla="*/ 2 w 508"/>
                <a:gd name="T69" fmla="*/ 7 h 243"/>
                <a:gd name="T70" fmla="*/ 2 w 508"/>
                <a:gd name="T71" fmla="*/ 6 h 243"/>
                <a:gd name="T72" fmla="*/ 0 w 508"/>
                <a:gd name="T73" fmla="*/ 7 h 243"/>
                <a:gd name="T74" fmla="*/ 0 w 508"/>
                <a:gd name="T75" fmla="*/ 6 h 243"/>
                <a:gd name="T76" fmla="*/ 0 w 508"/>
                <a:gd name="T77" fmla="*/ 6 h 243"/>
                <a:gd name="T78" fmla="*/ 1 w 508"/>
                <a:gd name="T79" fmla="*/ 6 h 243"/>
                <a:gd name="T80" fmla="*/ 1 w 508"/>
                <a:gd name="T81" fmla="*/ 6 h 243"/>
                <a:gd name="T82" fmla="*/ 2 w 508"/>
                <a:gd name="T83" fmla="*/ 6 h 243"/>
                <a:gd name="T84" fmla="*/ 2 w 508"/>
                <a:gd name="T85" fmla="*/ 5 h 243"/>
                <a:gd name="T86" fmla="*/ 3 w 508"/>
                <a:gd name="T87" fmla="*/ 5 h 243"/>
                <a:gd name="T88" fmla="*/ 4 w 508"/>
                <a:gd name="T89" fmla="*/ 5 h 243"/>
                <a:gd name="T90" fmla="*/ 4 w 508"/>
                <a:gd name="T91" fmla="*/ 5 h 243"/>
                <a:gd name="T92" fmla="*/ 5 w 508"/>
                <a:gd name="T93" fmla="*/ 4 h 243"/>
                <a:gd name="T94" fmla="*/ 4 w 508"/>
                <a:gd name="T95" fmla="*/ 4 h 243"/>
                <a:gd name="T96" fmla="*/ 3 w 508"/>
                <a:gd name="T97" fmla="*/ 4 h 243"/>
                <a:gd name="T98" fmla="*/ 3 w 508"/>
                <a:gd name="T99" fmla="*/ 3 h 243"/>
                <a:gd name="T100" fmla="*/ 3 w 508"/>
                <a:gd name="T101" fmla="*/ 3 h 243"/>
                <a:gd name="T102" fmla="*/ 3 w 508"/>
                <a:gd name="T103" fmla="*/ 4 h 243"/>
                <a:gd name="T104" fmla="*/ 2 w 508"/>
                <a:gd name="T105" fmla="*/ 4 h 243"/>
                <a:gd name="T106" fmla="*/ 2 w 508"/>
                <a:gd name="T107" fmla="*/ 3 h 243"/>
                <a:gd name="T108" fmla="*/ 1 w 508"/>
                <a:gd name="T109" fmla="*/ 3 h 243"/>
                <a:gd name="T110" fmla="*/ 1 w 508"/>
                <a:gd name="T111" fmla="*/ 3 h 243"/>
                <a:gd name="T112" fmla="*/ 2 w 508"/>
                <a:gd name="T113" fmla="*/ 2 h 243"/>
                <a:gd name="T114" fmla="*/ 2 w 508"/>
                <a:gd name="T115" fmla="*/ 2 h 243"/>
                <a:gd name="T116" fmla="*/ 2 w 508"/>
                <a:gd name="T117" fmla="*/ 2 h 243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508"/>
                <a:gd name="T178" fmla="*/ 0 h 243"/>
                <a:gd name="T179" fmla="*/ 508 w 508"/>
                <a:gd name="T180" fmla="*/ 243 h 243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508" h="243">
                  <a:moveTo>
                    <a:pt x="75" y="54"/>
                  </a:moveTo>
                  <a:lnTo>
                    <a:pt x="81" y="31"/>
                  </a:lnTo>
                  <a:lnTo>
                    <a:pt x="101" y="25"/>
                  </a:lnTo>
                  <a:lnTo>
                    <a:pt x="143" y="31"/>
                  </a:lnTo>
                  <a:lnTo>
                    <a:pt x="186" y="48"/>
                  </a:lnTo>
                  <a:lnTo>
                    <a:pt x="195" y="15"/>
                  </a:lnTo>
                  <a:lnTo>
                    <a:pt x="225" y="0"/>
                  </a:lnTo>
                  <a:lnTo>
                    <a:pt x="248" y="15"/>
                  </a:lnTo>
                  <a:lnTo>
                    <a:pt x="279" y="20"/>
                  </a:lnTo>
                  <a:lnTo>
                    <a:pt x="361" y="15"/>
                  </a:lnTo>
                  <a:lnTo>
                    <a:pt x="459" y="29"/>
                  </a:lnTo>
                  <a:lnTo>
                    <a:pt x="472" y="46"/>
                  </a:lnTo>
                  <a:lnTo>
                    <a:pt x="508" y="57"/>
                  </a:lnTo>
                  <a:lnTo>
                    <a:pt x="505" y="79"/>
                  </a:lnTo>
                  <a:lnTo>
                    <a:pt x="434" y="113"/>
                  </a:lnTo>
                  <a:lnTo>
                    <a:pt x="415" y="136"/>
                  </a:lnTo>
                  <a:lnTo>
                    <a:pt x="352" y="149"/>
                  </a:lnTo>
                  <a:lnTo>
                    <a:pt x="339" y="175"/>
                  </a:lnTo>
                  <a:lnTo>
                    <a:pt x="328" y="181"/>
                  </a:lnTo>
                  <a:lnTo>
                    <a:pt x="296" y="183"/>
                  </a:lnTo>
                  <a:lnTo>
                    <a:pt x="291" y="173"/>
                  </a:lnTo>
                  <a:lnTo>
                    <a:pt x="283" y="171"/>
                  </a:lnTo>
                  <a:lnTo>
                    <a:pt x="260" y="173"/>
                  </a:lnTo>
                  <a:lnTo>
                    <a:pt x="256" y="184"/>
                  </a:lnTo>
                  <a:lnTo>
                    <a:pt x="220" y="201"/>
                  </a:lnTo>
                  <a:lnTo>
                    <a:pt x="212" y="217"/>
                  </a:lnTo>
                  <a:lnTo>
                    <a:pt x="212" y="226"/>
                  </a:lnTo>
                  <a:lnTo>
                    <a:pt x="195" y="221"/>
                  </a:lnTo>
                  <a:lnTo>
                    <a:pt x="194" y="235"/>
                  </a:lnTo>
                  <a:lnTo>
                    <a:pt x="163" y="234"/>
                  </a:lnTo>
                  <a:lnTo>
                    <a:pt x="137" y="243"/>
                  </a:lnTo>
                  <a:lnTo>
                    <a:pt x="117" y="240"/>
                  </a:lnTo>
                  <a:lnTo>
                    <a:pt x="113" y="227"/>
                  </a:lnTo>
                  <a:lnTo>
                    <a:pt x="100" y="223"/>
                  </a:lnTo>
                  <a:lnTo>
                    <a:pt x="75" y="230"/>
                  </a:lnTo>
                  <a:lnTo>
                    <a:pt x="58" y="221"/>
                  </a:lnTo>
                  <a:lnTo>
                    <a:pt x="3" y="226"/>
                  </a:lnTo>
                  <a:lnTo>
                    <a:pt x="0" y="218"/>
                  </a:lnTo>
                  <a:lnTo>
                    <a:pt x="0" y="200"/>
                  </a:lnTo>
                  <a:lnTo>
                    <a:pt x="19" y="192"/>
                  </a:lnTo>
                  <a:lnTo>
                    <a:pt x="39" y="192"/>
                  </a:lnTo>
                  <a:lnTo>
                    <a:pt x="58" y="198"/>
                  </a:lnTo>
                  <a:lnTo>
                    <a:pt x="78" y="181"/>
                  </a:lnTo>
                  <a:lnTo>
                    <a:pt x="120" y="183"/>
                  </a:lnTo>
                  <a:lnTo>
                    <a:pt x="134" y="169"/>
                  </a:lnTo>
                  <a:lnTo>
                    <a:pt x="152" y="166"/>
                  </a:lnTo>
                  <a:lnTo>
                    <a:pt x="178" y="147"/>
                  </a:lnTo>
                  <a:lnTo>
                    <a:pt x="135" y="133"/>
                  </a:lnTo>
                  <a:lnTo>
                    <a:pt x="118" y="122"/>
                  </a:lnTo>
                  <a:lnTo>
                    <a:pt x="118" y="115"/>
                  </a:lnTo>
                  <a:lnTo>
                    <a:pt x="109" y="107"/>
                  </a:lnTo>
                  <a:lnTo>
                    <a:pt x="96" y="128"/>
                  </a:lnTo>
                  <a:lnTo>
                    <a:pt x="71" y="122"/>
                  </a:lnTo>
                  <a:lnTo>
                    <a:pt x="64" y="110"/>
                  </a:lnTo>
                  <a:lnTo>
                    <a:pt x="45" y="107"/>
                  </a:lnTo>
                  <a:lnTo>
                    <a:pt x="45" y="100"/>
                  </a:lnTo>
                  <a:lnTo>
                    <a:pt x="90" y="66"/>
                  </a:lnTo>
                  <a:lnTo>
                    <a:pt x="88" y="59"/>
                  </a:lnTo>
                  <a:lnTo>
                    <a:pt x="75" y="5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52" name="Freeform 91"/>
            <p:cNvSpPr>
              <a:spLocks noChangeAspect="1"/>
            </p:cNvSpPr>
            <p:nvPr/>
          </p:nvSpPr>
          <p:spPr bwMode="gray">
            <a:xfrm>
              <a:off x="6197600" y="3114676"/>
              <a:ext cx="317500" cy="219075"/>
            </a:xfrm>
            <a:custGeom>
              <a:avLst/>
              <a:gdLst>
                <a:gd name="T0" fmla="*/ 3 w 654"/>
                <a:gd name="T1" fmla="*/ 9 h 452"/>
                <a:gd name="T2" fmla="*/ 5 w 654"/>
                <a:gd name="T3" fmla="*/ 8 h 452"/>
                <a:gd name="T4" fmla="*/ 6 w 654"/>
                <a:gd name="T5" fmla="*/ 8 h 452"/>
                <a:gd name="T6" fmla="*/ 8 w 654"/>
                <a:gd name="T7" fmla="*/ 9 h 452"/>
                <a:gd name="T8" fmla="*/ 9 w 654"/>
                <a:gd name="T9" fmla="*/ 9 h 452"/>
                <a:gd name="T10" fmla="*/ 12 w 654"/>
                <a:gd name="T11" fmla="*/ 11 h 452"/>
                <a:gd name="T12" fmla="*/ 12 w 654"/>
                <a:gd name="T13" fmla="*/ 12 h 452"/>
                <a:gd name="T14" fmla="*/ 13 w 654"/>
                <a:gd name="T15" fmla="*/ 13 h 452"/>
                <a:gd name="T16" fmla="*/ 14 w 654"/>
                <a:gd name="T17" fmla="*/ 13 h 452"/>
                <a:gd name="T18" fmla="*/ 14 w 654"/>
                <a:gd name="T19" fmla="*/ 12 h 452"/>
                <a:gd name="T20" fmla="*/ 15 w 654"/>
                <a:gd name="T21" fmla="*/ 12 h 452"/>
                <a:gd name="T22" fmla="*/ 16 w 654"/>
                <a:gd name="T23" fmla="*/ 10 h 452"/>
                <a:gd name="T24" fmla="*/ 17 w 654"/>
                <a:gd name="T25" fmla="*/ 9 h 452"/>
                <a:gd name="T26" fmla="*/ 17 w 654"/>
                <a:gd name="T27" fmla="*/ 9 h 452"/>
                <a:gd name="T28" fmla="*/ 19 w 654"/>
                <a:gd name="T29" fmla="*/ 9 h 452"/>
                <a:gd name="T30" fmla="*/ 19 w 654"/>
                <a:gd name="T31" fmla="*/ 8 h 452"/>
                <a:gd name="T32" fmla="*/ 18 w 654"/>
                <a:gd name="T33" fmla="*/ 8 h 452"/>
                <a:gd name="T34" fmla="*/ 16 w 654"/>
                <a:gd name="T35" fmla="*/ 7 h 452"/>
                <a:gd name="T36" fmla="*/ 15 w 654"/>
                <a:gd name="T37" fmla="*/ 6 h 452"/>
                <a:gd name="T38" fmla="*/ 13 w 654"/>
                <a:gd name="T39" fmla="*/ 5 h 452"/>
                <a:gd name="T40" fmla="*/ 13 w 654"/>
                <a:gd name="T41" fmla="*/ 4 h 452"/>
                <a:gd name="T42" fmla="*/ 12 w 654"/>
                <a:gd name="T43" fmla="*/ 2 h 452"/>
                <a:gd name="T44" fmla="*/ 10 w 654"/>
                <a:gd name="T45" fmla="*/ 2 h 452"/>
                <a:gd name="T46" fmla="*/ 10 w 654"/>
                <a:gd name="T47" fmla="*/ 2 h 452"/>
                <a:gd name="T48" fmla="*/ 10 w 654"/>
                <a:gd name="T49" fmla="*/ 2 h 452"/>
                <a:gd name="T50" fmla="*/ 9 w 654"/>
                <a:gd name="T51" fmla="*/ 1 h 452"/>
                <a:gd name="T52" fmla="*/ 8 w 654"/>
                <a:gd name="T53" fmla="*/ 0 h 452"/>
                <a:gd name="T54" fmla="*/ 8 w 654"/>
                <a:gd name="T55" fmla="*/ 1 h 452"/>
                <a:gd name="T56" fmla="*/ 7 w 654"/>
                <a:gd name="T57" fmla="*/ 1 h 452"/>
                <a:gd name="T58" fmla="*/ 6 w 654"/>
                <a:gd name="T59" fmla="*/ 1 h 452"/>
                <a:gd name="T60" fmla="*/ 6 w 654"/>
                <a:gd name="T61" fmla="*/ 2 h 452"/>
                <a:gd name="T62" fmla="*/ 6 w 654"/>
                <a:gd name="T63" fmla="*/ 3 h 452"/>
                <a:gd name="T64" fmla="*/ 4 w 654"/>
                <a:gd name="T65" fmla="*/ 3 h 452"/>
                <a:gd name="T66" fmla="*/ 3 w 654"/>
                <a:gd name="T67" fmla="*/ 1 h 452"/>
                <a:gd name="T68" fmla="*/ 1 w 654"/>
                <a:gd name="T69" fmla="*/ 1 h 452"/>
                <a:gd name="T70" fmla="*/ 0 w 654"/>
                <a:gd name="T71" fmla="*/ 2 h 452"/>
                <a:gd name="T72" fmla="*/ 0 w 654"/>
                <a:gd name="T73" fmla="*/ 2 h 452"/>
                <a:gd name="T74" fmla="*/ 2 w 654"/>
                <a:gd name="T75" fmla="*/ 2 h 452"/>
                <a:gd name="T76" fmla="*/ 2 w 654"/>
                <a:gd name="T77" fmla="*/ 2 h 452"/>
                <a:gd name="T78" fmla="*/ 3 w 654"/>
                <a:gd name="T79" fmla="*/ 3 h 452"/>
                <a:gd name="T80" fmla="*/ 3 w 654"/>
                <a:gd name="T81" fmla="*/ 4 h 452"/>
                <a:gd name="T82" fmla="*/ 1 w 654"/>
                <a:gd name="T83" fmla="*/ 4 h 452"/>
                <a:gd name="T84" fmla="*/ 1 w 654"/>
                <a:gd name="T85" fmla="*/ 4 h 452"/>
                <a:gd name="T86" fmla="*/ 1 w 654"/>
                <a:gd name="T87" fmla="*/ 5 h 452"/>
                <a:gd name="T88" fmla="*/ 2 w 654"/>
                <a:gd name="T89" fmla="*/ 5 h 452"/>
                <a:gd name="T90" fmla="*/ 2 w 654"/>
                <a:gd name="T91" fmla="*/ 5 h 452"/>
                <a:gd name="T92" fmla="*/ 2 w 654"/>
                <a:gd name="T93" fmla="*/ 5 h 452"/>
                <a:gd name="T94" fmla="*/ 2 w 654"/>
                <a:gd name="T95" fmla="*/ 7 h 452"/>
                <a:gd name="T96" fmla="*/ 2 w 654"/>
                <a:gd name="T97" fmla="*/ 9 h 452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w 654"/>
                <a:gd name="T148" fmla="*/ 0 h 452"/>
                <a:gd name="T149" fmla="*/ 654 w 654"/>
                <a:gd name="T150" fmla="*/ 452 h 452"/>
              </a:gdLst>
              <a:ahLst/>
              <a:cxnLst>
                <a:cxn ang="T98">
                  <a:pos x="T0" y="T1"/>
                </a:cxn>
                <a:cxn ang="T99">
                  <a:pos x="T2" y="T3"/>
                </a:cxn>
                <a:cxn ang="T100">
                  <a:pos x="T4" y="T5"/>
                </a:cxn>
                <a:cxn ang="T101">
                  <a:pos x="T6" y="T7"/>
                </a:cxn>
                <a:cxn ang="T102">
                  <a:pos x="T8" y="T9"/>
                </a:cxn>
                <a:cxn ang="T103">
                  <a:pos x="T10" y="T11"/>
                </a:cxn>
                <a:cxn ang="T104">
                  <a:pos x="T12" y="T13"/>
                </a:cxn>
                <a:cxn ang="T105">
                  <a:pos x="T14" y="T15"/>
                </a:cxn>
                <a:cxn ang="T106">
                  <a:pos x="T16" y="T17"/>
                </a:cxn>
                <a:cxn ang="T107">
                  <a:pos x="T18" y="T19"/>
                </a:cxn>
                <a:cxn ang="T108">
                  <a:pos x="T20" y="T21"/>
                </a:cxn>
                <a:cxn ang="T109">
                  <a:pos x="T22" y="T23"/>
                </a:cxn>
                <a:cxn ang="T110">
                  <a:pos x="T24" y="T25"/>
                </a:cxn>
                <a:cxn ang="T111">
                  <a:pos x="T26" y="T27"/>
                </a:cxn>
                <a:cxn ang="T112">
                  <a:pos x="T28" y="T29"/>
                </a:cxn>
                <a:cxn ang="T113">
                  <a:pos x="T30" y="T31"/>
                </a:cxn>
                <a:cxn ang="T114">
                  <a:pos x="T32" y="T33"/>
                </a:cxn>
                <a:cxn ang="T115">
                  <a:pos x="T34" y="T35"/>
                </a:cxn>
                <a:cxn ang="T116">
                  <a:pos x="T36" y="T37"/>
                </a:cxn>
                <a:cxn ang="T117">
                  <a:pos x="T38" y="T39"/>
                </a:cxn>
                <a:cxn ang="T118">
                  <a:pos x="T40" y="T41"/>
                </a:cxn>
                <a:cxn ang="T119">
                  <a:pos x="T42" y="T43"/>
                </a:cxn>
                <a:cxn ang="T120">
                  <a:pos x="T44" y="T45"/>
                </a:cxn>
                <a:cxn ang="T121">
                  <a:pos x="T46" y="T47"/>
                </a:cxn>
                <a:cxn ang="T122">
                  <a:pos x="T48" y="T49"/>
                </a:cxn>
                <a:cxn ang="T123">
                  <a:pos x="T50" y="T51"/>
                </a:cxn>
                <a:cxn ang="T124">
                  <a:pos x="T52" y="T53"/>
                </a:cxn>
                <a:cxn ang="T125">
                  <a:pos x="T54" y="T55"/>
                </a:cxn>
                <a:cxn ang="T126">
                  <a:pos x="T56" y="T57"/>
                </a:cxn>
                <a:cxn ang="T127">
                  <a:pos x="T58" y="T59"/>
                </a:cxn>
                <a:cxn ang="T128">
                  <a:pos x="T60" y="T61"/>
                </a:cxn>
                <a:cxn ang="T129">
                  <a:pos x="T62" y="T63"/>
                </a:cxn>
                <a:cxn ang="T130">
                  <a:pos x="T64" y="T65"/>
                </a:cxn>
                <a:cxn ang="T131">
                  <a:pos x="T66" y="T67"/>
                </a:cxn>
                <a:cxn ang="T132">
                  <a:pos x="T68" y="T69"/>
                </a:cxn>
                <a:cxn ang="T133">
                  <a:pos x="T70" y="T71"/>
                </a:cxn>
                <a:cxn ang="T134">
                  <a:pos x="T72" y="T73"/>
                </a:cxn>
                <a:cxn ang="T135">
                  <a:pos x="T74" y="T75"/>
                </a:cxn>
                <a:cxn ang="T136">
                  <a:pos x="T76" y="T77"/>
                </a:cxn>
                <a:cxn ang="T137">
                  <a:pos x="T78" y="T79"/>
                </a:cxn>
                <a:cxn ang="T138">
                  <a:pos x="T80" y="T81"/>
                </a:cxn>
                <a:cxn ang="T139">
                  <a:pos x="T82" y="T83"/>
                </a:cxn>
                <a:cxn ang="T140">
                  <a:pos x="T84" y="T85"/>
                </a:cxn>
                <a:cxn ang="T141">
                  <a:pos x="T86" y="T87"/>
                </a:cxn>
                <a:cxn ang="T142">
                  <a:pos x="T88" y="T89"/>
                </a:cxn>
                <a:cxn ang="T143">
                  <a:pos x="T90" y="T91"/>
                </a:cxn>
                <a:cxn ang="T144">
                  <a:pos x="T92" y="T93"/>
                </a:cxn>
                <a:cxn ang="T145">
                  <a:pos x="T94" y="T95"/>
                </a:cxn>
                <a:cxn ang="T146">
                  <a:pos x="T96" y="T97"/>
                </a:cxn>
              </a:cxnLst>
              <a:rect l="T147" t="T148" r="T149" b="T150"/>
              <a:pathLst>
                <a:path w="654" h="452">
                  <a:moveTo>
                    <a:pt x="68" y="321"/>
                  </a:moveTo>
                  <a:lnTo>
                    <a:pt x="95" y="318"/>
                  </a:lnTo>
                  <a:lnTo>
                    <a:pt x="136" y="284"/>
                  </a:lnTo>
                  <a:lnTo>
                    <a:pt x="176" y="284"/>
                  </a:lnTo>
                  <a:lnTo>
                    <a:pt x="183" y="273"/>
                  </a:lnTo>
                  <a:lnTo>
                    <a:pt x="213" y="273"/>
                  </a:lnTo>
                  <a:lnTo>
                    <a:pt x="232" y="291"/>
                  </a:lnTo>
                  <a:lnTo>
                    <a:pt x="276" y="310"/>
                  </a:lnTo>
                  <a:lnTo>
                    <a:pt x="315" y="315"/>
                  </a:lnTo>
                  <a:lnTo>
                    <a:pt x="326" y="337"/>
                  </a:lnTo>
                  <a:lnTo>
                    <a:pt x="380" y="371"/>
                  </a:lnTo>
                  <a:lnTo>
                    <a:pt x="402" y="371"/>
                  </a:lnTo>
                  <a:lnTo>
                    <a:pt x="408" y="417"/>
                  </a:lnTo>
                  <a:lnTo>
                    <a:pt x="406" y="428"/>
                  </a:lnTo>
                  <a:lnTo>
                    <a:pt x="419" y="439"/>
                  </a:lnTo>
                  <a:lnTo>
                    <a:pt x="439" y="439"/>
                  </a:lnTo>
                  <a:lnTo>
                    <a:pt x="454" y="452"/>
                  </a:lnTo>
                  <a:lnTo>
                    <a:pt x="476" y="451"/>
                  </a:lnTo>
                  <a:lnTo>
                    <a:pt x="491" y="440"/>
                  </a:lnTo>
                  <a:lnTo>
                    <a:pt x="499" y="425"/>
                  </a:lnTo>
                  <a:lnTo>
                    <a:pt x="494" y="415"/>
                  </a:lnTo>
                  <a:lnTo>
                    <a:pt x="522" y="411"/>
                  </a:lnTo>
                  <a:lnTo>
                    <a:pt x="559" y="389"/>
                  </a:lnTo>
                  <a:lnTo>
                    <a:pt x="567" y="347"/>
                  </a:lnTo>
                  <a:lnTo>
                    <a:pt x="576" y="335"/>
                  </a:lnTo>
                  <a:lnTo>
                    <a:pt x="603" y="335"/>
                  </a:lnTo>
                  <a:lnTo>
                    <a:pt x="606" y="324"/>
                  </a:lnTo>
                  <a:lnTo>
                    <a:pt x="613" y="320"/>
                  </a:lnTo>
                  <a:lnTo>
                    <a:pt x="637" y="330"/>
                  </a:lnTo>
                  <a:lnTo>
                    <a:pt x="647" y="329"/>
                  </a:lnTo>
                  <a:lnTo>
                    <a:pt x="647" y="303"/>
                  </a:lnTo>
                  <a:lnTo>
                    <a:pt x="654" y="291"/>
                  </a:lnTo>
                  <a:lnTo>
                    <a:pt x="649" y="286"/>
                  </a:lnTo>
                  <a:lnTo>
                    <a:pt x="620" y="271"/>
                  </a:lnTo>
                  <a:lnTo>
                    <a:pt x="600" y="274"/>
                  </a:lnTo>
                  <a:lnTo>
                    <a:pt x="561" y="237"/>
                  </a:lnTo>
                  <a:lnTo>
                    <a:pt x="533" y="228"/>
                  </a:lnTo>
                  <a:lnTo>
                    <a:pt x="510" y="205"/>
                  </a:lnTo>
                  <a:lnTo>
                    <a:pt x="469" y="182"/>
                  </a:lnTo>
                  <a:lnTo>
                    <a:pt x="459" y="163"/>
                  </a:lnTo>
                  <a:lnTo>
                    <a:pt x="456" y="142"/>
                  </a:lnTo>
                  <a:lnTo>
                    <a:pt x="442" y="127"/>
                  </a:lnTo>
                  <a:lnTo>
                    <a:pt x="436" y="101"/>
                  </a:lnTo>
                  <a:lnTo>
                    <a:pt x="420" y="90"/>
                  </a:lnTo>
                  <a:lnTo>
                    <a:pt x="406" y="101"/>
                  </a:lnTo>
                  <a:lnTo>
                    <a:pt x="352" y="88"/>
                  </a:lnTo>
                  <a:lnTo>
                    <a:pt x="349" y="83"/>
                  </a:lnTo>
                  <a:lnTo>
                    <a:pt x="351" y="63"/>
                  </a:lnTo>
                  <a:lnTo>
                    <a:pt x="355" y="61"/>
                  </a:lnTo>
                  <a:lnTo>
                    <a:pt x="346" y="52"/>
                  </a:lnTo>
                  <a:lnTo>
                    <a:pt x="344" y="33"/>
                  </a:lnTo>
                  <a:lnTo>
                    <a:pt x="315" y="29"/>
                  </a:lnTo>
                  <a:lnTo>
                    <a:pt x="283" y="0"/>
                  </a:lnTo>
                  <a:lnTo>
                    <a:pt x="276" y="8"/>
                  </a:lnTo>
                  <a:lnTo>
                    <a:pt x="262" y="12"/>
                  </a:lnTo>
                  <a:lnTo>
                    <a:pt x="275" y="29"/>
                  </a:lnTo>
                  <a:lnTo>
                    <a:pt x="258" y="19"/>
                  </a:lnTo>
                  <a:lnTo>
                    <a:pt x="250" y="22"/>
                  </a:lnTo>
                  <a:lnTo>
                    <a:pt x="249" y="33"/>
                  </a:lnTo>
                  <a:lnTo>
                    <a:pt x="222" y="39"/>
                  </a:lnTo>
                  <a:lnTo>
                    <a:pt x="208" y="55"/>
                  </a:lnTo>
                  <a:lnTo>
                    <a:pt x="205" y="59"/>
                  </a:lnTo>
                  <a:lnTo>
                    <a:pt x="213" y="92"/>
                  </a:lnTo>
                  <a:lnTo>
                    <a:pt x="207" y="97"/>
                  </a:lnTo>
                  <a:lnTo>
                    <a:pt x="163" y="90"/>
                  </a:lnTo>
                  <a:lnTo>
                    <a:pt x="151" y="93"/>
                  </a:lnTo>
                  <a:lnTo>
                    <a:pt x="128" y="88"/>
                  </a:lnTo>
                  <a:lnTo>
                    <a:pt x="102" y="39"/>
                  </a:lnTo>
                  <a:lnTo>
                    <a:pt x="78" y="25"/>
                  </a:lnTo>
                  <a:lnTo>
                    <a:pt x="26" y="39"/>
                  </a:lnTo>
                  <a:lnTo>
                    <a:pt x="0" y="61"/>
                  </a:lnTo>
                  <a:lnTo>
                    <a:pt x="4" y="78"/>
                  </a:lnTo>
                  <a:lnTo>
                    <a:pt x="17" y="101"/>
                  </a:lnTo>
                  <a:lnTo>
                    <a:pt x="13" y="69"/>
                  </a:lnTo>
                  <a:lnTo>
                    <a:pt x="21" y="61"/>
                  </a:lnTo>
                  <a:lnTo>
                    <a:pt x="49" y="49"/>
                  </a:lnTo>
                  <a:lnTo>
                    <a:pt x="61" y="50"/>
                  </a:lnTo>
                  <a:lnTo>
                    <a:pt x="75" y="78"/>
                  </a:lnTo>
                  <a:lnTo>
                    <a:pt x="106" y="106"/>
                  </a:lnTo>
                  <a:lnTo>
                    <a:pt x="95" y="122"/>
                  </a:lnTo>
                  <a:lnTo>
                    <a:pt x="83" y="126"/>
                  </a:lnTo>
                  <a:lnTo>
                    <a:pt x="92" y="132"/>
                  </a:lnTo>
                  <a:lnTo>
                    <a:pt x="85" y="135"/>
                  </a:lnTo>
                  <a:lnTo>
                    <a:pt x="29" y="127"/>
                  </a:lnTo>
                  <a:lnTo>
                    <a:pt x="19" y="109"/>
                  </a:lnTo>
                  <a:lnTo>
                    <a:pt x="21" y="132"/>
                  </a:lnTo>
                  <a:lnTo>
                    <a:pt x="13" y="154"/>
                  </a:lnTo>
                  <a:lnTo>
                    <a:pt x="19" y="180"/>
                  </a:lnTo>
                  <a:lnTo>
                    <a:pt x="44" y="169"/>
                  </a:lnTo>
                  <a:lnTo>
                    <a:pt x="61" y="174"/>
                  </a:lnTo>
                  <a:lnTo>
                    <a:pt x="66" y="185"/>
                  </a:lnTo>
                  <a:lnTo>
                    <a:pt x="52" y="176"/>
                  </a:lnTo>
                  <a:lnTo>
                    <a:pt x="44" y="185"/>
                  </a:lnTo>
                  <a:lnTo>
                    <a:pt x="66" y="196"/>
                  </a:lnTo>
                  <a:lnTo>
                    <a:pt x="43" y="211"/>
                  </a:lnTo>
                  <a:lnTo>
                    <a:pt x="73" y="232"/>
                  </a:lnTo>
                  <a:lnTo>
                    <a:pt x="63" y="262"/>
                  </a:lnTo>
                  <a:lnTo>
                    <a:pt x="68" y="32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53" name="Freeform 92"/>
            <p:cNvSpPr>
              <a:spLocks noChangeAspect="1"/>
            </p:cNvSpPr>
            <p:nvPr/>
          </p:nvSpPr>
          <p:spPr bwMode="gray">
            <a:xfrm>
              <a:off x="5991225" y="3159126"/>
              <a:ext cx="71438" cy="71438"/>
            </a:xfrm>
            <a:custGeom>
              <a:avLst/>
              <a:gdLst>
                <a:gd name="T0" fmla="*/ 2 w 144"/>
                <a:gd name="T1" fmla="*/ 3 h 149"/>
                <a:gd name="T2" fmla="*/ 2 w 144"/>
                <a:gd name="T3" fmla="*/ 3 h 149"/>
                <a:gd name="T4" fmla="*/ 3 w 144"/>
                <a:gd name="T5" fmla="*/ 3 h 149"/>
                <a:gd name="T6" fmla="*/ 3 w 144"/>
                <a:gd name="T7" fmla="*/ 3 h 149"/>
                <a:gd name="T8" fmla="*/ 4 w 144"/>
                <a:gd name="T9" fmla="*/ 3 h 149"/>
                <a:gd name="T10" fmla="*/ 4 w 144"/>
                <a:gd name="T11" fmla="*/ 4 h 149"/>
                <a:gd name="T12" fmla="*/ 4 w 144"/>
                <a:gd name="T13" fmla="*/ 4 h 149"/>
                <a:gd name="T14" fmla="*/ 4 w 144"/>
                <a:gd name="T15" fmla="*/ 4 h 149"/>
                <a:gd name="T16" fmla="*/ 4 w 144"/>
                <a:gd name="T17" fmla="*/ 4 h 149"/>
                <a:gd name="T18" fmla="*/ 4 w 144"/>
                <a:gd name="T19" fmla="*/ 3 h 149"/>
                <a:gd name="T20" fmla="*/ 4 w 144"/>
                <a:gd name="T21" fmla="*/ 3 h 149"/>
                <a:gd name="T22" fmla="*/ 4 w 144"/>
                <a:gd name="T23" fmla="*/ 3 h 149"/>
                <a:gd name="T24" fmla="*/ 4 w 144"/>
                <a:gd name="T25" fmla="*/ 3 h 149"/>
                <a:gd name="T26" fmla="*/ 4 w 144"/>
                <a:gd name="T27" fmla="*/ 3 h 149"/>
                <a:gd name="T28" fmla="*/ 3 w 144"/>
                <a:gd name="T29" fmla="*/ 2 h 149"/>
                <a:gd name="T30" fmla="*/ 3 w 144"/>
                <a:gd name="T31" fmla="*/ 2 h 149"/>
                <a:gd name="T32" fmla="*/ 3 w 144"/>
                <a:gd name="T33" fmla="*/ 2 h 149"/>
                <a:gd name="T34" fmla="*/ 3 w 144"/>
                <a:gd name="T35" fmla="*/ 2 h 149"/>
                <a:gd name="T36" fmla="*/ 3 w 144"/>
                <a:gd name="T37" fmla="*/ 1 h 149"/>
                <a:gd name="T38" fmla="*/ 3 w 144"/>
                <a:gd name="T39" fmla="*/ 1 h 149"/>
                <a:gd name="T40" fmla="*/ 3 w 144"/>
                <a:gd name="T41" fmla="*/ 1 h 149"/>
                <a:gd name="T42" fmla="*/ 2 w 144"/>
                <a:gd name="T43" fmla="*/ 0 h 149"/>
                <a:gd name="T44" fmla="*/ 0 w 144"/>
                <a:gd name="T45" fmla="*/ 0 h 149"/>
                <a:gd name="T46" fmla="*/ 0 w 144"/>
                <a:gd name="T47" fmla="*/ 1 h 149"/>
                <a:gd name="T48" fmla="*/ 0 w 144"/>
                <a:gd name="T49" fmla="*/ 1 h 149"/>
                <a:gd name="T50" fmla="*/ 1 w 144"/>
                <a:gd name="T51" fmla="*/ 2 h 149"/>
                <a:gd name="T52" fmla="*/ 1 w 144"/>
                <a:gd name="T53" fmla="*/ 2 h 149"/>
                <a:gd name="T54" fmla="*/ 2 w 144"/>
                <a:gd name="T55" fmla="*/ 2 h 149"/>
                <a:gd name="T56" fmla="*/ 2 w 144"/>
                <a:gd name="T57" fmla="*/ 3 h 149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144"/>
                <a:gd name="T88" fmla="*/ 0 h 149"/>
                <a:gd name="T89" fmla="*/ 144 w 144"/>
                <a:gd name="T90" fmla="*/ 149 h 149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144" h="149">
                  <a:moveTo>
                    <a:pt x="65" y="99"/>
                  </a:moveTo>
                  <a:lnTo>
                    <a:pt x="73" y="96"/>
                  </a:lnTo>
                  <a:lnTo>
                    <a:pt x="90" y="107"/>
                  </a:lnTo>
                  <a:lnTo>
                    <a:pt x="108" y="107"/>
                  </a:lnTo>
                  <a:lnTo>
                    <a:pt x="119" y="125"/>
                  </a:lnTo>
                  <a:lnTo>
                    <a:pt x="121" y="145"/>
                  </a:lnTo>
                  <a:lnTo>
                    <a:pt x="125" y="149"/>
                  </a:lnTo>
                  <a:lnTo>
                    <a:pt x="144" y="145"/>
                  </a:lnTo>
                  <a:lnTo>
                    <a:pt x="136" y="128"/>
                  </a:lnTo>
                  <a:lnTo>
                    <a:pt x="142" y="127"/>
                  </a:lnTo>
                  <a:lnTo>
                    <a:pt x="142" y="119"/>
                  </a:lnTo>
                  <a:lnTo>
                    <a:pt x="138" y="116"/>
                  </a:lnTo>
                  <a:lnTo>
                    <a:pt x="142" y="102"/>
                  </a:lnTo>
                  <a:lnTo>
                    <a:pt x="129" y="101"/>
                  </a:lnTo>
                  <a:lnTo>
                    <a:pt x="108" y="84"/>
                  </a:lnTo>
                  <a:lnTo>
                    <a:pt x="107" y="77"/>
                  </a:lnTo>
                  <a:lnTo>
                    <a:pt x="113" y="76"/>
                  </a:lnTo>
                  <a:lnTo>
                    <a:pt x="115" y="64"/>
                  </a:lnTo>
                  <a:lnTo>
                    <a:pt x="95" y="45"/>
                  </a:lnTo>
                  <a:lnTo>
                    <a:pt x="95" y="20"/>
                  </a:lnTo>
                  <a:lnTo>
                    <a:pt x="83" y="17"/>
                  </a:lnTo>
                  <a:lnTo>
                    <a:pt x="73" y="0"/>
                  </a:lnTo>
                  <a:lnTo>
                    <a:pt x="0" y="11"/>
                  </a:lnTo>
                  <a:lnTo>
                    <a:pt x="8" y="18"/>
                  </a:lnTo>
                  <a:lnTo>
                    <a:pt x="14" y="30"/>
                  </a:lnTo>
                  <a:lnTo>
                    <a:pt x="19" y="59"/>
                  </a:lnTo>
                  <a:lnTo>
                    <a:pt x="24" y="67"/>
                  </a:lnTo>
                  <a:lnTo>
                    <a:pt x="59" y="91"/>
                  </a:lnTo>
                  <a:lnTo>
                    <a:pt x="65" y="9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54" name="Freeform 93"/>
            <p:cNvSpPr>
              <a:spLocks noChangeAspect="1"/>
            </p:cNvSpPr>
            <p:nvPr/>
          </p:nvSpPr>
          <p:spPr bwMode="gray">
            <a:xfrm>
              <a:off x="6022975" y="3205163"/>
              <a:ext cx="28575" cy="23813"/>
            </a:xfrm>
            <a:custGeom>
              <a:avLst/>
              <a:gdLst>
                <a:gd name="T0" fmla="*/ 0 w 56"/>
                <a:gd name="T1" fmla="*/ 0 h 49"/>
                <a:gd name="T2" fmla="*/ 0 w 56"/>
                <a:gd name="T3" fmla="*/ 0 h 49"/>
                <a:gd name="T4" fmla="*/ 1 w 56"/>
                <a:gd name="T5" fmla="*/ 0 h 49"/>
                <a:gd name="T6" fmla="*/ 2 w 56"/>
                <a:gd name="T7" fmla="*/ 0 h 49"/>
                <a:gd name="T8" fmla="*/ 2 w 56"/>
                <a:gd name="T9" fmla="*/ 1 h 49"/>
                <a:gd name="T10" fmla="*/ 2 w 56"/>
                <a:gd name="T11" fmla="*/ 2 h 49"/>
                <a:gd name="T12" fmla="*/ 1 w 56"/>
                <a:gd name="T13" fmla="*/ 2 h 49"/>
                <a:gd name="T14" fmla="*/ 0 w 56"/>
                <a:gd name="T15" fmla="*/ 0 h 49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w 56"/>
                <a:gd name="T25" fmla="*/ 0 h 49"/>
                <a:gd name="T26" fmla="*/ 56 w 56"/>
                <a:gd name="T27" fmla="*/ 49 h 49"/>
              </a:gdLst>
              <a:ahLst/>
              <a:cxnLst>
                <a:cxn ang="T16">
                  <a:pos x="T0" y="T1"/>
                </a:cxn>
                <a:cxn ang="T17">
                  <a:pos x="T2" y="T3"/>
                </a:cxn>
                <a:cxn ang="T18">
                  <a:pos x="T4" y="T5"/>
                </a:cxn>
                <a:cxn ang="T19">
                  <a:pos x="T6" y="T7"/>
                </a:cxn>
                <a:cxn ang="T20">
                  <a:pos x="T8" y="T9"/>
                </a:cxn>
                <a:cxn ang="T21">
                  <a:pos x="T10" y="T11"/>
                </a:cxn>
                <a:cxn ang="T22">
                  <a:pos x="T12" y="T13"/>
                </a:cxn>
                <a:cxn ang="T23">
                  <a:pos x="T14" y="T15"/>
                </a:cxn>
              </a:cxnLst>
              <a:rect l="T24" t="T25" r="T26" b="T27"/>
              <a:pathLst>
                <a:path w="56" h="49">
                  <a:moveTo>
                    <a:pt x="0" y="3"/>
                  </a:moveTo>
                  <a:lnTo>
                    <a:pt x="8" y="0"/>
                  </a:lnTo>
                  <a:lnTo>
                    <a:pt x="25" y="11"/>
                  </a:lnTo>
                  <a:lnTo>
                    <a:pt x="43" y="11"/>
                  </a:lnTo>
                  <a:lnTo>
                    <a:pt x="54" y="29"/>
                  </a:lnTo>
                  <a:lnTo>
                    <a:pt x="56" y="49"/>
                  </a:lnTo>
                  <a:lnTo>
                    <a:pt x="31" y="48"/>
                  </a:lnTo>
                  <a:lnTo>
                    <a:pt x="0" y="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55" name="Freeform 94"/>
            <p:cNvSpPr>
              <a:spLocks noChangeAspect="1"/>
            </p:cNvSpPr>
            <p:nvPr/>
          </p:nvSpPr>
          <p:spPr bwMode="gray">
            <a:xfrm>
              <a:off x="5888038" y="3270251"/>
              <a:ext cx="222250" cy="227013"/>
            </a:xfrm>
            <a:custGeom>
              <a:avLst/>
              <a:gdLst>
                <a:gd name="T0" fmla="*/ 10 w 458"/>
                <a:gd name="T1" fmla="*/ 14 h 463"/>
                <a:gd name="T2" fmla="*/ 11 w 458"/>
                <a:gd name="T3" fmla="*/ 13 h 463"/>
                <a:gd name="T4" fmla="*/ 11 w 458"/>
                <a:gd name="T5" fmla="*/ 12 h 463"/>
                <a:gd name="T6" fmla="*/ 12 w 458"/>
                <a:gd name="T7" fmla="*/ 12 h 463"/>
                <a:gd name="T8" fmla="*/ 12 w 458"/>
                <a:gd name="T9" fmla="*/ 12 h 463"/>
                <a:gd name="T10" fmla="*/ 12 w 458"/>
                <a:gd name="T11" fmla="*/ 12 h 463"/>
                <a:gd name="T12" fmla="*/ 13 w 458"/>
                <a:gd name="T13" fmla="*/ 12 h 463"/>
                <a:gd name="T14" fmla="*/ 13 w 458"/>
                <a:gd name="T15" fmla="*/ 12 h 463"/>
                <a:gd name="T16" fmla="*/ 12 w 458"/>
                <a:gd name="T17" fmla="*/ 11 h 463"/>
                <a:gd name="T18" fmla="*/ 12 w 458"/>
                <a:gd name="T19" fmla="*/ 11 h 463"/>
                <a:gd name="T20" fmla="*/ 12 w 458"/>
                <a:gd name="T21" fmla="*/ 11 h 463"/>
                <a:gd name="T22" fmla="*/ 12 w 458"/>
                <a:gd name="T23" fmla="*/ 10 h 463"/>
                <a:gd name="T24" fmla="*/ 11 w 458"/>
                <a:gd name="T25" fmla="*/ 8 h 463"/>
                <a:gd name="T26" fmla="*/ 9 w 458"/>
                <a:gd name="T27" fmla="*/ 7 h 463"/>
                <a:gd name="T28" fmla="*/ 9 w 458"/>
                <a:gd name="T29" fmla="*/ 7 h 463"/>
                <a:gd name="T30" fmla="*/ 9 w 458"/>
                <a:gd name="T31" fmla="*/ 6 h 463"/>
                <a:gd name="T32" fmla="*/ 9 w 458"/>
                <a:gd name="T33" fmla="*/ 6 h 463"/>
                <a:gd name="T34" fmla="*/ 9 w 458"/>
                <a:gd name="T35" fmla="*/ 6 h 463"/>
                <a:gd name="T36" fmla="*/ 9 w 458"/>
                <a:gd name="T37" fmla="*/ 5 h 463"/>
                <a:gd name="T38" fmla="*/ 9 w 458"/>
                <a:gd name="T39" fmla="*/ 5 h 463"/>
                <a:gd name="T40" fmla="*/ 9 w 458"/>
                <a:gd name="T41" fmla="*/ 5 h 463"/>
                <a:gd name="T42" fmla="*/ 10 w 458"/>
                <a:gd name="T43" fmla="*/ 4 h 463"/>
                <a:gd name="T44" fmla="*/ 10 w 458"/>
                <a:gd name="T45" fmla="*/ 3 h 463"/>
                <a:gd name="T46" fmla="*/ 10 w 458"/>
                <a:gd name="T47" fmla="*/ 3 h 463"/>
                <a:gd name="T48" fmla="*/ 9 w 458"/>
                <a:gd name="T49" fmla="*/ 3 h 463"/>
                <a:gd name="T50" fmla="*/ 9 w 458"/>
                <a:gd name="T51" fmla="*/ 2 h 463"/>
                <a:gd name="T52" fmla="*/ 9 w 458"/>
                <a:gd name="T53" fmla="*/ 2 h 463"/>
                <a:gd name="T54" fmla="*/ 8 w 458"/>
                <a:gd name="T55" fmla="*/ 1 h 463"/>
                <a:gd name="T56" fmla="*/ 8 w 458"/>
                <a:gd name="T57" fmla="*/ 0 h 463"/>
                <a:gd name="T58" fmla="*/ 8 w 458"/>
                <a:gd name="T59" fmla="*/ 1 h 463"/>
                <a:gd name="T60" fmla="*/ 8 w 458"/>
                <a:gd name="T61" fmla="*/ 1 h 463"/>
                <a:gd name="T62" fmla="*/ 7 w 458"/>
                <a:gd name="T63" fmla="*/ 0 h 463"/>
                <a:gd name="T64" fmla="*/ 6 w 458"/>
                <a:gd name="T65" fmla="*/ 0 h 463"/>
                <a:gd name="T66" fmla="*/ 6 w 458"/>
                <a:gd name="T67" fmla="*/ 0 h 463"/>
                <a:gd name="T68" fmla="*/ 5 w 458"/>
                <a:gd name="T69" fmla="*/ 1 h 463"/>
                <a:gd name="T70" fmla="*/ 5 w 458"/>
                <a:gd name="T71" fmla="*/ 1 h 463"/>
                <a:gd name="T72" fmla="*/ 4 w 458"/>
                <a:gd name="T73" fmla="*/ 2 h 463"/>
                <a:gd name="T74" fmla="*/ 4 w 458"/>
                <a:gd name="T75" fmla="*/ 2 h 463"/>
                <a:gd name="T76" fmla="*/ 3 w 458"/>
                <a:gd name="T77" fmla="*/ 5 h 463"/>
                <a:gd name="T78" fmla="*/ 3 w 458"/>
                <a:gd name="T79" fmla="*/ 5 h 463"/>
                <a:gd name="T80" fmla="*/ 0 w 458"/>
                <a:gd name="T81" fmla="*/ 7 h 463"/>
                <a:gd name="T82" fmla="*/ 1 w 458"/>
                <a:gd name="T83" fmla="*/ 9 h 463"/>
                <a:gd name="T84" fmla="*/ 3 w 458"/>
                <a:gd name="T85" fmla="*/ 9 h 463"/>
                <a:gd name="T86" fmla="*/ 4 w 458"/>
                <a:gd name="T87" fmla="*/ 11 h 463"/>
                <a:gd name="T88" fmla="*/ 6 w 458"/>
                <a:gd name="T89" fmla="*/ 11 h 463"/>
                <a:gd name="T90" fmla="*/ 6 w 458"/>
                <a:gd name="T91" fmla="*/ 11 h 463"/>
                <a:gd name="T92" fmla="*/ 6 w 458"/>
                <a:gd name="T93" fmla="*/ 12 h 463"/>
                <a:gd name="T94" fmla="*/ 6 w 458"/>
                <a:gd name="T95" fmla="*/ 13 h 463"/>
                <a:gd name="T96" fmla="*/ 8 w 458"/>
                <a:gd name="T97" fmla="*/ 14 h 463"/>
                <a:gd name="T98" fmla="*/ 10 w 458"/>
                <a:gd name="T99" fmla="*/ 14 h 463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458"/>
                <a:gd name="T151" fmla="*/ 0 h 463"/>
                <a:gd name="T152" fmla="*/ 458 w 458"/>
                <a:gd name="T153" fmla="*/ 463 h 463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458" h="463">
                  <a:moveTo>
                    <a:pt x="364" y="463"/>
                  </a:moveTo>
                  <a:lnTo>
                    <a:pt x="378" y="449"/>
                  </a:lnTo>
                  <a:lnTo>
                    <a:pt x="396" y="418"/>
                  </a:lnTo>
                  <a:lnTo>
                    <a:pt x="408" y="412"/>
                  </a:lnTo>
                  <a:lnTo>
                    <a:pt x="430" y="415"/>
                  </a:lnTo>
                  <a:lnTo>
                    <a:pt x="433" y="413"/>
                  </a:lnTo>
                  <a:lnTo>
                    <a:pt x="450" y="421"/>
                  </a:lnTo>
                  <a:lnTo>
                    <a:pt x="458" y="413"/>
                  </a:lnTo>
                  <a:lnTo>
                    <a:pt x="430" y="392"/>
                  </a:lnTo>
                  <a:lnTo>
                    <a:pt x="424" y="368"/>
                  </a:lnTo>
                  <a:lnTo>
                    <a:pt x="412" y="361"/>
                  </a:lnTo>
                  <a:lnTo>
                    <a:pt x="415" y="322"/>
                  </a:lnTo>
                  <a:lnTo>
                    <a:pt x="398" y="286"/>
                  </a:lnTo>
                  <a:lnTo>
                    <a:pt x="337" y="248"/>
                  </a:lnTo>
                  <a:lnTo>
                    <a:pt x="337" y="238"/>
                  </a:lnTo>
                  <a:lnTo>
                    <a:pt x="322" y="215"/>
                  </a:lnTo>
                  <a:lnTo>
                    <a:pt x="310" y="212"/>
                  </a:lnTo>
                  <a:lnTo>
                    <a:pt x="308" y="198"/>
                  </a:lnTo>
                  <a:lnTo>
                    <a:pt x="317" y="170"/>
                  </a:lnTo>
                  <a:lnTo>
                    <a:pt x="327" y="161"/>
                  </a:lnTo>
                  <a:lnTo>
                    <a:pt x="327" y="156"/>
                  </a:lnTo>
                  <a:lnTo>
                    <a:pt x="345" y="130"/>
                  </a:lnTo>
                  <a:lnTo>
                    <a:pt x="340" y="113"/>
                  </a:lnTo>
                  <a:lnTo>
                    <a:pt x="353" y="96"/>
                  </a:lnTo>
                  <a:lnTo>
                    <a:pt x="320" y="90"/>
                  </a:lnTo>
                  <a:lnTo>
                    <a:pt x="311" y="82"/>
                  </a:lnTo>
                  <a:lnTo>
                    <a:pt x="305" y="63"/>
                  </a:lnTo>
                  <a:lnTo>
                    <a:pt x="286" y="42"/>
                  </a:lnTo>
                  <a:lnTo>
                    <a:pt x="283" y="12"/>
                  </a:lnTo>
                  <a:lnTo>
                    <a:pt x="276" y="19"/>
                  </a:lnTo>
                  <a:lnTo>
                    <a:pt x="265" y="17"/>
                  </a:lnTo>
                  <a:lnTo>
                    <a:pt x="256" y="8"/>
                  </a:lnTo>
                  <a:lnTo>
                    <a:pt x="217" y="8"/>
                  </a:lnTo>
                  <a:lnTo>
                    <a:pt x="198" y="0"/>
                  </a:lnTo>
                  <a:lnTo>
                    <a:pt x="172" y="25"/>
                  </a:lnTo>
                  <a:lnTo>
                    <a:pt x="164" y="28"/>
                  </a:lnTo>
                  <a:lnTo>
                    <a:pt x="149" y="51"/>
                  </a:lnTo>
                  <a:lnTo>
                    <a:pt x="124" y="62"/>
                  </a:lnTo>
                  <a:lnTo>
                    <a:pt x="116" y="152"/>
                  </a:lnTo>
                  <a:lnTo>
                    <a:pt x="110" y="173"/>
                  </a:lnTo>
                  <a:lnTo>
                    <a:pt x="0" y="238"/>
                  </a:lnTo>
                  <a:lnTo>
                    <a:pt x="20" y="299"/>
                  </a:lnTo>
                  <a:lnTo>
                    <a:pt x="90" y="317"/>
                  </a:lnTo>
                  <a:lnTo>
                    <a:pt x="142" y="356"/>
                  </a:lnTo>
                  <a:lnTo>
                    <a:pt x="190" y="373"/>
                  </a:lnTo>
                  <a:lnTo>
                    <a:pt x="201" y="393"/>
                  </a:lnTo>
                  <a:lnTo>
                    <a:pt x="226" y="395"/>
                  </a:lnTo>
                  <a:lnTo>
                    <a:pt x="229" y="432"/>
                  </a:lnTo>
                  <a:lnTo>
                    <a:pt x="281" y="458"/>
                  </a:lnTo>
                  <a:lnTo>
                    <a:pt x="364" y="46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56" name="Freeform 95"/>
            <p:cNvSpPr>
              <a:spLocks noChangeAspect="1"/>
            </p:cNvSpPr>
            <p:nvPr/>
          </p:nvSpPr>
          <p:spPr bwMode="gray">
            <a:xfrm>
              <a:off x="6064250" y="3471863"/>
              <a:ext cx="41275" cy="38100"/>
            </a:xfrm>
            <a:custGeom>
              <a:avLst/>
              <a:gdLst>
                <a:gd name="T0" fmla="*/ 3 w 82"/>
                <a:gd name="T1" fmla="*/ 2 h 80"/>
                <a:gd name="T2" fmla="*/ 2 w 82"/>
                <a:gd name="T3" fmla="*/ 1 h 80"/>
                <a:gd name="T4" fmla="*/ 2 w 82"/>
                <a:gd name="T5" fmla="*/ 1 h 80"/>
                <a:gd name="T6" fmla="*/ 3 w 82"/>
                <a:gd name="T7" fmla="*/ 1 h 80"/>
                <a:gd name="T8" fmla="*/ 2 w 82"/>
                <a:gd name="T9" fmla="*/ 0 h 80"/>
                <a:gd name="T10" fmla="*/ 1 w 82"/>
                <a:gd name="T11" fmla="*/ 0 h 80"/>
                <a:gd name="T12" fmla="*/ 1 w 82"/>
                <a:gd name="T13" fmla="*/ 0 h 80"/>
                <a:gd name="T14" fmla="*/ 0 w 82"/>
                <a:gd name="T15" fmla="*/ 1 h 80"/>
                <a:gd name="T16" fmla="*/ 0 w 82"/>
                <a:gd name="T17" fmla="*/ 1 h 80"/>
                <a:gd name="T18" fmla="*/ 1 w 82"/>
                <a:gd name="T19" fmla="*/ 2 h 80"/>
                <a:gd name="T20" fmla="*/ 2 w 82"/>
                <a:gd name="T21" fmla="*/ 2 h 80"/>
                <a:gd name="T22" fmla="*/ 3 w 82"/>
                <a:gd name="T23" fmla="*/ 2 h 80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82"/>
                <a:gd name="T37" fmla="*/ 0 h 80"/>
                <a:gd name="T38" fmla="*/ 82 w 82"/>
                <a:gd name="T39" fmla="*/ 80 h 80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82" h="80">
                  <a:moveTo>
                    <a:pt x="82" y="80"/>
                  </a:moveTo>
                  <a:lnTo>
                    <a:pt x="68" y="44"/>
                  </a:lnTo>
                  <a:lnTo>
                    <a:pt x="52" y="39"/>
                  </a:lnTo>
                  <a:lnTo>
                    <a:pt x="78" y="22"/>
                  </a:lnTo>
                  <a:lnTo>
                    <a:pt x="66" y="3"/>
                  </a:lnTo>
                  <a:lnTo>
                    <a:pt x="44" y="0"/>
                  </a:lnTo>
                  <a:lnTo>
                    <a:pt x="32" y="6"/>
                  </a:lnTo>
                  <a:lnTo>
                    <a:pt x="14" y="37"/>
                  </a:lnTo>
                  <a:lnTo>
                    <a:pt x="0" y="51"/>
                  </a:lnTo>
                  <a:lnTo>
                    <a:pt x="40" y="61"/>
                  </a:lnTo>
                  <a:lnTo>
                    <a:pt x="52" y="80"/>
                  </a:lnTo>
                  <a:lnTo>
                    <a:pt x="82" y="8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57" name="Freeform 96"/>
            <p:cNvSpPr>
              <a:spLocks noChangeAspect="1"/>
            </p:cNvSpPr>
            <p:nvPr/>
          </p:nvSpPr>
          <p:spPr bwMode="gray">
            <a:xfrm>
              <a:off x="6278563" y="3568701"/>
              <a:ext cx="7938" cy="14288"/>
            </a:xfrm>
            <a:custGeom>
              <a:avLst/>
              <a:gdLst>
                <a:gd name="T0" fmla="*/ 0 w 17"/>
                <a:gd name="T1" fmla="*/ 1 h 31"/>
                <a:gd name="T2" fmla="*/ 0 w 17"/>
                <a:gd name="T3" fmla="*/ 1 h 31"/>
                <a:gd name="T4" fmla="*/ 0 w 17"/>
                <a:gd name="T5" fmla="*/ 0 h 31"/>
                <a:gd name="T6" fmla="*/ 0 w 17"/>
                <a:gd name="T7" fmla="*/ 0 h 31"/>
                <a:gd name="T8" fmla="*/ 0 w 17"/>
                <a:gd name="T9" fmla="*/ 0 h 31"/>
                <a:gd name="T10" fmla="*/ 0 w 17"/>
                <a:gd name="T11" fmla="*/ 1 h 31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17"/>
                <a:gd name="T19" fmla="*/ 0 h 31"/>
                <a:gd name="T20" fmla="*/ 17 w 17"/>
                <a:gd name="T21" fmla="*/ 31 h 31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17" h="31">
                  <a:moveTo>
                    <a:pt x="9" y="31"/>
                  </a:moveTo>
                  <a:lnTo>
                    <a:pt x="1" y="29"/>
                  </a:lnTo>
                  <a:lnTo>
                    <a:pt x="0" y="10"/>
                  </a:lnTo>
                  <a:lnTo>
                    <a:pt x="6" y="1"/>
                  </a:lnTo>
                  <a:lnTo>
                    <a:pt x="17" y="0"/>
                  </a:lnTo>
                  <a:lnTo>
                    <a:pt x="9" y="3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58" name="Freeform 97"/>
            <p:cNvSpPr>
              <a:spLocks noChangeAspect="1"/>
            </p:cNvSpPr>
            <p:nvPr/>
          </p:nvSpPr>
          <p:spPr bwMode="gray">
            <a:xfrm>
              <a:off x="6159500" y="3570288"/>
              <a:ext cx="17463" cy="41275"/>
            </a:xfrm>
            <a:custGeom>
              <a:avLst/>
              <a:gdLst>
                <a:gd name="T0" fmla="*/ 0 w 37"/>
                <a:gd name="T1" fmla="*/ 3 h 82"/>
                <a:gd name="T2" fmla="*/ 1 w 37"/>
                <a:gd name="T3" fmla="*/ 3 h 82"/>
                <a:gd name="T4" fmla="*/ 1 w 37"/>
                <a:gd name="T5" fmla="*/ 2 h 82"/>
                <a:gd name="T6" fmla="*/ 1 w 37"/>
                <a:gd name="T7" fmla="*/ 1 h 82"/>
                <a:gd name="T8" fmla="*/ 1 w 37"/>
                <a:gd name="T9" fmla="*/ 0 h 82"/>
                <a:gd name="T10" fmla="*/ 1 w 37"/>
                <a:gd name="T11" fmla="*/ 0 h 82"/>
                <a:gd name="T12" fmla="*/ 0 w 37"/>
                <a:gd name="T13" fmla="*/ 1 h 82"/>
                <a:gd name="T14" fmla="*/ 0 w 37"/>
                <a:gd name="T15" fmla="*/ 2 h 82"/>
                <a:gd name="T16" fmla="*/ 0 w 37"/>
                <a:gd name="T17" fmla="*/ 3 h 82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37"/>
                <a:gd name="T28" fmla="*/ 0 h 82"/>
                <a:gd name="T29" fmla="*/ 37 w 37"/>
                <a:gd name="T30" fmla="*/ 82 h 82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37" h="82">
                  <a:moveTo>
                    <a:pt x="12" y="82"/>
                  </a:moveTo>
                  <a:lnTo>
                    <a:pt x="29" y="76"/>
                  </a:lnTo>
                  <a:lnTo>
                    <a:pt x="36" y="59"/>
                  </a:lnTo>
                  <a:lnTo>
                    <a:pt x="32" y="34"/>
                  </a:lnTo>
                  <a:lnTo>
                    <a:pt x="37" y="12"/>
                  </a:lnTo>
                  <a:lnTo>
                    <a:pt x="19" y="0"/>
                  </a:lnTo>
                  <a:lnTo>
                    <a:pt x="0" y="34"/>
                  </a:lnTo>
                  <a:lnTo>
                    <a:pt x="0" y="70"/>
                  </a:lnTo>
                  <a:lnTo>
                    <a:pt x="12" y="8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59" name="Freeform 98"/>
            <p:cNvSpPr>
              <a:spLocks noChangeAspect="1"/>
            </p:cNvSpPr>
            <p:nvPr/>
          </p:nvSpPr>
          <p:spPr bwMode="gray">
            <a:xfrm>
              <a:off x="5800725" y="3387726"/>
              <a:ext cx="96838" cy="106363"/>
            </a:xfrm>
            <a:custGeom>
              <a:avLst/>
              <a:gdLst>
                <a:gd name="T0" fmla="*/ 0 w 199"/>
                <a:gd name="T1" fmla="*/ 6 h 223"/>
                <a:gd name="T2" fmla="*/ 0 w 199"/>
                <a:gd name="T3" fmla="*/ 6 h 223"/>
                <a:gd name="T4" fmla="*/ 2 w 199"/>
                <a:gd name="T5" fmla="*/ 6 h 223"/>
                <a:gd name="T6" fmla="*/ 2 w 199"/>
                <a:gd name="T7" fmla="*/ 6 h 223"/>
                <a:gd name="T8" fmla="*/ 2 w 199"/>
                <a:gd name="T9" fmla="*/ 5 h 223"/>
                <a:gd name="T10" fmla="*/ 3 w 199"/>
                <a:gd name="T11" fmla="*/ 5 h 223"/>
                <a:gd name="T12" fmla="*/ 4 w 199"/>
                <a:gd name="T13" fmla="*/ 4 h 223"/>
                <a:gd name="T14" fmla="*/ 4 w 199"/>
                <a:gd name="T15" fmla="*/ 4 h 223"/>
                <a:gd name="T16" fmla="*/ 3 w 199"/>
                <a:gd name="T17" fmla="*/ 3 h 223"/>
                <a:gd name="T18" fmla="*/ 5 w 199"/>
                <a:gd name="T19" fmla="*/ 2 h 223"/>
                <a:gd name="T20" fmla="*/ 6 w 199"/>
                <a:gd name="T21" fmla="*/ 2 h 223"/>
                <a:gd name="T22" fmla="*/ 5 w 199"/>
                <a:gd name="T23" fmla="*/ 0 h 223"/>
                <a:gd name="T24" fmla="*/ 2 w 199"/>
                <a:gd name="T25" fmla="*/ 2 h 223"/>
                <a:gd name="T26" fmla="*/ 2 w 199"/>
                <a:gd name="T27" fmla="*/ 2 h 223"/>
                <a:gd name="T28" fmla="*/ 1 w 199"/>
                <a:gd name="T29" fmla="*/ 1 h 223"/>
                <a:gd name="T30" fmla="*/ 1 w 199"/>
                <a:gd name="T31" fmla="*/ 1 h 223"/>
                <a:gd name="T32" fmla="*/ 1 w 199"/>
                <a:gd name="T33" fmla="*/ 2 h 223"/>
                <a:gd name="T34" fmla="*/ 1 w 199"/>
                <a:gd name="T35" fmla="*/ 1 h 223"/>
                <a:gd name="T36" fmla="*/ 0 w 199"/>
                <a:gd name="T37" fmla="*/ 1 h 223"/>
                <a:gd name="T38" fmla="*/ 0 w 199"/>
                <a:gd name="T39" fmla="*/ 2 h 223"/>
                <a:gd name="T40" fmla="*/ 0 w 199"/>
                <a:gd name="T41" fmla="*/ 2 h 223"/>
                <a:gd name="T42" fmla="*/ 1 w 199"/>
                <a:gd name="T43" fmla="*/ 2 h 223"/>
                <a:gd name="T44" fmla="*/ 0 w 199"/>
                <a:gd name="T45" fmla="*/ 2 h 223"/>
                <a:gd name="T46" fmla="*/ 0 w 199"/>
                <a:gd name="T47" fmla="*/ 3 h 223"/>
                <a:gd name="T48" fmla="*/ 0 w 199"/>
                <a:gd name="T49" fmla="*/ 3 h 223"/>
                <a:gd name="T50" fmla="*/ 1 w 199"/>
                <a:gd name="T51" fmla="*/ 3 h 223"/>
                <a:gd name="T52" fmla="*/ 1 w 199"/>
                <a:gd name="T53" fmla="*/ 3 h 223"/>
                <a:gd name="T54" fmla="*/ 1 w 199"/>
                <a:gd name="T55" fmla="*/ 3 h 223"/>
                <a:gd name="T56" fmla="*/ 0 w 199"/>
                <a:gd name="T57" fmla="*/ 4 h 223"/>
                <a:gd name="T58" fmla="*/ 0 w 199"/>
                <a:gd name="T59" fmla="*/ 6 h 223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99"/>
                <a:gd name="T91" fmla="*/ 0 h 223"/>
                <a:gd name="T92" fmla="*/ 199 w 199"/>
                <a:gd name="T93" fmla="*/ 223 h 223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99" h="223">
                  <a:moveTo>
                    <a:pt x="4" y="209"/>
                  </a:moveTo>
                  <a:lnTo>
                    <a:pt x="6" y="217"/>
                  </a:lnTo>
                  <a:lnTo>
                    <a:pt x="59" y="223"/>
                  </a:lnTo>
                  <a:lnTo>
                    <a:pt x="72" y="208"/>
                  </a:lnTo>
                  <a:lnTo>
                    <a:pt x="86" y="184"/>
                  </a:lnTo>
                  <a:lnTo>
                    <a:pt x="122" y="180"/>
                  </a:lnTo>
                  <a:lnTo>
                    <a:pt x="127" y="157"/>
                  </a:lnTo>
                  <a:lnTo>
                    <a:pt x="147" y="146"/>
                  </a:lnTo>
                  <a:lnTo>
                    <a:pt x="96" y="95"/>
                  </a:lnTo>
                  <a:lnTo>
                    <a:pt x="184" y="76"/>
                  </a:lnTo>
                  <a:lnTo>
                    <a:pt x="199" y="61"/>
                  </a:lnTo>
                  <a:lnTo>
                    <a:pt x="179" y="0"/>
                  </a:lnTo>
                  <a:lnTo>
                    <a:pt x="77" y="54"/>
                  </a:lnTo>
                  <a:lnTo>
                    <a:pt x="63" y="50"/>
                  </a:lnTo>
                  <a:lnTo>
                    <a:pt x="45" y="31"/>
                  </a:lnTo>
                  <a:lnTo>
                    <a:pt x="32" y="33"/>
                  </a:lnTo>
                  <a:lnTo>
                    <a:pt x="32" y="50"/>
                  </a:lnTo>
                  <a:lnTo>
                    <a:pt x="25" y="42"/>
                  </a:lnTo>
                  <a:lnTo>
                    <a:pt x="13" y="42"/>
                  </a:lnTo>
                  <a:lnTo>
                    <a:pt x="3" y="59"/>
                  </a:lnTo>
                  <a:lnTo>
                    <a:pt x="4" y="79"/>
                  </a:lnTo>
                  <a:lnTo>
                    <a:pt x="17" y="82"/>
                  </a:lnTo>
                  <a:lnTo>
                    <a:pt x="6" y="86"/>
                  </a:lnTo>
                  <a:lnTo>
                    <a:pt x="0" y="104"/>
                  </a:lnTo>
                  <a:lnTo>
                    <a:pt x="3" y="108"/>
                  </a:lnTo>
                  <a:lnTo>
                    <a:pt x="21" y="98"/>
                  </a:lnTo>
                  <a:lnTo>
                    <a:pt x="26" y="101"/>
                  </a:lnTo>
                  <a:lnTo>
                    <a:pt x="26" y="121"/>
                  </a:lnTo>
                  <a:lnTo>
                    <a:pt x="13" y="150"/>
                  </a:lnTo>
                  <a:lnTo>
                    <a:pt x="4" y="20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60" name="Freeform 99"/>
            <p:cNvSpPr>
              <a:spLocks noChangeAspect="1"/>
            </p:cNvSpPr>
            <p:nvPr/>
          </p:nvSpPr>
          <p:spPr bwMode="gray">
            <a:xfrm>
              <a:off x="5815013" y="3273426"/>
              <a:ext cx="155575" cy="139700"/>
            </a:xfrm>
            <a:custGeom>
              <a:avLst/>
              <a:gdLst>
                <a:gd name="T0" fmla="*/ 9 w 319"/>
                <a:gd name="T1" fmla="*/ 1 h 283"/>
                <a:gd name="T2" fmla="*/ 9 w 319"/>
                <a:gd name="T3" fmla="*/ 0 h 283"/>
                <a:gd name="T4" fmla="*/ 9 w 319"/>
                <a:gd name="T5" fmla="*/ 0 h 283"/>
                <a:gd name="T6" fmla="*/ 8 w 319"/>
                <a:gd name="T7" fmla="*/ 0 h 283"/>
                <a:gd name="T8" fmla="*/ 7 w 319"/>
                <a:gd name="T9" fmla="*/ 0 h 283"/>
                <a:gd name="T10" fmla="*/ 5 w 319"/>
                <a:gd name="T11" fmla="*/ 1 h 283"/>
                <a:gd name="T12" fmla="*/ 4 w 319"/>
                <a:gd name="T13" fmla="*/ 1 h 283"/>
                <a:gd name="T14" fmla="*/ 4 w 319"/>
                <a:gd name="T15" fmla="*/ 1 h 283"/>
                <a:gd name="T16" fmla="*/ 3 w 319"/>
                <a:gd name="T17" fmla="*/ 1 h 283"/>
                <a:gd name="T18" fmla="*/ 2 w 319"/>
                <a:gd name="T19" fmla="*/ 1 h 283"/>
                <a:gd name="T20" fmla="*/ 2 w 319"/>
                <a:gd name="T21" fmla="*/ 1 h 283"/>
                <a:gd name="T22" fmla="*/ 2 w 319"/>
                <a:gd name="T23" fmla="*/ 1 h 283"/>
                <a:gd name="T24" fmla="*/ 2 w 319"/>
                <a:gd name="T25" fmla="*/ 2 h 283"/>
                <a:gd name="T26" fmla="*/ 2 w 319"/>
                <a:gd name="T27" fmla="*/ 2 h 283"/>
                <a:gd name="T28" fmla="*/ 1 w 319"/>
                <a:gd name="T29" fmla="*/ 2 h 283"/>
                <a:gd name="T30" fmla="*/ 1 w 319"/>
                <a:gd name="T31" fmla="*/ 2 h 283"/>
                <a:gd name="T32" fmla="*/ 1 w 319"/>
                <a:gd name="T33" fmla="*/ 2 h 283"/>
                <a:gd name="T34" fmla="*/ 1 w 319"/>
                <a:gd name="T35" fmla="*/ 3 h 283"/>
                <a:gd name="T36" fmla="*/ 1 w 319"/>
                <a:gd name="T37" fmla="*/ 3 h 283"/>
                <a:gd name="T38" fmla="*/ 1 w 319"/>
                <a:gd name="T39" fmla="*/ 3 h 283"/>
                <a:gd name="T40" fmla="*/ 1 w 319"/>
                <a:gd name="T41" fmla="*/ 3 h 283"/>
                <a:gd name="T42" fmla="*/ 1 w 319"/>
                <a:gd name="T43" fmla="*/ 5 h 283"/>
                <a:gd name="T44" fmla="*/ 1 w 319"/>
                <a:gd name="T45" fmla="*/ 5 h 283"/>
                <a:gd name="T46" fmla="*/ 1 w 319"/>
                <a:gd name="T47" fmla="*/ 5 h 283"/>
                <a:gd name="T48" fmla="*/ 2 w 319"/>
                <a:gd name="T49" fmla="*/ 5 h 283"/>
                <a:gd name="T50" fmla="*/ 2 w 319"/>
                <a:gd name="T51" fmla="*/ 5 h 283"/>
                <a:gd name="T52" fmla="*/ 1 w 319"/>
                <a:gd name="T53" fmla="*/ 6 h 283"/>
                <a:gd name="T54" fmla="*/ 1 w 319"/>
                <a:gd name="T55" fmla="*/ 6 h 283"/>
                <a:gd name="T56" fmla="*/ 1 w 319"/>
                <a:gd name="T57" fmla="*/ 6 h 283"/>
                <a:gd name="T58" fmla="*/ 1 w 319"/>
                <a:gd name="T59" fmla="*/ 7 h 283"/>
                <a:gd name="T60" fmla="*/ 1 w 319"/>
                <a:gd name="T61" fmla="*/ 7 h 283"/>
                <a:gd name="T62" fmla="*/ 0 w 319"/>
                <a:gd name="T63" fmla="*/ 7 h 283"/>
                <a:gd name="T64" fmla="*/ 0 w 319"/>
                <a:gd name="T65" fmla="*/ 8 h 283"/>
                <a:gd name="T66" fmla="*/ 0 w 319"/>
                <a:gd name="T67" fmla="*/ 8 h 283"/>
                <a:gd name="T68" fmla="*/ 1 w 319"/>
                <a:gd name="T69" fmla="*/ 8 h 283"/>
                <a:gd name="T70" fmla="*/ 1 w 319"/>
                <a:gd name="T71" fmla="*/ 8 h 283"/>
                <a:gd name="T72" fmla="*/ 4 w 319"/>
                <a:gd name="T73" fmla="*/ 7 h 283"/>
                <a:gd name="T74" fmla="*/ 7 w 319"/>
                <a:gd name="T75" fmla="*/ 5 h 283"/>
                <a:gd name="T76" fmla="*/ 8 w 319"/>
                <a:gd name="T77" fmla="*/ 4 h 283"/>
                <a:gd name="T78" fmla="*/ 8 w 319"/>
                <a:gd name="T79" fmla="*/ 2 h 283"/>
                <a:gd name="T80" fmla="*/ 9 w 319"/>
                <a:gd name="T81" fmla="*/ 1 h 283"/>
                <a:gd name="T82" fmla="*/ 9 w 319"/>
                <a:gd name="T83" fmla="*/ 1 h 283"/>
                <a:gd name="T84" fmla="*/ 9 w 319"/>
                <a:gd name="T85" fmla="*/ 1 h 283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w 319"/>
                <a:gd name="T130" fmla="*/ 0 h 283"/>
                <a:gd name="T131" fmla="*/ 319 w 319"/>
                <a:gd name="T132" fmla="*/ 283 h 283"/>
              </a:gdLst>
              <a:ahLst/>
              <a:cxnLst>
                <a:cxn ang="T86">
                  <a:pos x="T0" y="T1"/>
                </a:cxn>
                <a:cxn ang="T87">
                  <a:pos x="T2" y="T3"/>
                </a:cxn>
                <a:cxn ang="T88">
                  <a:pos x="T4" y="T5"/>
                </a:cxn>
                <a:cxn ang="T89">
                  <a:pos x="T6" y="T7"/>
                </a:cxn>
                <a:cxn ang="T90">
                  <a:pos x="T8" y="T9"/>
                </a:cxn>
                <a:cxn ang="T91">
                  <a:pos x="T10" y="T11"/>
                </a:cxn>
                <a:cxn ang="T92">
                  <a:pos x="T12" y="T13"/>
                </a:cxn>
                <a:cxn ang="T93">
                  <a:pos x="T14" y="T15"/>
                </a:cxn>
                <a:cxn ang="T94">
                  <a:pos x="T16" y="T17"/>
                </a:cxn>
                <a:cxn ang="T95">
                  <a:pos x="T18" y="T19"/>
                </a:cxn>
                <a:cxn ang="T96">
                  <a:pos x="T20" y="T21"/>
                </a:cxn>
                <a:cxn ang="T97">
                  <a:pos x="T22" y="T23"/>
                </a:cxn>
                <a:cxn ang="T98">
                  <a:pos x="T24" y="T25"/>
                </a:cxn>
                <a:cxn ang="T99">
                  <a:pos x="T26" y="T27"/>
                </a:cxn>
                <a:cxn ang="T100">
                  <a:pos x="T28" y="T29"/>
                </a:cxn>
                <a:cxn ang="T101">
                  <a:pos x="T30" y="T31"/>
                </a:cxn>
                <a:cxn ang="T102">
                  <a:pos x="T32" y="T33"/>
                </a:cxn>
                <a:cxn ang="T103">
                  <a:pos x="T34" y="T35"/>
                </a:cxn>
                <a:cxn ang="T104">
                  <a:pos x="T36" y="T37"/>
                </a:cxn>
                <a:cxn ang="T105">
                  <a:pos x="T38" y="T39"/>
                </a:cxn>
                <a:cxn ang="T106">
                  <a:pos x="T40" y="T41"/>
                </a:cxn>
                <a:cxn ang="T107">
                  <a:pos x="T42" y="T43"/>
                </a:cxn>
                <a:cxn ang="T108">
                  <a:pos x="T44" y="T45"/>
                </a:cxn>
                <a:cxn ang="T109">
                  <a:pos x="T46" y="T47"/>
                </a:cxn>
                <a:cxn ang="T110">
                  <a:pos x="T48" y="T49"/>
                </a:cxn>
                <a:cxn ang="T111">
                  <a:pos x="T50" y="T51"/>
                </a:cxn>
                <a:cxn ang="T112">
                  <a:pos x="T52" y="T53"/>
                </a:cxn>
                <a:cxn ang="T113">
                  <a:pos x="T54" y="T55"/>
                </a:cxn>
                <a:cxn ang="T114">
                  <a:pos x="T56" y="T57"/>
                </a:cxn>
                <a:cxn ang="T115">
                  <a:pos x="T58" y="T59"/>
                </a:cxn>
                <a:cxn ang="T116">
                  <a:pos x="T60" y="T61"/>
                </a:cxn>
                <a:cxn ang="T117">
                  <a:pos x="T62" y="T63"/>
                </a:cxn>
                <a:cxn ang="T118">
                  <a:pos x="T64" y="T65"/>
                </a:cxn>
                <a:cxn ang="T119">
                  <a:pos x="T66" y="T67"/>
                </a:cxn>
                <a:cxn ang="T120">
                  <a:pos x="T68" y="T69"/>
                </a:cxn>
                <a:cxn ang="T121">
                  <a:pos x="T70" y="T71"/>
                </a:cxn>
                <a:cxn ang="T122">
                  <a:pos x="T72" y="T73"/>
                </a:cxn>
                <a:cxn ang="T123">
                  <a:pos x="T74" y="T75"/>
                </a:cxn>
                <a:cxn ang="T124">
                  <a:pos x="T76" y="T77"/>
                </a:cxn>
                <a:cxn ang="T125">
                  <a:pos x="T78" y="T79"/>
                </a:cxn>
                <a:cxn ang="T126">
                  <a:pos x="T80" y="T81"/>
                </a:cxn>
                <a:cxn ang="T127">
                  <a:pos x="T82" y="T83"/>
                </a:cxn>
                <a:cxn ang="T128">
                  <a:pos x="T84" y="T85"/>
                </a:cxn>
              </a:cxnLst>
              <a:rect l="T129" t="T130" r="T131" b="T132"/>
              <a:pathLst>
                <a:path w="319" h="283">
                  <a:moveTo>
                    <a:pt x="319" y="16"/>
                  </a:moveTo>
                  <a:lnTo>
                    <a:pt x="316" y="10"/>
                  </a:lnTo>
                  <a:lnTo>
                    <a:pt x="311" y="0"/>
                  </a:lnTo>
                  <a:lnTo>
                    <a:pt x="289" y="14"/>
                  </a:lnTo>
                  <a:lnTo>
                    <a:pt x="243" y="12"/>
                  </a:lnTo>
                  <a:lnTo>
                    <a:pt x="172" y="39"/>
                  </a:lnTo>
                  <a:lnTo>
                    <a:pt x="150" y="34"/>
                  </a:lnTo>
                  <a:lnTo>
                    <a:pt x="133" y="24"/>
                  </a:lnTo>
                  <a:lnTo>
                    <a:pt x="93" y="39"/>
                  </a:lnTo>
                  <a:lnTo>
                    <a:pt x="74" y="39"/>
                  </a:lnTo>
                  <a:lnTo>
                    <a:pt x="73" y="34"/>
                  </a:lnTo>
                  <a:lnTo>
                    <a:pt x="56" y="28"/>
                  </a:lnTo>
                  <a:lnTo>
                    <a:pt x="48" y="50"/>
                  </a:lnTo>
                  <a:lnTo>
                    <a:pt x="57" y="62"/>
                  </a:lnTo>
                  <a:lnTo>
                    <a:pt x="42" y="67"/>
                  </a:lnTo>
                  <a:lnTo>
                    <a:pt x="42" y="76"/>
                  </a:lnTo>
                  <a:lnTo>
                    <a:pt x="31" y="87"/>
                  </a:lnTo>
                  <a:lnTo>
                    <a:pt x="28" y="93"/>
                  </a:lnTo>
                  <a:lnTo>
                    <a:pt x="20" y="90"/>
                  </a:lnTo>
                  <a:lnTo>
                    <a:pt x="17" y="102"/>
                  </a:lnTo>
                  <a:lnTo>
                    <a:pt x="23" y="115"/>
                  </a:lnTo>
                  <a:lnTo>
                    <a:pt x="23" y="151"/>
                  </a:lnTo>
                  <a:lnTo>
                    <a:pt x="47" y="151"/>
                  </a:lnTo>
                  <a:lnTo>
                    <a:pt x="42" y="160"/>
                  </a:lnTo>
                  <a:lnTo>
                    <a:pt x="53" y="164"/>
                  </a:lnTo>
                  <a:lnTo>
                    <a:pt x="56" y="178"/>
                  </a:lnTo>
                  <a:lnTo>
                    <a:pt x="39" y="192"/>
                  </a:lnTo>
                  <a:lnTo>
                    <a:pt x="42" y="200"/>
                  </a:lnTo>
                  <a:lnTo>
                    <a:pt x="25" y="200"/>
                  </a:lnTo>
                  <a:lnTo>
                    <a:pt x="20" y="211"/>
                  </a:lnTo>
                  <a:lnTo>
                    <a:pt x="25" y="217"/>
                  </a:lnTo>
                  <a:lnTo>
                    <a:pt x="3" y="234"/>
                  </a:lnTo>
                  <a:lnTo>
                    <a:pt x="0" y="262"/>
                  </a:lnTo>
                  <a:lnTo>
                    <a:pt x="13" y="260"/>
                  </a:lnTo>
                  <a:lnTo>
                    <a:pt x="31" y="279"/>
                  </a:lnTo>
                  <a:lnTo>
                    <a:pt x="45" y="283"/>
                  </a:lnTo>
                  <a:lnTo>
                    <a:pt x="147" y="229"/>
                  </a:lnTo>
                  <a:lnTo>
                    <a:pt x="257" y="164"/>
                  </a:lnTo>
                  <a:lnTo>
                    <a:pt x="263" y="143"/>
                  </a:lnTo>
                  <a:lnTo>
                    <a:pt x="271" y="53"/>
                  </a:lnTo>
                  <a:lnTo>
                    <a:pt x="296" y="42"/>
                  </a:lnTo>
                  <a:lnTo>
                    <a:pt x="311" y="19"/>
                  </a:lnTo>
                  <a:lnTo>
                    <a:pt x="319" y="1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61" name="Freeform 100"/>
            <p:cNvSpPr>
              <a:spLocks noChangeAspect="1"/>
            </p:cNvSpPr>
            <p:nvPr/>
          </p:nvSpPr>
          <p:spPr bwMode="gray">
            <a:xfrm>
              <a:off x="5803900" y="3348038"/>
              <a:ext cx="39688" cy="46038"/>
            </a:xfrm>
            <a:custGeom>
              <a:avLst/>
              <a:gdLst>
                <a:gd name="T0" fmla="*/ 0 w 80"/>
                <a:gd name="T1" fmla="*/ 3 h 91"/>
                <a:gd name="T2" fmla="*/ 1 w 80"/>
                <a:gd name="T3" fmla="*/ 1 h 91"/>
                <a:gd name="T4" fmla="*/ 2 w 80"/>
                <a:gd name="T5" fmla="*/ 0 h 91"/>
                <a:gd name="T6" fmla="*/ 2 w 80"/>
                <a:gd name="T7" fmla="*/ 0 h 91"/>
                <a:gd name="T8" fmla="*/ 2 w 80"/>
                <a:gd name="T9" fmla="*/ 0 h 91"/>
                <a:gd name="T10" fmla="*/ 2 w 80"/>
                <a:gd name="T11" fmla="*/ 0 h 91"/>
                <a:gd name="T12" fmla="*/ 2 w 80"/>
                <a:gd name="T13" fmla="*/ 0 h 91"/>
                <a:gd name="T14" fmla="*/ 3 w 80"/>
                <a:gd name="T15" fmla="*/ 1 h 91"/>
                <a:gd name="T16" fmla="*/ 2 w 80"/>
                <a:gd name="T17" fmla="*/ 1 h 91"/>
                <a:gd name="T18" fmla="*/ 2 w 80"/>
                <a:gd name="T19" fmla="*/ 2 h 91"/>
                <a:gd name="T20" fmla="*/ 2 w 80"/>
                <a:gd name="T21" fmla="*/ 2 h 91"/>
                <a:gd name="T22" fmla="*/ 1 w 80"/>
                <a:gd name="T23" fmla="*/ 2 h 91"/>
                <a:gd name="T24" fmla="*/ 2 w 80"/>
                <a:gd name="T25" fmla="*/ 2 h 91"/>
                <a:gd name="T26" fmla="*/ 1 w 80"/>
                <a:gd name="T27" fmla="*/ 3 h 91"/>
                <a:gd name="T28" fmla="*/ 1 w 80"/>
                <a:gd name="T29" fmla="*/ 3 h 91"/>
                <a:gd name="T30" fmla="*/ 1 w 80"/>
                <a:gd name="T31" fmla="*/ 3 h 91"/>
                <a:gd name="T32" fmla="*/ 0 w 80"/>
                <a:gd name="T33" fmla="*/ 3 h 91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80"/>
                <a:gd name="T52" fmla="*/ 0 h 91"/>
                <a:gd name="T53" fmla="*/ 80 w 80"/>
                <a:gd name="T54" fmla="*/ 91 h 91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80" h="91">
                  <a:moveTo>
                    <a:pt x="0" y="89"/>
                  </a:moveTo>
                  <a:lnTo>
                    <a:pt x="35" y="20"/>
                  </a:lnTo>
                  <a:lnTo>
                    <a:pt x="49" y="9"/>
                  </a:lnTo>
                  <a:lnTo>
                    <a:pt x="47" y="0"/>
                  </a:lnTo>
                  <a:lnTo>
                    <a:pt x="71" y="0"/>
                  </a:lnTo>
                  <a:lnTo>
                    <a:pt x="66" y="9"/>
                  </a:lnTo>
                  <a:lnTo>
                    <a:pt x="77" y="13"/>
                  </a:lnTo>
                  <a:lnTo>
                    <a:pt x="80" y="27"/>
                  </a:lnTo>
                  <a:lnTo>
                    <a:pt x="63" y="41"/>
                  </a:lnTo>
                  <a:lnTo>
                    <a:pt x="66" y="49"/>
                  </a:lnTo>
                  <a:lnTo>
                    <a:pt x="49" y="49"/>
                  </a:lnTo>
                  <a:lnTo>
                    <a:pt x="44" y="60"/>
                  </a:lnTo>
                  <a:lnTo>
                    <a:pt x="49" y="66"/>
                  </a:lnTo>
                  <a:lnTo>
                    <a:pt x="27" y="83"/>
                  </a:lnTo>
                  <a:lnTo>
                    <a:pt x="24" y="81"/>
                  </a:lnTo>
                  <a:lnTo>
                    <a:pt x="22" y="91"/>
                  </a:lnTo>
                  <a:lnTo>
                    <a:pt x="0" y="8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62" name="Freeform 101"/>
            <p:cNvSpPr>
              <a:spLocks noChangeAspect="1"/>
            </p:cNvSpPr>
            <p:nvPr/>
          </p:nvSpPr>
          <p:spPr bwMode="gray">
            <a:xfrm>
              <a:off x="5913438" y="3090863"/>
              <a:ext cx="150813" cy="73025"/>
            </a:xfrm>
            <a:custGeom>
              <a:avLst/>
              <a:gdLst>
                <a:gd name="T0" fmla="*/ 0 w 310"/>
                <a:gd name="T1" fmla="*/ 0 h 152"/>
                <a:gd name="T2" fmla="*/ 1 w 310"/>
                <a:gd name="T3" fmla="*/ 0 h 152"/>
                <a:gd name="T4" fmla="*/ 2 w 310"/>
                <a:gd name="T5" fmla="*/ 1 h 152"/>
                <a:gd name="T6" fmla="*/ 4 w 310"/>
                <a:gd name="T7" fmla="*/ 1 h 152"/>
                <a:gd name="T8" fmla="*/ 6 w 310"/>
                <a:gd name="T9" fmla="*/ 2 h 152"/>
                <a:gd name="T10" fmla="*/ 7 w 310"/>
                <a:gd name="T11" fmla="*/ 2 h 152"/>
                <a:gd name="T12" fmla="*/ 8 w 310"/>
                <a:gd name="T13" fmla="*/ 2 h 152"/>
                <a:gd name="T14" fmla="*/ 8 w 310"/>
                <a:gd name="T15" fmla="*/ 2 h 152"/>
                <a:gd name="T16" fmla="*/ 9 w 310"/>
                <a:gd name="T17" fmla="*/ 3 h 152"/>
                <a:gd name="T18" fmla="*/ 8 w 310"/>
                <a:gd name="T19" fmla="*/ 3 h 152"/>
                <a:gd name="T20" fmla="*/ 9 w 310"/>
                <a:gd name="T21" fmla="*/ 4 h 152"/>
                <a:gd name="T22" fmla="*/ 9 w 310"/>
                <a:gd name="T23" fmla="*/ 4 h 152"/>
                <a:gd name="T24" fmla="*/ 9 w 310"/>
                <a:gd name="T25" fmla="*/ 4 h 152"/>
                <a:gd name="T26" fmla="*/ 8 w 310"/>
                <a:gd name="T27" fmla="*/ 4 h 152"/>
                <a:gd name="T28" fmla="*/ 7 w 310"/>
                <a:gd name="T29" fmla="*/ 4 h 152"/>
                <a:gd name="T30" fmla="*/ 7 w 310"/>
                <a:gd name="T31" fmla="*/ 4 h 152"/>
                <a:gd name="T32" fmla="*/ 5 w 310"/>
                <a:gd name="T33" fmla="*/ 4 h 152"/>
                <a:gd name="T34" fmla="*/ 4 w 310"/>
                <a:gd name="T35" fmla="*/ 4 h 152"/>
                <a:gd name="T36" fmla="*/ 3 w 310"/>
                <a:gd name="T37" fmla="*/ 4 h 152"/>
                <a:gd name="T38" fmla="*/ 2 w 310"/>
                <a:gd name="T39" fmla="*/ 4 h 152"/>
                <a:gd name="T40" fmla="*/ 2 w 310"/>
                <a:gd name="T41" fmla="*/ 4 h 152"/>
                <a:gd name="T42" fmla="*/ 2 w 310"/>
                <a:gd name="T43" fmla="*/ 3 h 152"/>
                <a:gd name="T44" fmla="*/ 2 w 310"/>
                <a:gd name="T45" fmla="*/ 3 h 152"/>
                <a:gd name="T46" fmla="*/ 2 w 310"/>
                <a:gd name="T47" fmla="*/ 2 h 152"/>
                <a:gd name="T48" fmla="*/ 2 w 310"/>
                <a:gd name="T49" fmla="*/ 1 h 152"/>
                <a:gd name="T50" fmla="*/ 1 w 310"/>
                <a:gd name="T51" fmla="*/ 1 h 152"/>
                <a:gd name="T52" fmla="*/ 0 w 310"/>
                <a:gd name="T53" fmla="*/ 0 h 152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310"/>
                <a:gd name="T82" fmla="*/ 0 h 152"/>
                <a:gd name="T83" fmla="*/ 310 w 310"/>
                <a:gd name="T84" fmla="*/ 152 h 152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310" h="152">
                  <a:moveTo>
                    <a:pt x="0" y="5"/>
                  </a:moveTo>
                  <a:lnTo>
                    <a:pt x="34" y="0"/>
                  </a:lnTo>
                  <a:lnTo>
                    <a:pt x="84" y="20"/>
                  </a:lnTo>
                  <a:lnTo>
                    <a:pt x="139" y="24"/>
                  </a:lnTo>
                  <a:lnTo>
                    <a:pt x="189" y="61"/>
                  </a:lnTo>
                  <a:lnTo>
                    <a:pt x="244" y="54"/>
                  </a:lnTo>
                  <a:lnTo>
                    <a:pt x="268" y="65"/>
                  </a:lnTo>
                  <a:lnTo>
                    <a:pt x="268" y="85"/>
                  </a:lnTo>
                  <a:lnTo>
                    <a:pt x="300" y="105"/>
                  </a:lnTo>
                  <a:lnTo>
                    <a:pt x="290" y="121"/>
                  </a:lnTo>
                  <a:lnTo>
                    <a:pt x="307" y="139"/>
                  </a:lnTo>
                  <a:lnTo>
                    <a:pt x="310" y="146"/>
                  </a:lnTo>
                  <a:lnTo>
                    <a:pt x="307" y="150"/>
                  </a:lnTo>
                  <a:lnTo>
                    <a:pt x="280" y="146"/>
                  </a:lnTo>
                  <a:lnTo>
                    <a:pt x="256" y="132"/>
                  </a:lnTo>
                  <a:lnTo>
                    <a:pt x="234" y="141"/>
                  </a:lnTo>
                  <a:lnTo>
                    <a:pt x="161" y="152"/>
                  </a:lnTo>
                  <a:lnTo>
                    <a:pt x="136" y="125"/>
                  </a:lnTo>
                  <a:lnTo>
                    <a:pt x="115" y="133"/>
                  </a:lnTo>
                  <a:lnTo>
                    <a:pt x="82" y="130"/>
                  </a:lnTo>
                  <a:lnTo>
                    <a:pt x="76" y="125"/>
                  </a:lnTo>
                  <a:lnTo>
                    <a:pt x="85" y="118"/>
                  </a:lnTo>
                  <a:lnTo>
                    <a:pt x="87" y="96"/>
                  </a:lnTo>
                  <a:lnTo>
                    <a:pt x="68" y="51"/>
                  </a:lnTo>
                  <a:lnTo>
                    <a:pt x="50" y="34"/>
                  </a:lnTo>
                  <a:lnTo>
                    <a:pt x="20" y="25"/>
                  </a:lnTo>
                  <a:lnTo>
                    <a:pt x="0" y="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63" name="Freeform 102"/>
            <p:cNvSpPr>
              <a:spLocks noChangeAspect="1"/>
            </p:cNvSpPr>
            <p:nvPr/>
          </p:nvSpPr>
          <p:spPr bwMode="gray">
            <a:xfrm>
              <a:off x="5794375" y="3416301"/>
              <a:ext cx="476250" cy="406400"/>
            </a:xfrm>
            <a:custGeom>
              <a:avLst/>
              <a:gdLst>
                <a:gd name="T0" fmla="*/ 26 w 974"/>
                <a:gd name="T1" fmla="*/ 14 h 835"/>
                <a:gd name="T2" fmla="*/ 24 w 974"/>
                <a:gd name="T3" fmla="*/ 14 h 835"/>
                <a:gd name="T4" fmla="*/ 23 w 974"/>
                <a:gd name="T5" fmla="*/ 13 h 835"/>
                <a:gd name="T6" fmla="*/ 22 w 974"/>
                <a:gd name="T7" fmla="*/ 11 h 835"/>
                <a:gd name="T8" fmla="*/ 22 w 974"/>
                <a:gd name="T9" fmla="*/ 11 h 835"/>
                <a:gd name="T10" fmla="*/ 21 w 974"/>
                <a:gd name="T11" fmla="*/ 10 h 835"/>
                <a:gd name="T12" fmla="*/ 21 w 974"/>
                <a:gd name="T13" fmla="*/ 9 h 835"/>
                <a:gd name="T14" fmla="*/ 20 w 974"/>
                <a:gd name="T15" fmla="*/ 8 h 835"/>
                <a:gd name="T16" fmla="*/ 19 w 974"/>
                <a:gd name="T17" fmla="*/ 7 h 835"/>
                <a:gd name="T18" fmla="*/ 18 w 974"/>
                <a:gd name="T19" fmla="*/ 6 h 835"/>
                <a:gd name="T20" fmla="*/ 16 w 974"/>
                <a:gd name="T21" fmla="*/ 5 h 835"/>
                <a:gd name="T22" fmla="*/ 12 w 974"/>
                <a:gd name="T23" fmla="*/ 4 h 835"/>
                <a:gd name="T24" fmla="*/ 11 w 974"/>
                <a:gd name="T25" fmla="*/ 3 h 835"/>
                <a:gd name="T26" fmla="*/ 10 w 974"/>
                <a:gd name="T27" fmla="*/ 2 h 835"/>
                <a:gd name="T28" fmla="*/ 6 w 974"/>
                <a:gd name="T29" fmla="*/ 0 h 835"/>
                <a:gd name="T30" fmla="*/ 3 w 974"/>
                <a:gd name="T31" fmla="*/ 1 h 835"/>
                <a:gd name="T32" fmla="*/ 4 w 974"/>
                <a:gd name="T33" fmla="*/ 3 h 835"/>
                <a:gd name="T34" fmla="*/ 3 w 974"/>
                <a:gd name="T35" fmla="*/ 4 h 835"/>
                <a:gd name="T36" fmla="*/ 2 w 974"/>
                <a:gd name="T37" fmla="*/ 5 h 835"/>
                <a:gd name="T38" fmla="*/ 1 w 974"/>
                <a:gd name="T39" fmla="*/ 4 h 835"/>
                <a:gd name="T40" fmla="*/ 0 w 974"/>
                <a:gd name="T41" fmla="*/ 6 h 835"/>
                <a:gd name="T42" fmla="*/ 1 w 974"/>
                <a:gd name="T43" fmla="*/ 6 h 835"/>
                <a:gd name="T44" fmla="*/ 2 w 974"/>
                <a:gd name="T45" fmla="*/ 9 h 835"/>
                <a:gd name="T46" fmla="*/ 3 w 974"/>
                <a:gd name="T47" fmla="*/ 10 h 835"/>
                <a:gd name="T48" fmla="*/ 4 w 974"/>
                <a:gd name="T49" fmla="*/ 12 h 835"/>
                <a:gd name="T50" fmla="*/ 5 w 974"/>
                <a:gd name="T51" fmla="*/ 13 h 835"/>
                <a:gd name="T52" fmla="*/ 6 w 974"/>
                <a:gd name="T53" fmla="*/ 15 h 835"/>
                <a:gd name="T54" fmla="*/ 8 w 974"/>
                <a:gd name="T55" fmla="*/ 18 h 835"/>
                <a:gd name="T56" fmla="*/ 9 w 974"/>
                <a:gd name="T57" fmla="*/ 20 h 835"/>
                <a:gd name="T58" fmla="*/ 10 w 974"/>
                <a:gd name="T59" fmla="*/ 21 h 835"/>
                <a:gd name="T60" fmla="*/ 11 w 974"/>
                <a:gd name="T61" fmla="*/ 23 h 835"/>
                <a:gd name="T62" fmla="*/ 11 w 974"/>
                <a:gd name="T63" fmla="*/ 23 h 835"/>
                <a:gd name="T64" fmla="*/ 12 w 974"/>
                <a:gd name="T65" fmla="*/ 22 h 835"/>
                <a:gd name="T66" fmla="*/ 14 w 974"/>
                <a:gd name="T67" fmla="*/ 22 h 835"/>
                <a:gd name="T68" fmla="*/ 16 w 974"/>
                <a:gd name="T69" fmla="*/ 24 h 835"/>
                <a:gd name="T70" fmla="*/ 18 w 974"/>
                <a:gd name="T71" fmla="*/ 22 h 835"/>
                <a:gd name="T72" fmla="*/ 19 w 974"/>
                <a:gd name="T73" fmla="*/ 21 h 835"/>
                <a:gd name="T74" fmla="*/ 21 w 974"/>
                <a:gd name="T75" fmla="*/ 20 h 835"/>
                <a:gd name="T76" fmla="*/ 23 w 974"/>
                <a:gd name="T77" fmla="*/ 19 h 835"/>
                <a:gd name="T78" fmla="*/ 26 w 974"/>
                <a:gd name="T79" fmla="*/ 19 h 835"/>
                <a:gd name="T80" fmla="*/ 27 w 974"/>
                <a:gd name="T81" fmla="*/ 18 h 835"/>
                <a:gd name="T82" fmla="*/ 28 w 974"/>
                <a:gd name="T83" fmla="*/ 17 h 835"/>
                <a:gd name="T84" fmla="*/ 28 w 974"/>
                <a:gd name="T85" fmla="*/ 15 h 835"/>
                <a:gd name="T86" fmla="*/ 27 w 974"/>
                <a:gd name="T87" fmla="*/ 14 h 835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w 974"/>
                <a:gd name="T133" fmla="*/ 0 h 835"/>
                <a:gd name="T134" fmla="*/ 974 w 974"/>
                <a:gd name="T135" fmla="*/ 835 h 835"/>
              </a:gdLst>
              <a:ahLst/>
              <a:cxnLst>
                <a:cxn ang="T88">
                  <a:pos x="T0" y="T1"/>
                </a:cxn>
                <a:cxn ang="T89">
                  <a:pos x="T2" y="T3"/>
                </a:cxn>
                <a:cxn ang="T90">
                  <a:pos x="T4" y="T5"/>
                </a:cxn>
                <a:cxn ang="T91">
                  <a:pos x="T6" y="T7"/>
                </a:cxn>
                <a:cxn ang="T92">
                  <a:pos x="T8" y="T9"/>
                </a:cxn>
                <a:cxn ang="T93">
                  <a:pos x="T10" y="T11"/>
                </a:cxn>
                <a:cxn ang="T94">
                  <a:pos x="T12" y="T13"/>
                </a:cxn>
                <a:cxn ang="T95">
                  <a:pos x="T14" y="T15"/>
                </a:cxn>
                <a:cxn ang="T96">
                  <a:pos x="T16" y="T17"/>
                </a:cxn>
                <a:cxn ang="T97">
                  <a:pos x="T18" y="T19"/>
                </a:cxn>
                <a:cxn ang="T98">
                  <a:pos x="T20" y="T21"/>
                </a:cxn>
                <a:cxn ang="T99">
                  <a:pos x="T22" y="T23"/>
                </a:cxn>
                <a:cxn ang="T100">
                  <a:pos x="T24" y="T25"/>
                </a:cxn>
                <a:cxn ang="T101">
                  <a:pos x="T26" y="T27"/>
                </a:cxn>
                <a:cxn ang="T102">
                  <a:pos x="T28" y="T29"/>
                </a:cxn>
                <a:cxn ang="T103">
                  <a:pos x="T30" y="T31"/>
                </a:cxn>
                <a:cxn ang="T104">
                  <a:pos x="T32" y="T33"/>
                </a:cxn>
                <a:cxn ang="T105">
                  <a:pos x="T34" y="T35"/>
                </a:cxn>
                <a:cxn ang="T106">
                  <a:pos x="T36" y="T37"/>
                </a:cxn>
                <a:cxn ang="T107">
                  <a:pos x="T38" y="T39"/>
                </a:cxn>
                <a:cxn ang="T108">
                  <a:pos x="T40" y="T41"/>
                </a:cxn>
                <a:cxn ang="T109">
                  <a:pos x="T42" y="T43"/>
                </a:cxn>
                <a:cxn ang="T110">
                  <a:pos x="T44" y="T45"/>
                </a:cxn>
                <a:cxn ang="T111">
                  <a:pos x="T46" y="T47"/>
                </a:cxn>
                <a:cxn ang="T112">
                  <a:pos x="T48" y="T49"/>
                </a:cxn>
                <a:cxn ang="T113">
                  <a:pos x="T50" y="T51"/>
                </a:cxn>
                <a:cxn ang="T114">
                  <a:pos x="T52" y="T53"/>
                </a:cxn>
                <a:cxn ang="T115">
                  <a:pos x="T54" y="T55"/>
                </a:cxn>
                <a:cxn ang="T116">
                  <a:pos x="T56" y="T57"/>
                </a:cxn>
                <a:cxn ang="T117">
                  <a:pos x="T58" y="T59"/>
                </a:cxn>
                <a:cxn ang="T118">
                  <a:pos x="T60" y="T61"/>
                </a:cxn>
                <a:cxn ang="T119">
                  <a:pos x="T62" y="T63"/>
                </a:cxn>
                <a:cxn ang="T120">
                  <a:pos x="T64" y="T65"/>
                </a:cxn>
                <a:cxn ang="T121">
                  <a:pos x="T66" y="T67"/>
                </a:cxn>
                <a:cxn ang="T122">
                  <a:pos x="T68" y="T69"/>
                </a:cxn>
                <a:cxn ang="T123">
                  <a:pos x="T70" y="T71"/>
                </a:cxn>
                <a:cxn ang="T124">
                  <a:pos x="T72" y="T73"/>
                </a:cxn>
                <a:cxn ang="T125">
                  <a:pos x="T74" y="T75"/>
                </a:cxn>
                <a:cxn ang="T126">
                  <a:pos x="T76" y="T77"/>
                </a:cxn>
                <a:cxn ang="T127">
                  <a:pos x="T78" y="T79"/>
                </a:cxn>
                <a:cxn ang="T128">
                  <a:pos x="T80" y="T81"/>
                </a:cxn>
                <a:cxn ang="T129">
                  <a:pos x="T82" y="T83"/>
                </a:cxn>
                <a:cxn ang="T130">
                  <a:pos x="T84" y="T85"/>
                </a:cxn>
                <a:cxn ang="T131">
                  <a:pos x="T86" y="T87"/>
                </a:cxn>
              </a:cxnLst>
              <a:rect l="T132" t="T133" r="T134" b="T135"/>
              <a:pathLst>
                <a:path w="974" h="835">
                  <a:moveTo>
                    <a:pt x="942" y="501"/>
                  </a:moveTo>
                  <a:lnTo>
                    <a:pt x="908" y="495"/>
                  </a:lnTo>
                  <a:lnTo>
                    <a:pt x="872" y="489"/>
                  </a:lnTo>
                  <a:lnTo>
                    <a:pt x="838" y="482"/>
                  </a:lnTo>
                  <a:lnTo>
                    <a:pt x="803" y="477"/>
                  </a:lnTo>
                  <a:lnTo>
                    <a:pt x="789" y="435"/>
                  </a:lnTo>
                  <a:lnTo>
                    <a:pt x="762" y="411"/>
                  </a:lnTo>
                  <a:lnTo>
                    <a:pt x="759" y="399"/>
                  </a:lnTo>
                  <a:lnTo>
                    <a:pt x="747" y="387"/>
                  </a:lnTo>
                  <a:lnTo>
                    <a:pt x="737" y="372"/>
                  </a:lnTo>
                  <a:lnTo>
                    <a:pt x="733" y="355"/>
                  </a:lnTo>
                  <a:lnTo>
                    <a:pt x="715" y="333"/>
                  </a:lnTo>
                  <a:lnTo>
                    <a:pt x="721" y="314"/>
                  </a:lnTo>
                  <a:lnTo>
                    <a:pt x="712" y="300"/>
                  </a:lnTo>
                  <a:lnTo>
                    <a:pt x="713" y="289"/>
                  </a:lnTo>
                  <a:lnTo>
                    <a:pt x="679" y="266"/>
                  </a:lnTo>
                  <a:lnTo>
                    <a:pt x="678" y="250"/>
                  </a:lnTo>
                  <a:lnTo>
                    <a:pt x="654" y="230"/>
                  </a:lnTo>
                  <a:lnTo>
                    <a:pt x="636" y="193"/>
                  </a:lnTo>
                  <a:lnTo>
                    <a:pt x="606" y="193"/>
                  </a:lnTo>
                  <a:lnTo>
                    <a:pt x="594" y="174"/>
                  </a:lnTo>
                  <a:lnTo>
                    <a:pt x="554" y="164"/>
                  </a:lnTo>
                  <a:lnTo>
                    <a:pt x="471" y="159"/>
                  </a:lnTo>
                  <a:lnTo>
                    <a:pt x="419" y="133"/>
                  </a:lnTo>
                  <a:lnTo>
                    <a:pt x="416" y="96"/>
                  </a:lnTo>
                  <a:lnTo>
                    <a:pt x="391" y="94"/>
                  </a:lnTo>
                  <a:lnTo>
                    <a:pt x="380" y="74"/>
                  </a:lnTo>
                  <a:lnTo>
                    <a:pt x="332" y="57"/>
                  </a:lnTo>
                  <a:lnTo>
                    <a:pt x="280" y="18"/>
                  </a:lnTo>
                  <a:lnTo>
                    <a:pt x="210" y="0"/>
                  </a:lnTo>
                  <a:lnTo>
                    <a:pt x="195" y="15"/>
                  </a:lnTo>
                  <a:lnTo>
                    <a:pt x="107" y="34"/>
                  </a:lnTo>
                  <a:lnTo>
                    <a:pt x="158" y="85"/>
                  </a:lnTo>
                  <a:lnTo>
                    <a:pt x="138" y="96"/>
                  </a:lnTo>
                  <a:lnTo>
                    <a:pt x="133" y="119"/>
                  </a:lnTo>
                  <a:lnTo>
                    <a:pt x="97" y="123"/>
                  </a:lnTo>
                  <a:lnTo>
                    <a:pt x="83" y="147"/>
                  </a:lnTo>
                  <a:lnTo>
                    <a:pt x="70" y="162"/>
                  </a:lnTo>
                  <a:lnTo>
                    <a:pt x="17" y="156"/>
                  </a:lnTo>
                  <a:lnTo>
                    <a:pt x="15" y="148"/>
                  </a:lnTo>
                  <a:lnTo>
                    <a:pt x="11" y="195"/>
                  </a:lnTo>
                  <a:lnTo>
                    <a:pt x="0" y="218"/>
                  </a:lnTo>
                  <a:lnTo>
                    <a:pt x="7" y="215"/>
                  </a:lnTo>
                  <a:lnTo>
                    <a:pt x="28" y="219"/>
                  </a:lnTo>
                  <a:lnTo>
                    <a:pt x="53" y="267"/>
                  </a:lnTo>
                  <a:lnTo>
                    <a:pt x="74" y="292"/>
                  </a:lnTo>
                  <a:lnTo>
                    <a:pt x="94" y="331"/>
                  </a:lnTo>
                  <a:lnTo>
                    <a:pt x="113" y="355"/>
                  </a:lnTo>
                  <a:lnTo>
                    <a:pt x="121" y="389"/>
                  </a:lnTo>
                  <a:lnTo>
                    <a:pt x="131" y="410"/>
                  </a:lnTo>
                  <a:lnTo>
                    <a:pt x="150" y="413"/>
                  </a:lnTo>
                  <a:lnTo>
                    <a:pt x="175" y="435"/>
                  </a:lnTo>
                  <a:lnTo>
                    <a:pt x="207" y="506"/>
                  </a:lnTo>
                  <a:lnTo>
                    <a:pt x="202" y="529"/>
                  </a:lnTo>
                  <a:lnTo>
                    <a:pt x="219" y="591"/>
                  </a:lnTo>
                  <a:lnTo>
                    <a:pt x="266" y="619"/>
                  </a:lnTo>
                  <a:lnTo>
                    <a:pt x="292" y="648"/>
                  </a:lnTo>
                  <a:lnTo>
                    <a:pt x="302" y="684"/>
                  </a:lnTo>
                  <a:lnTo>
                    <a:pt x="326" y="721"/>
                  </a:lnTo>
                  <a:lnTo>
                    <a:pt x="353" y="744"/>
                  </a:lnTo>
                  <a:lnTo>
                    <a:pt x="356" y="758"/>
                  </a:lnTo>
                  <a:lnTo>
                    <a:pt x="373" y="783"/>
                  </a:lnTo>
                  <a:lnTo>
                    <a:pt x="374" y="797"/>
                  </a:lnTo>
                  <a:lnTo>
                    <a:pt x="383" y="794"/>
                  </a:lnTo>
                  <a:lnTo>
                    <a:pt x="390" y="781"/>
                  </a:lnTo>
                  <a:lnTo>
                    <a:pt x="408" y="767"/>
                  </a:lnTo>
                  <a:lnTo>
                    <a:pt x="456" y="755"/>
                  </a:lnTo>
                  <a:lnTo>
                    <a:pt x="498" y="770"/>
                  </a:lnTo>
                  <a:lnTo>
                    <a:pt x="541" y="783"/>
                  </a:lnTo>
                  <a:lnTo>
                    <a:pt x="541" y="835"/>
                  </a:lnTo>
                  <a:lnTo>
                    <a:pt x="569" y="804"/>
                  </a:lnTo>
                  <a:lnTo>
                    <a:pt x="598" y="772"/>
                  </a:lnTo>
                  <a:lnTo>
                    <a:pt x="627" y="739"/>
                  </a:lnTo>
                  <a:lnTo>
                    <a:pt x="656" y="707"/>
                  </a:lnTo>
                  <a:lnTo>
                    <a:pt x="693" y="699"/>
                  </a:lnTo>
                  <a:lnTo>
                    <a:pt x="730" y="690"/>
                  </a:lnTo>
                  <a:lnTo>
                    <a:pt x="767" y="682"/>
                  </a:lnTo>
                  <a:lnTo>
                    <a:pt x="803" y="673"/>
                  </a:lnTo>
                  <a:lnTo>
                    <a:pt x="838" y="660"/>
                  </a:lnTo>
                  <a:lnTo>
                    <a:pt x="872" y="648"/>
                  </a:lnTo>
                  <a:lnTo>
                    <a:pt x="908" y="636"/>
                  </a:lnTo>
                  <a:lnTo>
                    <a:pt x="942" y="625"/>
                  </a:lnTo>
                  <a:lnTo>
                    <a:pt x="950" y="600"/>
                  </a:lnTo>
                  <a:lnTo>
                    <a:pt x="959" y="575"/>
                  </a:lnTo>
                  <a:lnTo>
                    <a:pt x="965" y="552"/>
                  </a:lnTo>
                  <a:lnTo>
                    <a:pt x="974" y="526"/>
                  </a:lnTo>
                  <a:lnTo>
                    <a:pt x="953" y="492"/>
                  </a:lnTo>
                  <a:lnTo>
                    <a:pt x="942" y="50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64" name="Freeform 103"/>
            <p:cNvSpPr>
              <a:spLocks noChangeAspect="1"/>
            </p:cNvSpPr>
            <p:nvPr/>
          </p:nvSpPr>
          <p:spPr bwMode="gray">
            <a:xfrm>
              <a:off x="6275388" y="3025776"/>
              <a:ext cx="384175" cy="250825"/>
            </a:xfrm>
            <a:custGeom>
              <a:avLst/>
              <a:gdLst>
                <a:gd name="T0" fmla="*/ 11 w 791"/>
                <a:gd name="T1" fmla="*/ 4 h 514"/>
                <a:gd name="T2" fmla="*/ 9 w 791"/>
                <a:gd name="T3" fmla="*/ 4 h 514"/>
                <a:gd name="T4" fmla="*/ 7 w 791"/>
                <a:gd name="T5" fmla="*/ 3 h 514"/>
                <a:gd name="T6" fmla="*/ 6 w 791"/>
                <a:gd name="T7" fmla="*/ 2 h 514"/>
                <a:gd name="T8" fmla="*/ 4 w 791"/>
                <a:gd name="T9" fmla="*/ 0 h 514"/>
                <a:gd name="T10" fmla="*/ 2 w 791"/>
                <a:gd name="T11" fmla="*/ 0 h 514"/>
                <a:gd name="T12" fmla="*/ 1 w 791"/>
                <a:gd name="T13" fmla="*/ 1 h 514"/>
                <a:gd name="T14" fmla="*/ 0 w 791"/>
                <a:gd name="T15" fmla="*/ 3 h 514"/>
                <a:gd name="T16" fmla="*/ 0 w 791"/>
                <a:gd name="T17" fmla="*/ 6 h 514"/>
                <a:gd name="T18" fmla="*/ 1 w 791"/>
                <a:gd name="T19" fmla="*/ 8 h 514"/>
                <a:gd name="T20" fmla="*/ 1 w 791"/>
                <a:gd name="T21" fmla="*/ 7 h 514"/>
                <a:gd name="T22" fmla="*/ 2 w 791"/>
                <a:gd name="T23" fmla="*/ 6 h 514"/>
                <a:gd name="T24" fmla="*/ 2 w 791"/>
                <a:gd name="T25" fmla="*/ 6 h 514"/>
                <a:gd name="T26" fmla="*/ 3 w 791"/>
                <a:gd name="T27" fmla="*/ 6 h 514"/>
                <a:gd name="T28" fmla="*/ 3 w 791"/>
                <a:gd name="T29" fmla="*/ 6 h 514"/>
                <a:gd name="T30" fmla="*/ 4 w 791"/>
                <a:gd name="T31" fmla="*/ 6 h 514"/>
                <a:gd name="T32" fmla="*/ 5 w 791"/>
                <a:gd name="T33" fmla="*/ 7 h 514"/>
                <a:gd name="T34" fmla="*/ 6 w 791"/>
                <a:gd name="T35" fmla="*/ 7 h 514"/>
                <a:gd name="T36" fmla="*/ 6 w 791"/>
                <a:gd name="T37" fmla="*/ 8 h 514"/>
                <a:gd name="T38" fmla="*/ 7 w 791"/>
                <a:gd name="T39" fmla="*/ 8 h 514"/>
                <a:gd name="T40" fmla="*/ 8 w 791"/>
                <a:gd name="T41" fmla="*/ 9 h 514"/>
                <a:gd name="T42" fmla="*/ 9 w 791"/>
                <a:gd name="T43" fmla="*/ 10 h 514"/>
                <a:gd name="T44" fmla="*/ 10 w 791"/>
                <a:gd name="T45" fmla="*/ 11 h 514"/>
                <a:gd name="T46" fmla="*/ 11 w 791"/>
                <a:gd name="T47" fmla="*/ 12 h 514"/>
                <a:gd name="T48" fmla="*/ 13 w 791"/>
                <a:gd name="T49" fmla="*/ 13 h 514"/>
                <a:gd name="T50" fmla="*/ 14 w 791"/>
                <a:gd name="T51" fmla="*/ 14 h 514"/>
                <a:gd name="T52" fmla="*/ 14 w 791"/>
                <a:gd name="T53" fmla="*/ 15 h 514"/>
                <a:gd name="T54" fmla="*/ 16 w 791"/>
                <a:gd name="T55" fmla="*/ 15 h 514"/>
                <a:gd name="T56" fmla="*/ 16 w 791"/>
                <a:gd name="T57" fmla="*/ 14 h 514"/>
                <a:gd name="T58" fmla="*/ 16 w 791"/>
                <a:gd name="T59" fmla="*/ 13 h 514"/>
                <a:gd name="T60" fmla="*/ 16 w 791"/>
                <a:gd name="T61" fmla="*/ 12 h 514"/>
                <a:gd name="T62" fmla="*/ 15 w 791"/>
                <a:gd name="T63" fmla="*/ 11 h 514"/>
                <a:gd name="T64" fmla="*/ 17 w 791"/>
                <a:gd name="T65" fmla="*/ 11 h 514"/>
                <a:gd name="T66" fmla="*/ 18 w 791"/>
                <a:gd name="T67" fmla="*/ 10 h 514"/>
                <a:gd name="T68" fmla="*/ 18 w 791"/>
                <a:gd name="T69" fmla="*/ 9 h 514"/>
                <a:gd name="T70" fmla="*/ 19 w 791"/>
                <a:gd name="T71" fmla="*/ 8 h 514"/>
                <a:gd name="T72" fmla="*/ 20 w 791"/>
                <a:gd name="T73" fmla="*/ 9 h 514"/>
                <a:gd name="T74" fmla="*/ 19 w 791"/>
                <a:gd name="T75" fmla="*/ 10 h 514"/>
                <a:gd name="T76" fmla="*/ 20 w 791"/>
                <a:gd name="T77" fmla="*/ 10 h 514"/>
                <a:gd name="T78" fmla="*/ 21 w 791"/>
                <a:gd name="T79" fmla="*/ 9 h 514"/>
                <a:gd name="T80" fmla="*/ 23 w 791"/>
                <a:gd name="T81" fmla="*/ 9 h 514"/>
                <a:gd name="T82" fmla="*/ 21 w 791"/>
                <a:gd name="T83" fmla="*/ 8 h 514"/>
                <a:gd name="T84" fmla="*/ 21 w 791"/>
                <a:gd name="T85" fmla="*/ 8 h 514"/>
                <a:gd name="T86" fmla="*/ 20 w 791"/>
                <a:gd name="T87" fmla="*/ 8 h 514"/>
                <a:gd name="T88" fmla="*/ 19 w 791"/>
                <a:gd name="T89" fmla="*/ 8 h 514"/>
                <a:gd name="T90" fmla="*/ 20 w 791"/>
                <a:gd name="T91" fmla="*/ 6 h 514"/>
                <a:gd name="T92" fmla="*/ 20 w 791"/>
                <a:gd name="T93" fmla="*/ 6 h 514"/>
                <a:gd name="T94" fmla="*/ 19 w 791"/>
                <a:gd name="T95" fmla="*/ 6 h 514"/>
                <a:gd name="T96" fmla="*/ 18 w 791"/>
                <a:gd name="T97" fmla="*/ 7 h 514"/>
                <a:gd name="T98" fmla="*/ 16 w 791"/>
                <a:gd name="T99" fmla="*/ 8 h 514"/>
                <a:gd name="T100" fmla="*/ 14 w 791"/>
                <a:gd name="T101" fmla="*/ 7 h 514"/>
                <a:gd name="T102" fmla="*/ 13 w 791"/>
                <a:gd name="T103" fmla="*/ 6 h 514"/>
                <a:gd name="T104" fmla="*/ 13 w 791"/>
                <a:gd name="T105" fmla="*/ 5 h 514"/>
                <a:gd name="T106" fmla="*/ 13 w 791"/>
                <a:gd name="T107" fmla="*/ 4 h 514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791"/>
                <a:gd name="T163" fmla="*/ 0 h 514"/>
                <a:gd name="T164" fmla="*/ 791 w 791"/>
                <a:gd name="T165" fmla="*/ 514 h 514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791" h="514">
                  <a:moveTo>
                    <a:pt x="415" y="120"/>
                  </a:moveTo>
                  <a:lnTo>
                    <a:pt x="381" y="123"/>
                  </a:lnTo>
                  <a:lnTo>
                    <a:pt x="347" y="127"/>
                  </a:lnTo>
                  <a:lnTo>
                    <a:pt x="313" y="130"/>
                  </a:lnTo>
                  <a:lnTo>
                    <a:pt x="279" y="133"/>
                  </a:lnTo>
                  <a:lnTo>
                    <a:pt x="256" y="112"/>
                  </a:lnTo>
                  <a:lnTo>
                    <a:pt x="234" y="90"/>
                  </a:lnTo>
                  <a:lnTo>
                    <a:pt x="211" y="67"/>
                  </a:lnTo>
                  <a:lnTo>
                    <a:pt x="188" y="44"/>
                  </a:lnTo>
                  <a:lnTo>
                    <a:pt x="143" y="11"/>
                  </a:lnTo>
                  <a:lnTo>
                    <a:pt x="118" y="0"/>
                  </a:lnTo>
                  <a:lnTo>
                    <a:pt x="89" y="11"/>
                  </a:lnTo>
                  <a:lnTo>
                    <a:pt x="59" y="22"/>
                  </a:lnTo>
                  <a:lnTo>
                    <a:pt x="29" y="31"/>
                  </a:lnTo>
                  <a:lnTo>
                    <a:pt x="0" y="42"/>
                  </a:lnTo>
                  <a:lnTo>
                    <a:pt x="0" y="101"/>
                  </a:lnTo>
                  <a:lnTo>
                    <a:pt x="0" y="155"/>
                  </a:lnTo>
                  <a:lnTo>
                    <a:pt x="2" y="212"/>
                  </a:lnTo>
                  <a:lnTo>
                    <a:pt x="2" y="269"/>
                  </a:lnTo>
                  <a:lnTo>
                    <a:pt x="46" y="276"/>
                  </a:lnTo>
                  <a:lnTo>
                    <a:pt x="52" y="271"/>
                  </a:lnTo>
                  <a:lnTo>
                    <a:pt x="44" y="238"/>
                  </a:lnTo>
                  <a:lnTo>
                    <a:pt x="47" y="234"/>
                  </a:lnTo>
                  <a:lnTo>
                    <a:pt x="61" y="218"/>
                  </a:lnTo>
                  <a:lnTo>
                    <a:pt x="88" y="212"/>
                  </a:lnTo>
                  <a:lnTo>
                    <a:pt x="89" y="201"/>
                  </a:lnTo>
                  <a:lnTo>
                    <a:pt x="97" y="198"/>
                  </a:lnTo>
                  <a:lnTo>
                    <a:pt x="114" y="208"/>
                  </a:lnTo>
                  <a:lnTo>
                    <a:pt x="101" y="191"/>
                  </a:lnTo>
                  <a:lnTo>
                    <a:pt x="115" y="187"/>
                  </a:lnTo>
                  <a:lnTo>
                    <a:pt x="122" y="179"/>
                  </a:lnTo>
                  <a:lnTo>
                    <a:pt x="154" y="208"/>
                  </a:lnTo>
                  <a:lnTo>
                    <a:pt x="183" y="212"/>
                  </a:lnTo>
                  <a:lnTo>
                    <a:pt x="185" y="231"/>
                  </a:lnTo>
                  <a:lnTo>
                    <a:pt x="194" y="240"/>
                  </a:lnTo>
                  <a:lnTo>
                    <a:pt x="190" y="242"/>
                  </a:lnTo>
                  <a:lnTo>
                    <a:pt x="188" y="262"/>
                  </a:lnTo>
                  <a:lnTo>
                    <a:pt x="191" y="267"/>
                  </a:lnTo>
                  <a:lnTo>
                    <a:pt x="245" y="280"/>
                  </a:lnTo>
                  <a:lnTo>
                    <a:pt x="259" y="269"/>
                  </a:lnTo>
                  <a:lnTo>
                    <a:pt x="275" y="280"/>
                  </a:lnTo>
                  <a:lnTo>
                    <a:pt x="281" y="306"/>
                  </a:lnTo>
                  <a:lnTo>
                    <a:pt x="295" y="321"/>
                  </a:lnTo>
                  <a:lnTo>
                    <a:pt x="298" y="342"/>
                  </a:lnTo>
                  <a:lnTo>
                    <a:pt x="308" y="361"/>
                  </a:lnTo>
                  <a:lnTo>
                    <a:pt x="349" y="384"/>
                  </a:lnTo>
                  <a:lnTo>
                    <a:pt x="372" y="407"/>
                  </a:lnTo>
                  <a:lnTo>
                    <a:pt x="400" y="416"/>
                  </a:lnTo>
                  <a:lnTo>
                    <a:pt x="439" y="453"/>
                  </a:lnTo>
                  <a:lnTo>
                    <a:pt x="459" y="450"/>
                  </a:lnTo>
                  <a:lnTo>
                    <a:pt x="488" y="465"/>
                  </a:lnTo>
                  <a:lnTo>
                    <a:pt x="493" y="470"/>
                  </a:lnTo>
                  <a:lnTo>
                    <a:pt x="486" y="482"/>
                  </a:lnTo>
                  <a:lnTo>
                    <a:pt x="486" y="508"/>
                  </a:lnTo>
                  <a:lnTo>
                    <a:pt x="544" y="514"/>
                  </a:lnTo>
                  <a:lnTo>
                    <a:pt x="545" y="509"/>
                  </a:lnTo>
                  <a:lnTo>
                    <a:pt x="544" y="499"/>
                  </a:lnTo>
                  <a:lnTo>
                    <a:pt x="549" y="487"/>
                  </a:lnTo>
                  <a:lnTo>
                    <a:pt x="570" y="458"/>
                  </a:lnTo>
                  <a:lnTo>
                    <a:pt x="558" y="429"/>
                  </a:lnTo>
                  <a:lnTo>
                    <a:pt x="559" y="409"/>
                  </a:lnTo>
                  <a:lnTo>
                    <a:pt x="541" y="406"/>
                  </a:lnTo>
                  <a:lnTo>
                    <a:pt x="525" y="390"/>
                  </a:lnTo>
                  <a:lnTo>
                    <a:pt x="532" y="387"/>
                  </a:lnTo>
                  <a:lnTo>
                    <a:pt x="533" y="373"/>
                  </a:lnTo>
                  <a:lnTo>
                    <a:pt x="579" y="373"/>
                  </a:lnTo>
                  <a:lnTo>
                    <a:pt x="589" y="348"/>
                  </a:lnTo>
                  <a:lnTo>
                    <a:pt x="613" y="338"/>
                  </a:lnTo>
                  <a:lnTo>
                    <a:pt x="612" y="319"/>
                  </a:lnTo>
                  <a:lnTo>
                    <a:pt x="618" y="308"/>
                  </a:lnTo>
                  <a:lnTo>
                    <a:pt x="637" y="310"/>
                  </a:lnTo>
                  <a:lnTo>
                    <a:pt x="669" y="285"/>
                  </a:lnTo>
                  <a:lnTo>
                    <a:pt x="674" y="285"/>
                  </a:lnTo>
                  <a:lnTo>
                    <a:pt x="681" y="305"/>
                  </a:lnTo>
                  <a:lnTo>
                    <a:pt x="667" y="318"/>
                  </a:lnTo>
                  <a:lnTo>
                    <a:pt x="671" y="331"/>
                  </a:lnTo>
                  <a:lnTo>
                    <a:pt x="674" y="336"/>
                  </a:lnTo>
                  <a:lnTo>
                    <a:pt x="691" y="333"/>
                  </a:lnTo>
                  <a:lnTo>
                    <a:pt x="733" y="335"/>
                  </a:lnTo>
                  <a:lnTo>
                    <a:pt x="747" y="321"/>
                  </a:lnTo>
                  <a:lnTo>
                    <a:pt x="765" y="318"/>
                  </a:lnTo>
                  <a:lnTo>
                    <a:pt x="791" y="299"/>
                  </a:lnTo>
                  <a:lnTo>
                    <a:pt x="748" y="285"/>
                  </a:lnTo>
                  <a:lnTo>
                    <a:pt x="731" y="274"/>
                  </a:lnTo>
                  <a:lnTo>
                    <a:pt x="731" y="267"/>
                  </a:lnTo>
                  <a:lnTo>
                    <a:pt x="722" y="259"/>
                  </a:lnTo>
                  <a:lnTo>
                    <a:pt x="709" y="280"/>
                  </a:lnTo>
                  <a:lnTo>
                    <a:pt x="684" y="274"/>
                  </a:lnTo>
                  <a:lnTo>
                    <a:pt x="677" y="262"/>
                  </a:lnTo>
                  <a:lnTo>
                    <a:pt x="658" y="259"/>
                  </a:lnTo>
                  <a:lnTo>
                    <a:pt x="658" y="252"/>
                  </a:lnTo>
                  <a:lnTo>
                    <a:pt x="703" y="218"/>
                  </a:lnTo>
                  <a:lnTo>
                    <a:pt x="701" y="211"/>
                  </a:lnTo>
                  <a:lnTo>
                    <a:pt x="688" y="206"/>
                  </a:lnTo>
                  <a:lnTo>
                    <a:pt x="675" y="223"/>
                  </a:lnTo>
                  <a:lnTo>
                    <a:pt x="664" y="223"/>
                  </a:lnTo>
                  <a:lnTo>
                    <a:pt x="652" y="240"/>
                  </a:lnTo>
                  <a:lnTo>
                    <a:pt x="621" y="255"/>
                  </a:lnTo>
                  <a:lnTo>
                    <a:pt x="589" y="288"/>
                  </a:lnTo>
                  <a:lnTo>
                    <a:pt x="550" y="272"/>
                  </a:lnTo>
                  <a:lnTo>
                    <a:pt x="503" y="277"/>
                  </a:lnTo>
                  <a:lnTo>
                    <a:pt x="494" y="238"/>
                  </a:lnTo>
                  <a:lnTo>
                    <a:pt x="468" y="234"/>
                  </a:lnTo>
                  <a:lnTo>
                    <a:pt x="466" y="208"/>
                  </a:lnTo>
                  <a:lnTo>
                    <a:pt x="473" y="206"/>
                  </a:lnTo>
                  <a:lnTo>
                    <a:pt x="473" y="170"/>
                  </a:lnTo>
                  <a:lnTo>
                    <a:pt x="460" y="172"/>
                  </a:lnTo>
                  <a:lnTo>
                    <a:pt x="445" y="144"/>
                  </a:lnTo>
                  <a:lnTo>
                    <a:pt x="415" y="12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65" name="Freeform 104"/>
            <p:cNvSpPr>
              <a:spLocks noChangeAspect="1"/>
            </p:cNvSpPr>
            <p:nvPr/>
          </p:nvSpPr>
          <p:spPr bwMode="gray">
            <a:xfrm>
              <a:off x="6807200" y="3956051"/>
              <a:ext cx="49213" cy="87313"/>
            </a:xfrm>
            <a:custGeom>
              <a:avLst/>
              <a:gdLst>
                <a:gd name="T0" fmla="*/ 1 w 100"/>
                <a:gd name="T1" fmla="*/ 0 h 180"/>
                <a:gd name="T2" fmla="*/ 0 w 100"/>
                <a:gd name="T3" fmla="*/ 0 h 180"/>
                <a:gd name="T4" fmla="*/ 1 w 100"/>
                <a:gd name="T5" fmla="*/ 1 h 180"/>
                <a:gd name="T6" fmla="*/ 1 w 100"/>
                <a:gd name="T7" fmla="*/ 1 h 180"/>
                <a:gd name="T8" fmla="*/ 0 w 100"/>
                <a:gd name="T9" fmla="*/ 2 h 180"/>
                <a:gd name="T10" fmla="*/ 0 w 100"/>
                <a:gd name="T11" fmla="*/ 2 h 180"/>
                <a:gd name="T12" fmla="*/ 0 w 100"/>
                <a:gd name="T13" fmla="*/ 4 h 180"/>
                <a:gd name="T14" fmla="*/ 1 w 100"/>
                <a:gd name="T15" fmla="*/ 5 h 180"/>
                <a:gd name="T16" fmla="*/ 2 w 100"/>
                <a:gd name="T17" fmla="*/ 5 h 180"/>
                <a:gd name="T18" fmla="*/ 2 w 100"/>
                <a:gd name="T19" fmla="*/ 5 h 180"/>
                <a:gd name="T20" fmla="*/ 3 w 100"/>
                <a:gd name="T21" fmla="*/ 4 h 180"/>
                <a:gd name="T22" fmla="*/ 3 w 100"/>
                <a:gd name="T23" fmla="*/ 3 h 180"/>
                <a:gd name="T24" fmla="*/ 2 w 100"/>
                <a:gd name="T25" fmla="*/ 2 h 180"/>
                <a:gd name="T26" fmla="*/ 2 w 100"/>
                <a:gd name="T27" fmla="*/ 1 h 180"/>
                <a:gd name="T28" fmla="*/ 1 w 100"/>
                <a:gd name="T29" fmla="*/ 0 h 180"/>
                <a:gd name="T30" fmla="*/ 1 w 100"/>
                <a:gd name="T31" fmla="*/ 0 h 180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00"/>
                <a:gd name="T49" fmla="*/ 0 h 180"/>
                <a:gd name="T50" fmla="*/ 100 w 100"/>
                <a:gd name="T51" fmla="*/ 180 h 180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00" h="180">
                  <a:moveTo>
                    <a:pt x="17" y="0"/>
                  </a:moveTo>
                  <a:lnTo>
                    <a:pt x="12" y="4"/>
                  </a:lnTo>
                  <a:lnTo>
                    <a:pt x="28" y="17"/>
                  </a:lnTo>
                  <a:lnTo>
                    <a:pt x="19" y="23"/>
                  </a:lnTo>
                  <a:lnTo>
                    <a:pt x="7" y="80"/>
                  </a:lnTo>
                  <a:lnTo>
                    <a:pt x="0" y="80"/>
                  </a:lnTo>
                  <a:lnTo>
                    <a:pt x="7" y="141"/>
                  </a:lnTo>
                  <a:lnTo>
                    <a:pt x="25" y="177"/>
                  </a:lnTo>
                  <a:lnTo>
                    <a:pt x="50" y="180"/>
                  </a:lnTo>
                  <a:lnTo>
                    <a:pt x="87" y="158"/>
                  </a:lnTo>
                  <a:lnTo>
                    <a:pt x="96" y="144"/>
                  </a:lnTo>
                  <a:lnTo>
                    <a:pt x="100" y="107"/>
                  </a:lnTo>
                  <a:lnTo>
                    <a:pt x="79" y="65"/>
                  </a:lnTo>
                  <a:lnTo>
                    <a:pt x="56" y="29"/>
                  </a:lnTo>
                  <a:lnTo>
                    <a:pt x="30" y="4"/>
                  </a:lnTo>
                  <a:lnTo>
                    <a:pt x="17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66" name="Freeform 105"/>
            <p:cNvSpPr>
              <a:spLocks noChangeAspect="1"/>
            </p:cNvSpPr>
            <p:nvPr/>
          </p:nvSpPr>
          <p:spPr bwMode="gray">
            <a:xfrm>
              <a:off x="7812088" y="3111501"/>
              <a:ext cx="141288" cy="153988"/>
            </a:xfrm>
            <a:custGeom>
              <a:avLst/>
              <a:gdLst>
                <a:gd name="T0" fmla="*/ 0 w 292"/>
                <a:gd name="T1" fmla="*/ 5 h 317"/>
                <a:gd name="T2" fmla="*/ 0 w 292"/>
                <a:gd name="T3" fmla="*/ 6 h 317"/>
                <a:gd name="T4" fmla="*/ 1 w 292"/>
                <a:gd name="T5" fmla="*/ 6 h 317"/>
                <a:gd name="T6" fmla="*/ 2 w 292"/>
                <a:gd name="T7" fmla="*/ 6 h 317"/>
                <a:gd name="T8" fmla="*/ 1 w 292"/>
                <a:gd name="T9" fmla="*/ 7 h 317"/>
                <a:gd name="T10" fmla="*/ 1 w 292"/>
                <a:gd name="T11" fmla="*/ 7 h 317"/>
                <a:gd name="T12" fmla="*/ 2 w 292"/>
                <a:gd name="T13" fmla="*/ 7 h 317"/>
                <a:gd name="T14" fmla="*/ 1 w 292"/>
                <a:gd name="T15" fmla="*/ 8 h 317"/>
                <a:gd name="T16" fmla="*/ 1 w 292"/>
                <a:gd name="T17" fmla="*/ 9 h 317"/>
                <a:gd name="T18" fmla="*/ 1 w 292"/>
                <a:gd name="T19" fmla="*/ 9 h 317"/>
                <a:gd name="T20" fmla="*/ 1 w 292"/>
                <a:gd name="T21" fmla="*/ 9 h 317"/>
                <a:gd name="T22" fmla="*/ 1 w 292"/>
                <a:gd name="T23" fmla="*/ 9 h 317"/>
                <a:gd name="T24" fmla="*/ 2 w 292"/>
                <a:gd name="T25" fmla="*/ 9 h 317"/>
                <a:gd name="T26" fmla="*/ 2 w 292"/>
                <a:gd name="T27" fmla="*/ 9 h 317"/>
                <a:gd name="T28" fmla="*/ 2 w 292"/>
                <a:gd name="T29" fmla="*/ 9 h 317"/>
                <a:gd name="T30" fmla="*/ 3 w 292"/>
                <a:gd name="T31" fmla="*/ 9 h 317"/>
                <a:gd name="T32" fmla="*/ 3 w 292"/>
                <a:gd name="T33" fmla="*/ 9 h 317"/>
                <a:gd name="T34" fmla="*/ 4 w 292"/>
                <a:gd name="T35" fmla="*/ 8 h 317"/>
                <a:gd name="T36" fmla="*/ 5 w 292"/>
                <a:gd name="T37" fmla="*/ 8 h 317"/>
                <a:gd name="T38" fmla="*/ 5 w 292"/>
                <a:gd name="T39" fmla="*/ 8 h 317"/>
                <a:gd name="T40" fmla="*/ 4 w 292"/>
                <a:gd name="T41" fmla="*/ 7 h 317"/>
                <a:gd name="T42" fmla="*/ 4 w 292"/>
                <a:gd name="T43" fmla="*/ 6 h 317"/>
                <a:gd name="T44" fmla="*/ 4 w 292"/>
                <a:gd name="T45" fmla="*/ 6 h 317"/>
                <a:gd name="T46" fmla="*/ 5 w 292"/>
                <a:gd name="T47" fmla="*/ 5 h 317"/>
                <a:gd name="T48" fmla="*/ 5 w 292"/>
                <a:gd name="T49" fmla="*/ 5 h 317"/>
                <a:gd name="T50" fmla="*/ 6 w 292"/>
                <a:gd name="T51" fmla="*/ 4 h 317"/>
                <a:gd name="T52" fmla="*/ 7 w 292"/>
                <a:gd name="T53" fmla="*/ 4 h 317"/>
                <a:gd name="T54" fmla="*/ 7 w 292"/>
                <a:gd name="T55" fmla="*/ 2 h 317"/>
                <a:gd name="T56" fmla="*/ 7 w 292"/>
                <a:gd name="T57" fmla="*/ 2 h 317"/>
                <a:gd name="T58" fmla="*/ 8 w 292"/>
                <a:gd name="T59" fmla="*/ 1 h 317"/>
                <a:gd name="T60" fmla="*/ 8 w 292"/>
                <a:gd name="T61" fmla="*/ 1 h 317"/>
                <a:gd name="T62" fmla="*/ 8 w 292"/>
                <a:gd name="T63" fmla="*/ 1 h 317"/>
                <a:gd name="T64" fmla="*/ 8 w 292"/>
                <a:gd name="T65" fmla="*/ 1 h 317"/>
                <a:gd name="T66" fmla="*/ 8 w 292"/>
                <a:gd name="T67" fmla="*/ 1 h 317"/>
                <a:gd name="T68" fmla="*/ 7 w 292"/>
                <a:gd name="T69" fmla="*/ 0 h 317"/>
                <a:gd name="T70" fmla="*/ 7 w 292"/>
                <a:gd name="T71" fmla="*/ 0 h 317"/>
                <a:gd name="T72" fmla="*/ 7 w 292"/>
                <a:gd name="T73" fmla="*/ 1 h 317"/>
                <a:gd name="T74" fmla="*/ 6 w 292"/>
                <a:gd name="T75" fmla="*/ 2 h 317"/>
                <a:gd name="T76" fmla="*/ 5 w 292"/>
                <a:gd name="T77" fmla="*/ 2 h 317"/>
                <a:gd name="T78" fmla="*/ 5 w 292"/>
                <a:gd name="T79" fmla="*/ 2 h 317"/>
                <a:gd name="T80" fmla="*/ 5 w 292"/>
                <a:gd name="T81" fmla="*/ 3 h 317"/>
                <a:gd name="T82" fmla="*/ 4 w 292"/>
                <a:gd name="T83" fmla="*/ 3 h 317"/>
                <a:gd name="T84" fmla="*/ 3 w 292"/>
                <a:gd name="T85" fmla="*/ 2 h 317"/>
                <a:gd name="T86" fmla="*/ 2 w 292"/>
                <a:gd name="T87" fmla="*/ 4 h 317"/>
                <a:gd name="T88" fmla="*/ 1 w 292"/>
                <a:gd name="T89" fmla="*/ 5 h 317"/>
                <a:gd name="T90" fmla="*/ 0 w 292"/>
                <a:gd name="T91" fmla="*/ 5 h 317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292"/>
                <a:gd name="T139" fmla="*/ 0 h 317"/>
                <a:gd name="T140" fmla="*/ 292 w 292"/>
                <a:gd name="T141" fmla="*/ 317 h 317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292" h="317">
                  <a:moveTo>
                    <a:pt x="0" y="187"/>
                  </a:moveTo>
                  <a:lnTo>
                    <a:pt x="13" y="207"/>
                  </a:lnTo>
                  <a:lnTo>
                    <a:pt x="23" y="203"/>
                  </a:lnTo>
                  <a:lnTo>
                    <a:pt x="52" y="211"/>
                  </a:lnTo>
                  <a:lnTo>
                    <a:pt x="40" y="253"/>
                  </a:lnTo>
                  <a:lnTo>
                    <a:pt x="42" y="260"/>
                  </a:lnTo>
                  <a:lnTo>
                    <a:pt x="49" y="260"/>
                  </a:lnTo>
                  <a:lnTo>
                    <a:pt x="30" y="271"/>
                  </a:lnTo>
                  <a:lnTo>
                    <a:pt x="18" y="297"/>
                  </a:lnTo>
                  <a:lnTo>
                    <a:pt x="40" y="295"/>
                  </a:lnTo>
                  <a:lnTo>
                    <a:pt x="32" y="303"/>
                  </a:lnTo>
                  <a:lnTo>
                    <a:pt x="43" y="317"/>
                  </a:lnTo>
                  <a:lnTo>
                    <a:pt x="59" y="312"/>
                  </a:lnTo>
                  <a:lnTo>
                    <a:pt x="59" y="300"/>
                  </a:lnTo>
                  <a:lnTo>
                    <a:pt x="81" y="314"/>
                  </a:lnTo>
                  <a:lnTo>
                    <a:pt x="94" y="307"/>
                  </a:lnTo>
                  <a:lnTo>
                    <a:pt x="102" y="314"/>
                  </a:lnTo>
                  <a:lnTo>
                    <a:pt x="130" y="286"/>
                  </a:lnTo>
                  <a:lnTo>
                    <a:pt x="159" y="286"/>
                  </a:lnTo>
                  <a:lnTo>
                    <a:pt x="185" y="268"/>
                  </a:lnTo>
                  <a:lnTo>
                    <a:pt x="154" y="234"/>
                  </a:lnTo>
                  <a:lnTo>
                    <a:pt x="143" y="229"/>
                  </a:lnTo>
                  <a:lnTo>
                    <a:pt x="145" y="194"/>
                  </a:lnTo>
                  <a:lnTo>
                    <a:pt x="167" y="178"/>
                  </a:lnTo>
                  <a:lnTo>
                    <a:pt x="185" y="177"/>
                  </a:lnTo>
                  <a:lnTo>
                    <a:pt x="216" y="153"/>
                  </a:lnTo>
                  <a:lnTo>
                    <a:pt x="247" y="126"/>
                  </a:lnTo>
                  <a:lnTo>
                    <a:pt x="247" y="85"/>
                  </a:lnTo>
                  <a:lnTo>
                    <a:pt x="264" y="63"/>
                  </a:lnTo>
                  <a:lnTo>
                    <a:pt x="281" y="42"/>
                  </a:lnTo>
                  <a:lnTo>
                    <a:pt x="292" y="42"/>
                  </a:lnTo>
                  <a:lnTo>
                    <a:pt x="291" y="34"/>
                  </a:lnTo>
                  <a:lnTo>
                    <a:pt x="287" y="25"/>
                  </a:lnTo>
                  <a:lnTo>
                    <a:pt x="281" y="23"/>
                  </a:lnTo>
                  <a:lnTo>
                    <a:pt x="264" y="0"/>
                  </a:lnTo>
                  <a:lnTo>
                    <a:pt x="255" y="8"/>
                  </a:lnTo>
                  <a:lnTo>
                    <a:pt x="242" y="40"/>
                  </a:lnTo>
                  <a:lnTo>
                    <a:pt x="215" y="59"/>
                  </a:lnTo>
                  <a:lnTo>
                    <a:pt x="177" y="63"/>
                  </a:lnTo>
                  <a:lnTo>
                    <a:pt x="174" y="70"/>
                  </a:lnTo>
                  <a:lnTo>
                    <a:pt x="179" y="97"/>
                  </a:lnTo>
                  <a:lnTo>
                    <a:pt x="143" y="101"/>
                  </a:lnTo>
                  <a:lnTo>
                    <a:pt x="117" y="88"/>
                  </a:lnTo>
                  <a:lnTo>
                    <a:pt x="71" y="133"/>
                  </a:lnTo>
                  <a:lnTo>
                    <a:pt x="23" y="156"/>
                  </a:lnTo>
                  <a:lnTo>
                    <a:pt x="0" y="18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67" name="Freeform 106"/>
            <p:cNvSpPr>
              <a:spLocks noChangeAspect="1" noEditPoints="1"/>
            </p:cNvSpPr>
            <p:nvPr/>
          </p:nvSpPr>
          <p:spPr bwMode="gray">
            <a:xfrm>
              <a:off x="7315200" y="3644901"/>
              <a:ext cx="160338" cy="338138"/>
            </a:xfrm>
            <a:custGeom>
              <a:avLst/>
              <a:gdLst>
                <a:gd name="T0" fmla="*/ 7 w 328"/>
                <a:gd name="T1" fmla="*/ 3 h 698"/>
                <a:gd name="T2" fmla="*/ 6 w 328"/>
                <a:gd name="T3" fmla="*/ 4 h 698"/>
                <a:gd name="T4" fmla="*/ 5 w 328"/>
                <a:gd name="T5" fmla="*/ 5 h 698"/>
                <a:gd name="T6" fmla="*/ 5 w 328"/>
                <a:gd name="T7" fmla="*/ 6 h 698"/>
                <a:gd name="T8" fmla="*/ 6 w 328"/>
                <a:gd name="T9" fmla="*/ 8 h 698"/>
                <a:gd name="T10" fmla="*/ 7 w 328"/>
                <a:gd name="T11" fmla="*/ 9 h 698"/>
                <a:gd name="T12" fmla="*/ 8 w 328"/>
                <a:gd name="T13" fmla="*/ 10 h 698"/>
                <a:gd name="T14" fmla="*/ 8 w 328"/>
                <a:gd name="T15" fmla="*/ 10 h 698"/>
                <a:gd name="T16" fmla="*/ 9 w 328"/>
                <a:gd name="T17" fmla="*/ 12 h 698"/>
                <a:gd name="T18" fmla="*/ 10 w 328"/>
                <a:gd name="T19" fmla="*/ 14 h 698"/>
                <a:gd name="T20" fmla="*/ 9 w 328"/>
                <a:gd name="T21" fmla="*/ 15 h 698"/>
                <a:gd name="T22" fmla="*/ 9 w 328"/>
                <a:gd name="T23" fmla="*/ 16 h 698"/>
                <a:gd name="T24" fmla="*/ 8 w 328"/>
                <a:gd name="T25" fmla="*/ 17 h 698"/>
                <a:gd name="T26" fmla="*/ 6 w 328"/>
                <a:gd name="T27" fmla="*/ 17 h 698"/>
                <a:gd name="T28" fmla="*/ 6 w 328"/>
                <a:gd name="T29" fmla="*/ 18 h 698"/>
                <a:gd name="T30" fmla="*/ 6 w 328"/>
                <a:gd name="T31" fmla="*/ 19 h 698"/>
                <a:gd name="T32" fmla="*/ 5 w 328"/>
                <a:gd name="T33" fmla="*/ 19 h 698"/>
                <a:gd name="T34" fmla="*/ 5 w 328"/>
                <a:gd name="T35" fmla="*/ 19 h 698"/>
                <a:gd name="T36" fmla="*/ 4 w 328"/>
                <a:gd name="T37" fmla="*/ 20 h 698"/>
                <a:gd name="T38" fmla="*/ 4 w 328"/>
                <a:gd name="T39" fmla="*/ 20 h 698"/>
                <a:gd name="T40" fmla="*/ 3 w 328"/>
                <a:gd name="T41" fmla="*/ 18 h 698"/>
                <a:gd name="T42" fmla="*/ 3 w 328"/>
                <a:gd name="T43" fmla="*/ 18 h 698"/>
                <a:gd name="T44" fmla="*/ 4 w 328"/>
                <a:gd name="T45" fmla="*/ 17 h 698"/>
                <a:gd name="T46" fmla="*/ 4 w 328"/>
                <a:gd name="T47" fmla="*/ 17 h 698"/>
                <a:gd name="T48" fmla="*/ 5 w 328"/>
                <a:gd name="T49" fmla="*/ 16 h 698"/>
                <a:gd name="T50" fmla="*/ 6 w 328"/>
                <a:gd name="T51" fmla="*/ 15 h 698"/>
                <a:gd name="T52" fmla="*/ 7 w 328"/>
                <a:gd name="T53" fmla="*/ 15 h 698"/>
                <a:gd name="T54" fmla="*/ 7 w 328"/>
                <a:gd name="T55" fmla="*/ 15 h 698"/>
                <a:gd name="T56" fmla="*/ 7 w 328"/>
                <a:gd name="T57" fmla="*/ 13 h 698"/>
                <a:gd name="T58" fmla="*/ 7 w 328"/>
                <a:gd name="T59" fmla="*/ 11 h 698"/>
                <a:gd name="T60" fmla="*/ 6 w 328"/>
                <a:gd name="T61" fmla="*/ 9 h 698"/>
                <a:gd name="T62" fmla="*/ 6 w 328"/>
                <a:gd name="T63" fmla="*/ 9 h 698"/>
                <a:gd name="T64" fmla="*/ 5 w 328"/>
                <a:gd name="T65" fmla="*/ 8 h 698"/>
                <a:gd name="T66" fmla="*/ 4 w 328"/>
                <a:gd name="T67" fmla="*/ 6 h 698"/>
                <a:gd name="T68" fmla="*/ 2 w 328"/>
                <a:gd name="T69" fmla="*/ 5 h 698"/>
                <a:gd name="T70" fmla="*/ 3 w 328"/>
                <a:gd name="T71" fmla="*/ 5 h 698"/>
                <a:gd name="T72" fmla="*/ 3 w 328"/>
                <a:gd name="T73" fmla="*/ 3 h 698"/>
                <a:gd name="T74" fmla="*/ 1 w 328"/>
                <a:gd name="T75" fmla="*/ 3 h 698"/>
                <a:gd name="T76" fmla="*/ 1 w 328"/>
                <a:gd name="T77" fmla="*/ 2 h 698"/>
                <a:gd name="T78" fmla="*/ 0 w 328"/>
                <a:gd name="T79" fmla="*/ 1 h 698"/>
                <a:gd name="T80" fmla="*/ 1 w 328"/>
                <a:gd name="T81" fmla="*/ 1 h 698"/>
                <a:gd name="T82" fmla="*/ 2 w 328"/>
                <a:gd name="T83" fmla="*/ 1 h 698"/>
                <a:gd name="T84" fmla="*/ 2 w 328"/>
                <a:gd name="T85" fmla="*/ 1 h 698"/>
                <a:gd name="T86" fmla="*/ 3 w 328"/>
                <a:gd name="T87" fmla="*/ 1 h 698"/>
                <a:gd name="T88" fmla="*/ 5 w 328"/>
                <a:gd name="T89" fmla="*/ 1 h 698"/>
                <a:gd name="T90" fmla="*/ 6 w 328"/>
                <a:gd name="T91" fmla="*/ 1 h 698"/>
                <a:gd name="T92" fmla="*/ 6 w 328"/>
                <a:gd name="T93" fmla="*/ 2 h 698"/>
                <a:gd name="T94" fmla="*/ 8 w 328"/>
                <a:gd name="T95" fmla="*/ 2 h 698"/>
                <a:gd name="T96" fmla="*/ 2 w 328"/>
                <a:gd name="T97" fmla="*/ 18 h 698"/>
                <a:gd name="T98" fmla="*/ 2 w 328"/>
                <a:gd name="T99" fmla="*/ 17 h 698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328"/>
                <a:gd name="T151" fmla="*/ 0 h 698"/>
                <a:gd name="T152" fmla="*/ 328 w 328"/>
                <a:gd name="T153" fmla="*/ 698 h 698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328" h="698">
                  <a:moveTo>
                    <a:pt x="262" y="85"/>
                  </a:moveTo>
                  <a:lnTo>
                    <a:pt x="236" y="94"/>
                  </a:lnTo>
                  <a:lnTo>
                    <a:pt x="235" y="103"/>
                  </a:lnTo>
                  <a:lnTo>
                    <a:pt x="201" y="127"/>
                  </a:lnTo>
                  <a:lnTo>
                    <a:pt x="199" y="139"/>
                  </a:lnTo>
                  <a:lnTo>
                    <a:pt x="173" y="162"/>
                  </a:lnTo>
                  <a:lnTo>
                    <a:pt x="157" y="204"/>
                  </a:lnTo>
                  <a:lnTo>
                    <a:pt x="160" y="226"/>
                  </a:lnTo>
                  <a:lnTo>
                    <a:pt x="187" y="249"/>
                  </a:lnTo>
                  <a:lnTo>
                    <a:pt x="193" y="271"/>
                  </a:lnTo>
                  <a:lnTo>
                    <a:pt x="221" y="302"/>
                  </a:lnTo>
                  <a:lnTo>
                    <a:pt x="252" y="333"/>
                  </a:lnTo>
                  <a:lnTo>
                    <a:pt x="266" y="334"/>
                  </a:lnTo>
                  <a:lnTo>
                    <a:pt x="272" y="347"/>
                  </a:lnTo>
                  <a:lnTo>
                    <a:pt x="277" y="343"/>
                  </a:lnTo>
                  <a:lnTo>
                    <a:pt x="284" y="362"/>
                  </a:lnTo>
                  <a:lnTo>
                    <a:pt x="303" y="382"/>
                  </a:lnTo>
                  <a:lnTo>
                    <a:pt x="317" y="424"/>
                  </a:lnTo>
                  <a:lnTo>
                    <a:pt x="326" y="500"/>
                  </a:lnTo>
                  <a:lnTo>
                    <a:pt x="328" y="508"/>
                  </a:lnTo>
                  <a:lnTo>
                    <a:pt x="321" y="518"/>
                  </a:lnTo>
                  <a:lnTo>
                    <a:pt x="318" y="520"/>
                  </a:lnTo>
                  <a:lnTo>
                    <a:pt x="320" y="554"/>
                  </a:lnTo>
                  <a:lnTo>
                    <a:pt x="311" y="571"/>
                  </a:lnTo>
                  <a:lnTo>
                    <a:pt x="272" y="588"/>
                  </a:lnTo>
                  <a:lnTo>
                    <a:pt x="266" y="597"/>
                  </a:lnTo>
                  <a:lnTo>
                    <a:pt x="233" y="613"/>
                  </a:lnTo>
                  <a:lnTo>
                    <a:pt x="210" y="613"/>
                  </a:lnTo>
                  <a:lnTo>
                    <a:pt x="204" y="628"/>
                  </a:lnTo>
                  <a:lnTo>
                    <a:pt x="193" y="636"/>
                  </a:lnTo>
                  <a:lnTo>
                    <a:pt x="198" y="645"/>
                  </a:lnTo>
                  <a:lnTo>
                    <a:pt x="194" y="651"/>
                  </a:lnTo>
                  <a:lnTo>
                    <a:pt x="174" y="634"/>
                  </a:lnTo>
                  <a:lnTo>
                    <a:pt x="179" y="653"/>
                  </a:lnTo>
                  <a:lnTo>
                    <a:pt x="179" y="658"/>
                  </a:lnTo>
                  <a:lnTo>
                    <a:pt x="159" y="668"/>
                  </a:lnTo>
                  <a:lnTo>
                    <a:pt x="130" y="698"/>
                  </a:lnTo>
                  <a:lnTo>
                    <a:pt x="123" y="698"/>
                  </a:lnTo>
                  <a:lnTo>
                    <a:pt x="122" y="692"/>
                  </a:lnTo>
                  <a:lnTo>
                    <a:pt x="125" y="689"/>
                  </a:lnTo>
                  <a:lnTo>
                    <a:pt x="120" y="660"/>
                  </a:lnTo>
                  <a:lnTo>
                    <a:pt x="120" y="647"/>
                  </a:lnTo>
                  <a:lnTo>
                    <a:pt x="130" y="630"/>
                  </a:lnTo>
                  <a:lnTo>
                    <a:pt x="109" y="619"/>
                  </a:lnTo>
                  <a:lnTo>
                    <a:pt x="103" y="609"/>
                  </a:lnTo>
                  <a:lnTo>
                    <a:pt x="123" y="604"/>
                  </a:lnTo>
                  <a:lnTo>
                    <a:pt x="128" y="593"/>
                  </a:lnTo>
                  <a:lnTo>
                    <a:pt x="140" y="594"/>
                  </a:lnTo>
                  <a:lnTo>
                    <a:pt x="168" y="580"/>
                  </a:lnTo>
                  <a:lnTo>
                    <a:pt x="170" y="554"/>
                  </a:lnTo>
                  <a:lnTo>
                    <a:pt x="193" y="550"/>
                  </a:lnTo>
                  <a:lnTo>
                    <a:pt x="194" y="542"/>
                  </a:lnTo>
                  <a:lnTo>
                    <a:pt x="216" y="535"/>
                  </a:lnTo>
                  <a:lnTo>
                    <a:pt x="232" y="525"/>
                  </a:lnTo>
                  <a:lnTo>
                    <a:pt x="238" y="526"/>
                  </a:lnTo>
                  <a:lnTo>
                    <a:pt x="244" y="520"/>
                  </a:lnTo>
                  <a:lnTo>
                    <a:pt x="247" y="467"/>
                  </a:lnTo>
                  <a:lnTo>
                    <a:pt x="238" y="441"/>
                  </a:lnTo>
                  <a:lnTo>
                    <a:pt x="240" y="411"/>
                  </a:lnTo>
                  <a:lnTo>
                    <a:pt x="240" y="382"/>
                  </a:lnTo>
                  <a:lnTo>
                    <a:pt x="225" y="339"/>
                  </a:lnTo>
                  <a:lnTo>
                    <a:pt x="207" y="323"/>
                  </a:lnTo>
                  <a:lnTo>
                    <a:pt x="199" y="323"/>
                  </a:lnTo>
                  <a:lnTo>
                    <a:pt x="194" y="311"/>
                  </a:lnTo>
                  <a:lnTo>
                    <a:pt x="187" y="288"/>
                  </a:lnTo>
                  <a:lnTo>
                    <a:pt x="168" y="276"/>
                  </a:lnTo>
                  <a:lnTo>
                    <a:pt x="133" y="235"/>
                  </a:lnTo>
                  <a:lnTo>
                    <a:pt x="130" y="223"/>
                  </a:lnTo>
                  <a:lnTo>
                    <a:pt x="79" y="192"/>
                  </a:lnTo>
                  <a:lnTo>
                    <a:pt x="84" y="172"/>
                  </a:lnTo>
                  <a:lnTo>
                    <a:pt x="105" y="172"/>
                  </a:lnTo>
                  <a:lnTo>
                    <a:pt x="116" y="161"/>
                  </a:lnTo>
                  <a:lnTo>
                    <a:pt x="118" y="152"/>
                  </a:lnTo>
                  <a:lnTo>
                    <a:pt x="97" y="122"/>
                  </a:lnTo>
                  <a:lnTo>
                    <a:pt x="89" y="111"/>
                  </a:lnTo>
                  <a:lnTo>
                    <a:pt x="43" y="113"/>
                  </a:lnTo>
                  <a:lnTo>
                    <a:pt x="30" y="99"/>
                  </a:lnTo>
                  <a:lnTo>
                    <a:pt x="32" y="82"/>
                  </a:lnTo>
                  <a:lnTo>
                    <a:pt x="26" y="74"/>
                  </a:lnTo>
                  <a:lnTo>
                    <a:pt x="0" y="39"/>
                  </a:lnTo>
                  <a:lnTo>
                    <a:pt x="12" y="23"/>
                  </a:lnTo>
                  <a:lnTo>
                    <a:pt x="37" y="34"/>
                  </a:lnTo>
                  <a:lnTo>
                    <a:pt x="54" y="25"/>
                  </a:lnTo>
                  <a:lnTo>
                    <a:pt x="59" y="28"/>
                  </a:lnTo>
                  <a:lnTo>
                    <a:pt x="71" y="25"/>
                  </a:lnTo>
                  <a:lnTo>
                    <a:pt x="74" y="31"/>
                  </a:lnTo>
                  <a:lnTo>
                    <a:pt x="89" y="20"/>
                  </a:lnTo>
                  <a:lnTo>
                    <a:pt x="101" y="22"/>
                  </a:lnTo>
                  <a:lnTo>
                    <a:pt x="137" y="0"/>
                  </a:lnTo>
                  <a:lnTo>
                    <a:pt x="173" y="17"/>
                  </a:lnTo>
                  <a:lnTo>
                    <a:pt x="199" y="20"/>
                  </a:lnTo>
                  <a:lnTo>
                    <a:pt x="202" y="28"/>
                  </a:lnTo>
                  <a:lnTo>
                    <a:pt x="199" y="40"/>
                  </a:lnTo>
                  <a:lnTo>
                    <a:pt x="210" y="64"/>
                  </a:lnTo>
                  <a:lnTo>
                    <a:pt x="233" y="79"/>
                  </a:lnTo>
                  <a:lnTo>
                    <a:pt x="262" y="85"/>
                  </a:lnTo>
                  <a:close/>
                  <a:moveTo>
                    <a:pt x="77" y="616"/>
                  </a:moveTo>
                  <a:lnTo>
                    <a:pt x="84" y="626"/>
                  </a:lnTo>
                  <a:lnTo>
                    <a:pt x="80" y="611"/>
                  </a:lnTo>
                  <a:lnTo>
                    <a:pt x="77" y="61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68" name="Freeform 107"/>
            <p:cNvSpPr>
              <a:spLocks noChangeAspect="1" noEditPoints="1"/>
            </p:cNvSpPr>
            <p:nvPr/>
          </p:nvSpPr>
          <p:spPr bwMode="gray">
            <a:xfrm>
              <a:off x="7212013" y="3703638"/>
              <a:ext cx="176213" cy="346075"/>
            </a:xfrm>
            <a:custGeom>
              <a:avLst/>
              <a:gdLst>
                <a:gd name="T0" fmla="*/ 7 w 362"/>
                <a:gd name="T1" fmla="*/ 12 h 709"/>
                <a:gd name="T2" fmla="*/ 6 w 362"/>
                <a:gd name="T3" fmla="*/ 11 h 709"/>
                <a:gd name="T4" fmla="*/ 4 w 362"/>
                <a:gd name="T5" fmla="*/ 10 h 709"/>
                <a:gd name="T6" fmla="*/ 3 w 362"/>
                <a:gd name="T7" fmla="*/ 10 h 709"/>
                <a:gd name="T8" fmla="*/ 3 w 362"/>
                <a:gd name="T9" fmla="*/ 12 h 709"/>
                <a:gd name="T10" fmla="*/ 2 w 362"/>
                <a:gd name="T11" fmla="*/ 14 h 709"/>
                <a:gd name="T12" fmla="*/ 2 w 362"/>
                <a:gd name="T13" fmla="*/ 16 h 709"/>
                <a:gd name="T14" fmla="*/ 3 w 362"/>
                <a:gd name="T15" fmla="*/ 17 h 709"/>
                <a:gd name="T16" fmla="*/ 4 w 362"/>
                <a:gd name="T17" fmla="*/ 18 h 709"/>
                <a:gd name="T18" fmla="*/ 5 w 362"/>
                <a:gd name="T19" fmla="*/ 19 h 709"/>
                <a:gd name="T20" fmla="*/ 6 w 362"/>
                <a:gd name="T21" fmla="*/ 20 h 709"/>
                <a:gd name="T22" fmla="*/ 5 w 362"/>
                <a:gd name="T23" fmla="*/ 21 h 709"/>
                <a:gd name="T24" fmla="*/ 5 w 362"/>
                <a:gd name="T25" fmla="*/ 20 h 709"/>
                <a:gd name="T26" fmla="*/ 3 w 362"/>
                <a:gd name="T27" fmla="*/ 20 h 709"/>
                <a:gd name="T28" fmla="*/ 2 w 362"/>
                <a:gd name="T29" fmla="*/ 17 h 709"/>
                <a:gd name="T30" fmla="*/ 1 w 362"/>
                <a:gd name="T31" fmla="*/ 16 h 709"/>
                <a:gd name="T32" fmla="*/ 2 w 362"/>
                <a:gd name="T33" fmla="*/ 14 h 709"/>
                <a:gd name="T34" fmla="*/ 3 w 362"/>
                <a:gd name="T35" fmla="*/ 12 h 709"/>
                <a:gd name="T36" fmla="*/ 2 w 362"/>
                <a:gd name="T37" fmla="*/ 10 h 709"/>
                <a:gd name="T38" fmla="*/ 1 w 362"/>
                <a:gd name="T39" fmla="*/ 8 h 709"/>
                <a:gd name="T40" fmla="*/ 1 w 362"/>
                <a:gd name="T41" fmla="*/ 7 h 709"/>
                <a:gd name="T42" fmla="*/ 2 w 362"/>
                <a:gd name="T43" fmla="*/ 6 h 709"/>
                <a:gd name="T44" fmla="*/ 1 w 362"/>
                <a:gd name="T45" fmla="*/ 6 h 709"/>
                <a:gd name="T46" fmla="*/ 1 w 362"/>
                <a:gd name="T47" fmla="*/ 4 h 709"/>
                <a:gd name="T48" fmla="*/ 0 w 362"/>
                <a:gd name="T49" fmla="*/ 3 h 709"/>
                <a:gd name="T50" fmla="*/ 1 w 362"/>
                <a:gd name="T51" fmla="*/ 2 h 709"/>
                <a:gd name="T52" fmla="*/ 2 w 362"/>
                <a:gd name="T53" fmla="*/ 1 h 709"/>
                <a:gd name="T54" fmla="*/ 3 w 362"/>
                <a:gd name="T55" fmla="*/ 0 h 709"/>
                <a:gd name="T56" fmla="*/ 4 w 362"/>
                <a:gd name="T57" fmla="*/ 0 h 709"/>
                <a:gd name="T58" fmla="*/ 4 w 362"/>
                <a:gd name="T59" fmla="*/ 1 h 709"/>
                <a:gd name="T60" fmla="*/ 5 w 362"/>
                <a:gd name="T61" fmla="*/ 2 h 709"/>
                <a:gd name="T62" fmla="*/ 4 w 362"/>
                <a:gd name="T63" fmla="*/ 4 h 709"/>
                <a:gd name="T64" fmla="*/ 6 w 362"/>
                <a:gd name="T65" fmla="*/ 3 h 709"/>
                <a:gd name="T66" fmla="*/ 6 w 362"/>
                <a:gd name="T67" fmla="*/ 4 h 709"/>
                <a:gd name="T68" fmla="*/ 7 w 362"/>
                <a:gd name="T69" fmla="*/ 4 h 709"/>
                <a:gd name="T70" fmla="*/ 8 w 362"/>
                <a:gd name="T71" fmla="*/ 3 h 709"/>
                <a:gd name="T72" fmla="*/ 9 w 362"/>
                <a:gd name="T73" fmla="*/ 4 h 709"/>
                <a:gd name="T74" fmla="*/ 10 w 362"/>
                <a:gd name="T75" fmla="*/ 6 h 709"/>
                <a:gd name="T76" fmla="*/ 10 w 362"/>
                <a:gd name="T77" fmla="*/ 6 h 709"/>
                <a:gd name="T78" fmla="*/ 10 w 362"/>
                <a:gd name="T79" fmla="*/ 8 h 709"/>
                <a:gd name="T80" fmla="*/ 10 w 362"/>
                <a:gd name="T81" fmla="*/ 9 h 709"/>
                <a:gd name="T82" fmla="*/ 10 w 362"/>
                <a:gd name="T83" fmla="*/ 9 h 709"/>
                <a:gd name="T84" fmla="*/ 7 w 362"/>
                <a:gd name="T85" fmla="*/ 9 h 709"/>
                <a:gd name="T86" fmla="*/ 6 w 362"/>
                <a:gd name="T87" fmla="*/ 10 h 709"/>
                <a:gd name="T88" fmla="*/ 6 w 362"/>
                <a:gd name="T89" fmla="*/ 11 h 709"/>
                <a:gd name="T90" fmla="*/ 7 w 362"/>
                <a:gd name="T91" fmla="*/ 13 h 709"/>
                <a:gd name="T92" fmla="*/ 1 w 362"/>
                <a:gd name="T93" fmla="*/ 18 h 709"/>
                <a:gd name="T94" fmla="*/ 1 w 362"/>
                <a:gd name="T95" fmla="*/ 18 h 709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362"/>
                <a:gd name="T145" fmla="*/ 0 h 709"/>
                <a:gd name="T146" fmla="*/ 362 w 362"/>
                <a:gd name="T147" fmla="*/ 709 h 709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362" h="709">
                  <a:moveTo>
                    <a:pt x="244" y="433"/>
                  </a:moveTo>
                  <a:lnTo>
                    <a:pt x="232" y="413"/>
                  </a:lnTo>
                  <a:lnTo>
                    <a:pt x="216" y="406"/>
                  </a:lnTo>
                  <a:lnTo>
                    <a:pt x="196" y="386"/>
                  </a:lnTo>
                  <a:lnTo>
                    <a:pt x="154" y="387"/>
                  </a:lnTo>
                  <a:lnTo>
                    <a:pt x="151" y="347"/>
                  </a:lnTo>
                  <a:lnTo>
                    <a:pt x="120" y="345"/>
                  </a:lnTo>
                  <a:lnTo>
                    <a:pt x="108" y="348"/>
                  </a:lnTo>
                  <a:lnTo>
                    <a:pt x="111" y="367"/>
                  </a:lnTo>
                  <a:lnTo>
                    <a:pt x="106" y="409"/>
                  </a:lnTo>
                  <a:lnTo>
                    <a:pt x="93" y="433"/>
                  </a:lnTo>
                  <a:lnTo>
                    <a:pt x="86" y="463"/>
                  </a:lnTo>
                  <a:lnTo>
                    <a:pt x="71" y="497"/>
                  </a:lnTo>
                  <a:lnTo>
                    <a:pt x="76" y="545"/>
                  </a:lnTo>
                  <a:lnTo>
                    <a:pt x="103" y="545"/>
                  </a:lnTo>
                  <a:lnTo>
                    <a:pt x="113" y="579"/>
                  </a:lnTo>
                  <a:lnTo>
                    <a:pt x="127" y="596"/>
                  </a:lnTo>
                  <a:lnTo>
                    <a:pt x="137" y="633"/>
                  </a:lnTo>
                  <a:lnTo>
                    <a:pt x="153" y="650"/>
                  </a:lnTo>
                  <a:lnTo>
                    <a:pt x="181" y="653"/>
                  </a:lnTo>
                  <a:lnTo>
                    <a:pt x="210" y="686"/>
                  </a:lnTo>
                  <a:lnTo>
                    <a:pt x="205" y="697"/>
                  </a:lnTo>
                  <a:lnTo>
                    <a:pt x="187" y="695"/>
                  </a:lnTo>
                  <a:lnTo>
                    <a:pt x="165" y="709"/>
                  </a:lnTo>
                  <a:lnTo>
                    <a:pt x="165" y="686"/>
                  </a:lnTo>
                  <a:lnTo>
                    <a:pt x="156" y="673"/>
                  </a:lnTo>
                  <a:lnTo>
                    <a:pt x="119" y="661"/>
                  </a:lnTo>
                  <a:lnTo>
                    <a:pt x="122" y="673"/>
                  </a:lnTo>
                  <a:lnTo>
                    <a:pt x="71" y="611"/>
                  </a:lnTo>
                  <a:lnTo>
                    <a:pt x="51" y="590"/>
                  </a:lnTo>
                  <a:lnTo>
                    <a:pt x="34" y="593"/>
                  </a:lnTo>
                  <a:lnTo>
                    <a:pt x="32" y="557"/>
                  </a:lnTo>
                  <a:lnTo>
                    <a:pt x="49" y="500"/>
                  </a:lnTo>
                  <a:lnTo>
                    <a:pt x="60" y="469"/>
                  </a:lnTo>
                  <a:lnTo>
                    <a:pt x="76" y="452"/>
                  </a:lnTo>
                  <a:lnTo>
                    <a:pt x="93" y="421"/>
                  </a:lnTo>
                  <a:lnTo>
                    <a:pt x="69" y="364"/>
                  </a:lnTo>
                  <a:lnTo>
                    <a:pt x="64" y="325"/>
                  </a:lnTo>
                  <a:lnTo>
                    <a:pt x="32" y="296"/>
                  </a:lnTo>
                  <a:lnTo>
                    <a:pt x="27" y="282"/>
                  </a:lnTo>
                  <a:lnTo>
                    <a:pt x="29" y="271"/>
                  </a:lnTo>
                  <a:lnTo>
                    <a:pt x="42" y="254"/>
                  </a:lnTo>
                  <a:lnTo>
                    <a:pt x="44" y="237"/>
                  </a:lnTo>
                  <a:lnTo>
                    <a:pt x="54" y="220"/>
                  </a:lnTo>
                  <a:lnTo>
                    <a:pt x="51" y="212"/>
                  </a:lnTo>
                  <a:lnTo>
                    <a:pt x="42" y="211"/>
                  </a:lnTo>
                  <a:lnTo>
                    <a:pt x="40" y="174"/>
                  </a:lnTo>
                  <a:lnTo>
                    <a:pt x="15" y="152"/>
                  </a:lnTo>
                  <a:lnTo>
                    <a:pt x="0" y="113"/>
                  </a:lnTo>
                  <a:lnTo>
                    <a:pt x="6" y="108"/>
                  </a:lnTo>
                  <a:lnTo>
                    <a:pt x="6" y="90"/>
                  </a:lnTo>
                  <a:lnTo>
                    <a:pt x="20" y="56"/>
                  </a:lnTo>
                  <a:lnTo>
                    <a:pt x="55" y="50"/>
                  </a:lnTo>
                  <a:lnTo>
                    <a:pt x="86" y="27"/>
                  </a:lnTo>
                  <a:lnTo>
                    <a:pt x="105" y="20"/>
                  </a:lnTo>
                  <a:lnTo>
                    <a:pt x="120" y="0"/>
                  </a:lnTo>
                  <a:lnTo>
                    <a:pt x="120" y="10"/>
                  </a:lnTo>
                  <a:lnTo>
                    <a:pt x="125" y="10"/>
                  </a:lnTo>
                  <a:lnTo>
                    <a:pt x="134" y="20"/>
                  </a:lnTo>
                  <a:lnTo>
                    <a:pt x="136" y="44"/>
                  </a:lnTo>
                  <a:lnTo>
                    <a:pt x="136" y="48"/>
                  </a:lnTo>
                  <a:lnTo>
                    <a:pt x="162" y="54"/>
                  </a:lnTo>
                  <a:lnTo>
                    <a:pt x="161" y="95"/>
                  </a:lnTo>
                  <a:lnTo>
                    <a:pt x="151" y="137"/>
                  </a:lnTo>
                  <a:lnTo>
                    <a:pt x="154" y="152"/>
                  </a:lnTo>
                  <a:lnTo>
                    <a:pt x="196" y="121"/>
                  </a:lnTo>
                  <a:lnTo>
                    <a:pt x="210" y="121"/>
                  </a:lnTo>
                  <a:lnTo>
                    <a:pt x="215" y="130"/>
                  </a:lnTo>
                  <a:lnTo>
                    <a:pt x="229" y="135"/>
                  </a:lnTo>
                  <a:lnTo>
                    <a:pt x="246" y="129"/>
                  </a:lnTo>
                  <a:lnTo>
                    <a:pt x="252" y="115"/>
                  </a:lnTo>
                  <a:lnTo>
                    <a:pt x="271" y="113"/>
                  </a:lnTo>
                  <a:lnTo>
                    <a:pt x="281" y="113"/>
                  </a:lnTo>
                  <a:lnTo>
                    <a:pt x="317" y="152"/>
                  </a:lnTo>
                  <a:lnTo>
                    <a:pt x="323" y="171"/>
                  </a:lnTo>
                  <a:lnTo>
                    <a:pt x="326" y="211"/>
                  </a:lnTo>
                  <a:lnTo>
                    <a:pt x="340" y="225"/>
                  </a:lnTo>
                  <a:lnTo>
                    <a:pt x="346" y="225"/>
                  </a:lnTo>
                  <a:lnTo>
                    <a:pt x="362" y="245"/>
                  </a:lnTo>
                  <a:lnTo>
                    <a:pt x="362" y="259"/>
                  </a:lnTo>
                  <a:lnTo>
                    <a:pt x="359" y="297"/>
                  </a:lnTo>
                  <a:lnTo>
                    <a:pt x="349" y="310"/>
                  </a:lnTo>
                  <a:lnTo>
                    <a:pt x="340" y="313"/>
                  </a:lnTo>
                  <a:lnTo>
                    <a:pt x="332" y="306"/>
                  </a:lnTo>
                  <a:lnTo>
                    <a:pt x="295" y="308"/>
                  </a:lnTo>
                  <a:lnTo>
                    <a:pt x="257" y="305"/>
                  </a:lnTo>
                  <a:lnTo>
                    <a:pt x="227" y="331"/>
                  </a:lnTo>
                  <a:lnTo>
                    <a:pt x="216" y="345"/>
                  </a:lnTo>
                  <a:lnTo>
                    <a:pt x="215" y="361"/>
                  </a:lnTo>
                  <a:lnTo>
                    <a:pt x="224" y="387"/>
                  </a:lnTo>
                  <a:lnTo>
                    <a:pt x="241" y="407"/>
                  </a:lnTo>
                  <a:lnTo>
                    <a:pt x="244" y="433"/>
                  </a:lnTo>
                  <a:close/>
                  <a:moveTo>
                    <a:pt x="34" y="597"/>
                  </a:moveTo>
                  <a:lnTo>
                    <a:pt x="34" y="610"/>
                  </a:lnTo>
                  <a:lnTo>
                    <a:pt x="38" y="601"/>
                  </a:lnTo>
                  <a:lnTo>
                    <a:pt x="34" y="59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69" name="Freeform 108"/>
            <p:cNvSpPr>
              <a:spLocks noChangeAspect="1" noEditPoints="1"/>
            </p:cNvSpPr>
            <p:nvPr/>
          </p:nvSpPr>
          <p:spPr bwMode="gray">
            <a:xfrm>
              <a:off x="7091363" y="3517901"/>
              <a:ext cx="198438" cy="428625"/>
            </a:xfrm>
            <a:custGeom>
              <a:avLst/>
              <a:gdLst>
                <a:gd name="T0" fmla="*/ 8 w 411"/>
                <a:gd name="T1" fmla="*/ 25 h 882"/>
                <a:gd name="T2" fmla="*/ 8 w 411"/>
                <a:gd name="T3" fmla="*/ 23 h 882"/>
                <a:gd name="T4" fmla="*/ 9 w 411"/>
                <a:gd name="T5" fmla="*/ 23 h 882"/>
                <a:gd name="T6" fmla="*/ 8 w 411"/>
                <a:gd name="T7" fmla="*/ 21 h 882"/>
                <a:gd name="T8" fmla="*/ 7 w 411"/>
                <a:gd name="T9" fmla="*/ 19 h 882"/>
                <a:gd name="T10" fmla="*/ 7 w 411"/>
                <a:gd name="T11" fmla="*/ 17 h 882"/>
                <a:gd name="T12" fmla="*/ 6 w 411"/>
                <a:gd name="T13" fmla="*/ 16 h 882"/>
                <a:gd name="T14" fmla="*/ 6 w 411"/>
                <a:gd name="T15" fmla="*/ 17 h 882"/>
                <a:gd name="T16" fmla="*/ 4 w 411"/>
                <a:gd name="T17" fmla="*/ 18 h 882"/>
                <a:gd name="T18" fmla="*/ 3 w 411"/>
                <a:gd name="T19" fmla="*/ 18 h 882"/>
                <a:gd name="T20" fmla="*/ 3 w 411"/>
                <a:gd name="T21" fmla="*/ 17 h 882"/>
                <a:gd name="T22" fmla="*/ 3 w 411"/>
                <a:gd name="T23" fmla="*/ 17 h 882"/>
                <a:gd name="T24" fmla="*/ 3 w 411"/>
                <a:gd name="T25" fmla="*/ 14 h 882"/>
                <a:gd name="T26" fmla="*/ 2 w 411"/>
                <a:gd name="T27" fmla="*/ 13 h 882"/>
                <a:gd name="T28" fmla="*/ 2 w 411"/>
                <a:gd name="T29" fmla="*/ 13 h 882"/>
                <a:gd name="T30" fmla="*/ 2 w 411"/>
                <a:gd name="T31" fmla="*/ 13 h 882"/>
                <a:gd name="T32" fmla="*/ 2 w 411"/>
                <a:gd name="T33" fmla="*/ 12 h 882"/>
                <a:gd name="T34" fmla="*/ 1 w 411"/>
                <a:gd name="T35" fmla="*/ 12 h 882"/>
                <a:gd name="T36" fmla="*/ 0 w 411"/>
                <a:gd name="T37" fmla="*/ 11 h 882"/>
                <a:gd name="T38" fmla="*/ 0 w 411"/>
                <a:gd name="T39" fmla="*/ 10 h 882"/>
                <a:gd name="T40" fmla="*/ 1 w 411"/>
                <a:gd name="T41" fmla="*/ 9 h 882"/>
                <a:gd name="T42" fmla="*/ 1 w 411"/>
                <a:gd name="T43" fmla="*/ 8 h 882"/>
                <a:gd name="T44" fmla="*/ 2 w 411"/>
                <a:gd name="T45" fmla="*/ 8 h 882"/>
                <a:gd name="T46" fmla="*/ 2 w 411"/>
                <a:gd name="T47" fmla="*/ 6 h 882"/>
                <a:gd name="T48" fmla="*/ 2 w 411"/>
                <a:gd name="T49" fmla="*/ 6 h 882"/>
                <a:gd name="T50" fmla="*/ 3 w 411"/>
                <a:gd name="T51" fmla="*/ 5 h 882"/>
                <a:gd name="T52" fmla="*/ 4 w 411"/>
                <a:gd name="T53" fmla="*/ 3 h 882"/>
                <a:gd name="T54" fmla="*/ 5 w 411"/>
                <a:gd name="T55" fmla="*/ 2 h 882"/>
                <a:gd name="T56" fmla="*/ 6 w 411"/>
                <a:gd name="T57" fmla="*/ 2 h 882"/>
                <a:gd name="T58" fmla="*/ 6 w 411"/>
                <a:gd name="T59" fmla="*/ 1 h 882"/>
                <a:gd name="T60" fmla="*/ 7 w 411"/>
                <a:gd name="T61" fmla="*/ 0 h 882"/>
                <a:gd name="T62" fmla="*/ 7 w 411"/>
                <a:gd name="T63" fmla="*/ 0 h 882"/>
                <a:gd name="T64" fmla="*/ 8 w 411"/>
                <a:gd name="T65" fmla="*/ 1 h 882"/>
                <a:gd name="T66" fmla="*/ 9 w 411"/>
                <a:gd name="T67" fmla="*/ 2 h 882"/>
                <a:gd name="T68" fmla="*/ 8 w 411"/>
                <a:gd name="T69" fmla="*/ 4 h 882"/>
                <a:gd name="T70" fmla="*/ 7 w 411"/>
                <a:gd name="T71" fmla="*/ 6 h 882"/>
                <a:gd name="T72" fmla="*/ 7 w 411"/>
                <a:gd name="T73" fmla="*/ 6 h 882"/>
                <a:gd name="T74" fmla="*/ 8 w 411"/>
                <a:gd name="T75" fmla="*/ 6 h 882"/>
                <a:gd name="T76" fmla="*/ 9 w 411"/>
                <a:gd name="T77" fmla="*/ 7 h 882"/>
                <a:gd name="T78" fmla="*/ 9 w 411"/>
                <a:gd name="T79" fmla="*/ 9 h 882"/>
                <a:gd name="T80" fmla="*/ 10 w 411"/>
                <a:gd name="T81" fmla="*/ 9 h 882"/>
                <a:gd name="T82" fmla="*/ 11 w 411"/>
                <a:gd name="T83" fmla="*/ 10 h 882"/>
                <a:gd name="T84" fmla="*/ 12 w 411"/>
                <a:gd name="T85" fmla="*/ 9 h 882"/>
                <a:gd name="T86" fmla="*/ 11 w 411"/>
                <a:gd name="T87" fmla="*/ 10 h 882"/>
                <a:gd name="T88" fmla="*/ 11 w 411"/>
                <a:gd name="T89" fmla="*/ 11 h 882"/>
                <a:gd name="T90" fmla="*/ 10 w 411"/>
                <a:gd name="T91" fmla="*/ 11 h 882"/>
                <a:gd name="T92" fmla="*/ 9 w 411"/>
                <a:gd name="T93" fmla="*/ 12 h 882"/>
                <a:gd name="T94" fmla="*/ 8 w 411"/>
                <a:gd name="T95" fmla="*/ 13 h 882"/>
                <a:gd name="T96" fmla="*/ 7 w 411"/>
                <a:gd name="T97" fmla="*/ 14 h 882"/>
                <a:gd name="T98" fmla="*/ 7 w 411"/>
                <a:gd name="T99" fmla="*/ 15 h 882"/>
                <a:gd name="T100" fmla="*/ 8 w 411"/>
                <a:gd name="T101" fmla="*/ 17 h 882"/>
                <a:gd name="T102" fmla="*/ 9 w 411"/>
                <a:gd name="T103" fmla="*/ 17 h 882"/>
                <a:gd name="T104" fmla="*/ 8 w 411"/>
                <a:gd name="T105" fmla="*/ 18 h 882"/>
                <a:gd name="T106" fmla="*/ 8 w 411"/>
                <a:gd name="T107" fmla="*/ 19 h 882"/>
                <a:gd name="T108" fmla="*/ 9 w 411"/>
                <a:gd name="T109" fmla="*/ 20 h 882"/>
                <a:gd name="T110" fmla="*/ 10 w 411"/>
                <a:gd name="T111" fmla="*/ 23 h 882"/>
                <a:gd name="T112" fmla="*/ 9 w 411"/>
                <a:gd name="T113" fmla="*/ 24 h 882"/>
                <a:gd name="T114" fmla="*/ 8 w 411"/>
                <a:gd name="T115" fmla="*/ 22 h 882"/>
                <a:gd name="T116" fmla="*/ 8 w 411"/>
                <a:gd name="T117" fmla="*/ 22 h 882"/>
                <a:gd name="T118" fmla="*/ 8 w 411"/>
                <a:gd name="T119" fmla="*/ 23 h 882"/>
                <a:gd name="T120" fmla="*/ 8 w 411"/>
                <a:gd name="T121" fmla="*/ 24 h 882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w 411"/>
                <a:gd name="T184" fmla="*/ 0 h 882"/>
                <a:gd name="T185" fmla="*/ 411 w 411"/>
                <a:gd name="T186" fmla="*/ 882 h 882"/>
              </a:gdLst>
              <a:ahLst/>
              <a:cxnLst>
                <a:cxn ang="T122">
                  <a:pos x="T0" y="T1"/>
                </a:cxn>
                <a:cxn ang="T123">
                  <a:pos x="T2" y="T3"/>
                </a:cxn>
                <a:cxn ang="T124">
                  <a:pos x="T4" y="T5"/>
                </a:cxn>
                <a:cxn ang="T125">
                  <a:pos x="T6" y="T7"/>
                </a:cxn>
                <a:cxn ang="T126">
                  <a:pos x="T8" y="T9"/>
                </a:cxn>
                <a:cxn ang="T127">
                  <a:pos x="T10" y="T11"/>
                </a:cxn>
                <a:cxn ang="T128">
                  <a:pos x="T12" y="T13"/>
                </a:cxn>
                <a:cxn ang="T129">
                  <a:pos x="T14" y="T15"/>
                </a:cxn>
                <a:cxn ang="T130">
                  <a:pos x="T16" y="T17"/>
                </a:cxn>
                <a:cxn ang="T131">
                  <a:pos x="T18" y="T19"/>
                </a:cxn>
                <a:cxn ang="T132">
                  <a:pos x="T20" y="T21"/>
                </a:cxn>
                <a:cxn ang="T133">
                  <a:pos x="T22" y="T23"/>
                </a:cxn>
                <a:cxn ang="T134">
                  <a:pos x="T24" y="T25"/>
                </a:cxn>
                <a:cxn ang="T135">
                  <a:pos x="T26" y="T27"/>
                </a:cxn>
                <a:cxn ang="T136">
                  <a:pos x="T28" y="T29"/>
                </a:cxn>
                <a:cxn ang="T137">
                  <a:pos x="T30" y="T31"/>
                </a:cxn>
                <a:cxn ang="T138">
                  <a:pos x="T32" y="T33"/>
                </a:cxn>
                <a:cxn ang="T139">
                  <a:pos x="T34" y="T35"/>
                </a:cxn>
                <a:cxn ang="T140">
                  <a:pos x="T36" y="T37"/>
                </a:cxn>
                <a:cxn ang="T141">
                  <a:pos x="T38" y="T39"/>
                </a:cxn>
                <a:cxn ang="T142">
                  <a:pos x="T40" y="T41"/>
                </a:cxn>
                <a:cxn ang="T143">
                  <a:pos x="T42" y="T43"/>
                </a:cxn>
                <a:cxn ang="T144">
                  <a:pos x="T44" y="T45"/>
                </a:cxn>
                <a:cxn ang="T145">
                  <a:pos x="T46" y="T47"/>
                </a:cxn>
                <a:cxn ang="T146">
                  <a:pos x="T48" y="T49"/>
                </a:cxn>
                <a:cxn ang="T147">
                  <a:pos x="T50" y="T51"/>
                </a:cxn>
                <a:cxn ang="T148">
                  <a:pos x="T52" y="T53"/>
                </a:cxn>
                <a:cxn ang="T149">
                  <a:pos x="T54" y="T55"/>
                </a:cxn>
                <a:cxn ang="T150">
                  <a:pos x="T56" y="T57"/>
                </a:cxn>
                <a:cxn ang="T151">
                  <a:pos x="T58" y="T59"/>
                </a:cxn>
                <a:cxn ang="T152">
                  <a:pos x="T60" y="T61"/>
                </a:cxn>
                <a:cxn ang="T153">
                  <a:pos x="T62" y="T63"/>
                </a:cxn>
                <a:cxn ang="T154">
                  <a:pos x="T64" y="T65"/>
                </a:cxn>
                <a:cxn ang="T155">
                  <a:pos x="T66" y="T67"/>
                </a:cxn>
                <a:cxn ang="T156">
                  <a:pos x="T68" y="T69"/>
                </a:cxn>
                <a:cxn ang="T157">
                  <a:pos x="T70" y="T71"/>
                </a:cxn>
                <a:cxn ang="T158">
                  <a:pos x="T72" y="T73"/>
                </a:cxn>
                <a:cxn ang="T159">
                  <a:pos x="T74" y="T75"/>
                </a:cxn>
                <a:cxn ang="T160">
                  <a:pos x="T76" y="T77"/>
                </a:cxn>
                <a:cxn ang="T161">
                  <a:pos x="T78" y="T79"/>
                </a:cxn>
                <a:cxn ang="T162">
                  <a:pos x="T80" y="T81"/>
                </a:cxn>
                <a:cxn ang="T163">
                  <a:pos x="T82" y="T83"/>
                </a:cxn>
                <a:cxn ang="T164">
                  <a:pos x="T84" y="T85"/>
                </a:cxn>
                <a:cxn ang="T165">
                  <a:pos x="T86" y="T87"/>
                </a:cxn>
                <a:cxn ang="T166">
                  <a:pos x="T88" y="T89"/>
                </a:cxn>
                <a:cxn ang="T167">
                  <a:pos x="T90" y="T91"/>
                </a:cxn>
                <a:cxn ang="T168">
                  <a:pos x="T92" y="T93"/>
                </a:cxn>
                <a:cxn ang="T169">
                  <a:pos x="T94" y="T95"/>
                </a:cxn>
                <a:cxn ang="T170">
                  <a:pos x="T96" y="T97"/>
                </a:cxn>
                <a:cxn ang="T171">
                  <a:pos x="T98" y="T99"/>
                </a:cxn>
                <a:cxn ang="T172">
                  <a:pos x="T100" y="T101"/>
                </a:cxn>
                <a:cxn ang="T173">
                  <a:pos x="T102" y="T103"/>
                </a:cxn>
                <a:cxn ang="T174">
                  <a:pos x="T104" y="T105"/>
                </a:cxn>
                <a:cxn ang="T175">
                  <a:pos x="T106" y="T107"/>
                </a:cxn>
                <a:cxn ang="T176">
                  <a:pos x="T108" y="T109"/>
                </a:cxn>
                <a:cxn ang="T177">
                  <a:pos x="T110" y="T111"/>
                </a:cxn>
                <a:cxn ang="T178">
                  <a:pos x="T112" y="T113"/>
                </a:cxn>
                <a:cxn ang="T179">
                  <a:pos x="T114" y="T115"/>
                </a:cxn>
                <a:cxn ang="T180">
                  <a:pos x="T116" y="T117"/>
                </a:cxn>
                <a:cxn ang="T181">
                  <a:pos x="T118" y="T119"/>
                </a:cxn>
                <a:cxn ang="T182">
                  <a:pos x="T120" y="T121"/>
                </a:cxn>
              </a:cxnLst>
              <a:rect l="T183" t="T184" r="T185" b="T186"/>
              <a:pathLst>
                <a:path w="411" h="882">
                  <a:moveTo>
                    <a:pt x="298" y="882"/>
                  </a:moveTo>
                  <a:lnTo>
                    <a:pt x="289" y="877"/>
                  </a:lnTo>
                  <a:lnTo>
                    <a:pt x="304" y="812"/>
                  </a:lnTo>
                  <a:lnTo>
                    <a:pt x="289" y="802"/>
                  </a:lnTo>
                  <a:lnTo>
                    <a:pt x="291" y="795"/>
                  </a:lnTo>
                  <a:lnTo>
                    <a:pt x="298" y="797"/>
                  </a:lnTo>
                  <a:lnTo>
                    <a:pt x="295" y="754"/>
                  </a:lnTo>
                  <a:lnTo>
                    <a:pt x="281" y="717"/>
                  </a:lnTo>
                  <a:lnTo>
                    <a:pt x="276" y="722"/>
                  </a:lnTo>
                  <a:lnTo>
                    <a:pt x="258" y="659"/>
                  </a:lnTo>
                  <a:lnTo>
                    <a:pt x="252" y="585"/>
                  </a:lnTo>
                  <a:lnTo>
                    <a:pt x="235" y="579"/>
                  </a:lnTo>
                  <a:lnTo>
                    <a:pt x="220" y="565"/>
                  </a:lnTo>
                  <a:lnTo>
                    <a:pt x="215" y="566"/>
                  </a:lnTo>
                  <a:lnTo>
                    <a:pt x="207" y="540"/>
                  </a:lnTo>
                  <a:lnTo>
                    <a:pt x="204" y="576"/>
                  </a:lnTo>
                  <a:lnTo>
                    <a:pt x="178" y="590"/>
                  </a:lnTo>
                  <a:lnTo>
                    <a:pt x="144" y="620"/>
                  </a:lnTo>
                  <a:lnTo>
                    <a:pt x="128" y="614"/>
                  </a:lnTo>
                  <a:lnTo>
                    <a:pt x="123" y="622"/>
                  </a:lnTo>
                  <a:lnTo>
                    <a:pt x="106" y="614"/>
                  </a:lnTo>
                  <a:lnTo>
                    <a:pt x="103" y="610"/>
                  </a:lnTo>
                  <a:lnTo>
                    <a:pt x="106" y="603"/>
                  </a:lnTo>
                  <a:lnTo>
                    <a:pt x="93" y="608"/>
                  </a:lnTo>
                  <a:lnTo>
                    <a:pt x="106" y="553"/>
                  </a:lnTo>
                  <a:lnTo>
                    <a:pt x="98" y="498"/>
                  </a:lnTo>
                  <a:lnTo>
                    <a:pt x="77" y="460"/>
                  </a:lnTo>
                  <a:lnTo>
                    <a:pt x="74" y="470"/>
                  </a:lnTo>
                  <a:lnTo>
                    <a:pt x="66" y="464"/>
                  </a:lnTo>
                  <a:lnTo>
                    <a:pt x="61" y="455"/>
                  </a:lnTo>
                  <a:lnTo>
                    <a:pt x="63" y="446"/>
                  </a:lnTo>
                  <a:lnTo>
                    <a:pt x="72" y="452"/>
                  </a:lnTo>
                  <a:lnTo>
                    <a:pt x="64" y="441"/>
                  </a:lnTo>
                  <a:lnTo>
                    <a:pt x="66" y="430"/>
                  </a:lnTo>
                  <a:lnTo>
                    <a:pt x="32" y="413"/>
                  </a:lnTo>
                  <a:lnTo>
                    <a:pt x="32" y="405"/>
                  </a:lnTo>
                  <a:lnTo>
                    <a:pt x="12" y="393"/>
                  </a:lnTo>
                  <a:lnTo>
                    <a:pt x="0" y="373"/>
                  </a:lnTo>
                  <a:lnTo>
                    <a:pt x="1" y="351"/>
                  </a:lnTo>
                  <a:lnTo>
                    <a:pt x="7" y="348"/>
                  </a:lnTo>
                  <a:lnTo>
                    <a:pt x="17" y="351"/>
                  </a:lnTo>
                  <a:lnTo>
                    <a:pt x="15" y="324"/>
                  </a:lnTo>
                  <a:lnTo>
                    <a:pt x="38" y="312"/>
                  </a:lnTo>
                  <a:lnTo>
                    <a:pt x="34" y="285"/>
                  </a:lnTo>
                  <a:lnTo>
                    <a:pt x="35" y="275"/>
                  </a:lnTo>
                  <a:lnTo>
                    <a:pt x="49" y="272"/>
                  </a:lnTo>
                  <a:lnTo>
                    <a:pt x="51" y="232"/>
                  </a:lnTo>
                  <a:lnTo>
                    <a:pt x="55" y="226"/>
                  </a:lnTo>
                  <a:lnTo>
                    <a:pt x="86" y="226"/>
                  </a:lnTo>
                  <a:lnTo>
                    <a:pt x="89" y="223"/>
                  </a:lnTo>
                  <a:lnTo>
                    <a:pt x="110" y="175"/>
                  </a:lnTo>
                  <a:lnTo>
                    <a:pt x="111" y="158"/>
                  </a:lnTo>
                  <a:lnTo>
                    <a:pt x="136" y="131"/>
                  </a:lnTo>
                  <a:lnTo>
                    <a:pt x="134" y="107"/>
                  </a:lnTo>
                  <a:lnTo>
                    <a:pt x="139" y="94"/>
                  </a:lnTo>
                  <a:lnTo>
                    <a:pt x="164" y="79"/>
                  </a:lnTo>
                  <a:lnTo>
                    <a:pt x="179" y="60"/>
                  </a:lnTo>
                  <a:lnTo>
                    <a:pt x="204" y="53"/>
                  </a:lnTo>
                  <a:lnTo>
                    <a:pt x="218" y="59"/>
                  </a:lnTo>
                  <a:lnTo>
                    <a:pt x="222" y="29"/>
                  </a:lnTo>
                  <a:lnTo>
                    <a:pt x="237" y="20"/>
                  </a:lnTo>
                  <a:lnTo>
                    <a:pt x="237" y="8"/>
                  </a:lnTo>
                  <a:lnTo>
                    <a:pt x="247" y="0"/>
                  </a:lnTo>
                  <a:lnTo>
                    <a:pt x="261" y="6"/>
                  </a:lnTo>
                  <a:lnTo>
                    <a:pt x="270" y="17"/>
                  </a:lnTo>
                  <a:lnTo>
                    <a:pt x="279" y="40"/>
                  </a:lnTo>
                  <a:lnTo>
                    <a:pt x="291" y="40"/>
                  </a:lnTo>
                  <a:lnTo>
                    <a:pt x="300" y="84"/>
                  </a:lnTo>
                  <a:lnTo>
                    <a:pt x="296" y="116"/>
                  </a:lnTo>
                  <a:lnTo>
                    <a:pt x="287" y="138"/>
                  </a:lnTo>
                  <a:lnTo>
                    <a:pt x="262" y="167"/>
                  </a:lnTo>
                  <a:lnTo>
                    <a:pt x="253" y="195"/>
                  </a:lnTo>
                  <a:lnTo>
                    <a:pt x="255" y="215"/>
                  </a:lnTo>
                  <a:lnTo>
                    <a:pt x="247" y="229"/>
                  </a:lnTo>
                  <a:lnTo>
                    <a:pt x="252" y="234"/>
                  </a:lnTo>
                  <a:lnTo>
                    <a:pt x="284" y="214"/>
                  </a:lnTo>
                  <a:lnTo>
                    <a:pt x="304" y="215"/>
                  </a:lnTo>
                  <a:lnTo>
                    <a:pt x="309" y="255"/>
                  </a:lnTo>
                  <a:lnTo>
                    <a:pt x="335" y="270"/>
                  </a:lnTo>
                  <a:lnTo>
                    <a:pt x="325" y="309"/>
                  </a:lnTo>
                  <a:lnTo>
                    <a:pt x="354" y="316"/>
                  </a:lnTo>
                  <a:lnTo>
                    <a:pt x="355" y="326"/>
                  </a:lnTo>
                  <a:lnTo>
                    <a:pt x="371" y="341"/>
                  </a:lnTo>
                  <a:lnTo>
                    <a:pt x="388" y="337"/>
                  </a:lnTo>
                  <a:lnTo>
                    <a:pt x="402" y="328"/>
                  </a:lnTo>
                  <a:lnTo>
                    <a:pt x="410" y="329"/>
                  </a:lnTo>
                  <a:lnTo>
                    <a:pt x="411" y="334"/>
                  </a:lnTo>
                  <a:lnTo>
                    <a:pt x="406" y="345"/>
                  </a:lnTo>
                  <a:lnTo>
                    <a:pt x="385" y="359"/>
                  </a:lnTo>
                  <a:lnTo>
                    <a:pt x="386" y="371"/>
                  </a:lnTo>
                  <a:lnTo>
                    <a:pt x="374" y="373"/>
                  </a:lnTo>
                  <a:lnTo>
                    <a:pt x="369" y="382"/>
                  </a:lnTo>
                  <a:lnTo>
                    <a:pt x="354" y="402"/>
                  </a:lnTo>
                  <a:lnTo>
                    <a:pt x="335" y="409"/>
                  </a:lnTo>
                  <a:lnTo>
                    <a:pt x="304" y="432"/>
                  </a:lnTo>
                  <a:lnTo>
                    <a:pt x="269" y="438"/>
                  </a:lnTo>
                  <a:lnTo>
                    <a:pt x="255" y="472"/>
                  </a:lnTo>
                  <a:lnTo>
                    <a:pt x="255" y="490"/>
                  </a:lnTo>
                  <a:lnTo>
                    <a:pt x="249" y="495"/>
                  </a:lnTo>
                  <a:lnTo>
                    <a:pt x="264" y="534"/>
                  </a:lnTo>
                  <a:lnTo>
                    <a:pt x="289" y="556"/>
                  </a:lnTo>
                  <a:lnTo>
                    <a:pt x="291" y="593"/>
                  </a:lnTo>
                  <a:lnTo>
                    <a:pt x="300" y="594"/>
                  </a:lnTo>
                  <a:lnTo>
                    <a:pt x="303" y="602"/>
                  </a:lnTo>
                  <a:lnTo>
                    <a:pt x="293" y="619"/>
                  </a:lnTo>
                  <a:lnTo>
                    <a:pt x="291" y="636"/>
                  </a:lnTo>
                  <a:lnTo>
                    <a:pt x="278" y="653"/>
                  </a:lnTo>
                  <a:lnTo>
                    <a:pt x="276" y="664"/>
                  </a:lnTo>
                  <a:lnTo>
                    <a:pt x="281" y="678"/>
                  </a:lnTo>
                  <a:lnTo>
                    <a:pt x="313" y="707"/>
                  </a:lnTo>
                  <a:lnTo>
                    <a:pt x="318" y="746"/>
                  </a:lnTo>
                  <a:lnTo>
                    <a:pt x="342" y="803"/>
                  </a:lnTo>
                  <a:lnTo>
                    <a:pt x="325" y="834"/>
                  </a:lnTo>
                  <a:lnTo>
                    <a:pt x="309" y="851"/>
                  </a:lnTo>
                  <a:lnTo>
                    <a:pt x="298" y="882"/>
                  </a:lnTo>
                  <a:close/>
                  <a:moveTo>
                    <a:pt x="283" y="768"/>
                  </a:moveTo>
                  <a:lnTo>
                    <a:pt x="283" y="781"/>
                  </a:lnTo>
                  <a:lnTo>
                    <a:pt x="286" y="778"/>
                  </a:lnTo>
                  <a:lnTo>
                    <a:pt x="283" y="768"/>
                  </a:lnTo>
                  <a:close/>
                  <a:moveTo>
                    <a:pt x="289" y="806"/>
                  </a:moveTo>
                  <a:lnTo>
                    <a:pt x="281" y="819"/>
                  </a:lnTo>
                  <a:lnTo>
                    <a:pt x="291" y="819"/>
                  </a:lnTo>
                  <a:lnTo>
                    <a:pt x="289" y="80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70" name="Freeform 109"/>
            <p:cNvSpPr>
              <a:spLocks noChangeAspect="1" noEditPoints="1"/>
            </p:cNvSpPr>
            <p:nvPr/>
          </p:nvSpPr>
          <p:spPr bwMode="gray">
            <a:xfrm>
              <a:off x="6672263" y="2760663"/>
              <a:ext cx="1374775" cy="1003300"/>
            </a:xfrm>
            <a:custGeom>
              <a:avLst/>
              <a:gdLst>
                <a:gd name="T0" fmla="*/ 53 w 2821"/>
                <a:gd name="T1" fmla="*/ 54 h 2063"/>
                <a:gd name="T2" fmla="*/ 49 w 2821"/>
                <a:gd name="T3" fmla="*/ 55 h 2063"/>
                <a:gd name="T4" fmla="*/ 48 w 2821"/>
                <a:gd name="T5" fmla="*/ 55 h 2063"/>
                <a:gd name="T6" fmla="*/ 46 w 2821"/>
                <a:gd name="T7" fmla="*/ 55 h 2063"/>
                <a:gd name="T8" fmla="*/ 41 w 2821"/>
                <a:gd name="T9" fmla="*/ 53 h 2063"/>
                <a:gd name="T10" fmla="*/ 38 w 2821"/>
                <a:gd name="T11" fmla="*/ 53 h 2063"/>
                <a:gd name="T12" fmla="*/ 37 w 2821"/>
                <a:gd name="T13" fmla="*/ 54 h 2063"/>
                <a:gd name="T14" fmla="*/ 34 w 2821"/>
                <a:gd name="T15" fmla="*/ 52 h 2063"/>
                <a:gd name="T16" fmla="*/ 33 w 2821"/>
                <a:gd name="T17" fmla="*/ 49 h 2063"/>
                <a:gd name="T18" fmla="*/ 32 w 2821"/>
                <a:gd name="T19" fmla="*/ 45 h 2063"/>
                <a:gd name="T20" fmla="*/ 29 w 2821"/>
                <a:gd name="T21" fmla="*/ 44 h 2063"/>
                <a:gd name="T22" fmla="*/ 22 w 2821"/>
                <a:gd name="T23" fmla="*/ 45 h 2063"/>
                <a:gd name="T24" fmla="*/ 19 w 2821"/>
                <a:gd name="T25" fmla="*/ 46 h 2063"/>
                <a:gd name="T26" fmla="*/ 15 w 2821"/>
                <a:gd name="T27" fmla="*/ 45 h 2063"/>
                <a:gd name="T28" fmla="*/ 13 w 2821"/>
                <a:gd name="T29" fmla="*/ 44 h 2063"/>
                <a:gd name="T30" fmla="*/ 8 w 2821"/>
                <a:gd name="T31" fmla="*/ 41 h 2063"/>
                <a:gd name="T32" fmla="*/ 6 w 2821"/>
                <a:gd name="T33" fmla="*/ 38 h 2063"/>
                <a:gd name="T34" fmla="*/ 8 w 2821"/>
                <a:gd name="T35" fmla="*/ 37 h 2063"/>
                <a:gd name="T36" fmla="*/ 8 w 2821"/>
                <a:gd name="T37" fmla="*/ 35 h 2063"/>
                <a:gd name="T38" fmla="*/ 8 w 2821"/>
                <a:gd name="T39" fmla="*/ 33 h 2063"/>
                <a:gd name="T40" fmla="*/ 4 w 2821"/>
                <a:gd name="T41" fmla="*/ 33 h 2063"/>
                <a:gd name="T42" fmla="*/ 2 w 2821"/>
                <a:gd name="T43" fmla="*/ 31 h 2063"/>
                <a:gd name="T44" fmla="*/ 1 w 2821"/>
                <a:gd name="T45" fmla="*/ 28 h 2063"/>
                <a:gd name="T46" fmla="*/ 2 w 2821"/>
                <a:gd name="T47" fmla="*/ 25 h 2063"/>
                <a:gd name="T48" fmla="*/ 6 w 2821"/>
                <a:gd name="T49" fmla="*/ 24 h 2063"/>
                <a:gd name="T50" fmla="*/ 8 w 2821"/>
                <a:gd name="T51" fmla="*/ 17 h 2063"/>
                <a:gd name="T52" fmla="*/ 13 w 2821"/>
                <a:gd name="T53" fmla="*/ 13 h 2063"/>
                <a:gd name="T54" fmla="*/ 18 w 2821"/>
                <a:gd name="T55" fmla="*/ 10 h 2063"/>
                <a:gd name="T56" fmla="*/ 22 w 2821"/>
                <a:gd name="T57" fmla="*/ 12 h 2063"/>
                <a:gd name="T58" fmla="*/ 30 w 2821"/>
                <a:gd name="T59" fmla="*/ 20 h 2063"/>
                <a:gd name="T60" fmla="*/ 41 w 2821"/>
                <a:gd name="T61" fmla="*/ 23 h 2063"/>
                <a:gd name="T62" fmla="*/ 51 w 2821"/>
                <a:gd name="T63" fmla="*/ 19 h 2063"/>
                <a:gd name="T64" fmla="*/ 55 w 2821"/>
                <a:gd name="T65" fmla="*/ 16 h 2063"/>
                <a:gd name="T66" fmla="*/ 60 w 2821"/>
                <a:gd name="T67" fmla="*/ 13 h 2063"/>
                <a:gd name="T68" fmla="*/ 56 w 2821"/>
                <a:gd name="T69" fmla="*/ 10 h 2063"/>
                <a:gd name="T70" fmla="*/ 62 w 2821"/>
                <a:gd name="T71" fmla="*/ 2 h 2063"/>
                <a:gd name="T72" fmla="*/ 71 w 2821"/>
                <a:gd name="T73" fmla="*/ 6 h 2063"/>
                <a:gd name="T74" fmla="*/ 79 w 2821"/>
                <a:gd name="T75" fmla="*/ 12 h 2063"/>
                <a:gd name="T76" fmla="*/ 78 w 2821"/>
                <a:gd name="T77" fmla="*/ 17 h 2063"/>
                <a:gd name="T78" fmla="*/ 75 w 2821"/>
                <a:gd name="T79" fmla="*/ 21 h 2063"/>
                <a:gd name="T80" fmla="*/ 70 w 2821"/>
                <a:gd name="T81" fmla="*/ 25 h 2063"/>
                <a:gd name="T82" fmla="*/ 64 w 2821"/>
                <a:gd name="T83" fmla="*/ 28 h 2063"/>
                <a:gd name="T84" fmla="*/ 64 w 2821"/>
                <a:gd name="T85" fmla="*/ 24 h 2063"/>
                <a:gd name="T86" fmla="*/ 59 w 2821"/>
                <a:gd name="T87" fmla="*/ 28 h 2063"/>
                <a:gd name="T88" fmla="*/ 62 w 2821"/>
                <a:gd name="T89" fmla="*/ 30 h 2063"/>
                <a:gd name="T90" fmla="*/ 64 w 2821"/>
                <a:gd name="T91" fmla="*/ 31 h 2063"/>
                <a:gd name="T92" fmla="*/ 62 w 2821"/>
                <a:gd name="T93" fmla="*/ 33 h 2063"/>
                <a:gd name="T94" fmla="*/ 63 w 2821"/>
                <a:gd name="T95" fmla="*/ 38 h 2063"/>
                <a:gd name="T96" fmla="*/ 63 w 2821"/>
                <a:gd name="T97" fmla="*/ 40 h 2063"/>
                <a:gd name="T98" fmla="*/ 63 w 2821"/>
                <a:gd name="T99" fmla="*/ 42 h 2063"/>
                <a:gd name="T100" fmla="*/ 64 w 2821"/>
                <a:gd name="T101" fmla="*/ 44 h 2063"/>
                <a:gd name="T102" fmla="*/ 62 w 2821"/>
                <a:gd name="T103" fmla="*/ 47 h 2063"/>
                <a:gd name="T104" fmla="*/ 60 w 2821"/>
                <a:gd name="T105" fmla="*/ 49 h 2063"/>
                <a:gd name="T106" fmla="*/ 59 w 2821"/>
                <a:gd name="T107" fmla="*/ 51 h 2063"/>
                <a:gd name="T108" fmla="*/ 55 w 2821"/>
                <a:gd name="T109" fmla="*/ 53 h 2063"/>
                <a:gd name="T110" fmla="*/ 50 w 2821"/>
                <a:gd name="T111" fmla="*/ 57 h 2063"/>
                <a:gd name="T112" fmla="*/ 47 w 2821"/>
                <a:gd name="T113" fmla="*/ 58 h 2063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2821"/>
                <a:gd name="T172" fmla="*/ 0 h 2063"/>
                <a:gd name="T173" fmla="*/ 2821 w 2821"/>
                <a:gd name="T174" fmla="*/ 2063 h 2063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2821" h="2063">
                  <a:moveTo>
                    <a:pt x="1884" y="1854"/>
                  </a:moveTo>
                  <a:lnTo>
                    <a:pt x="1878" y="1845"/>
                  </a:lnTo>
                  <a:lnTo>
                    <a:pt x="1871" y="1848"/>
                  </a:lnTo>
                  <a:lnTo>
                    <a:pt x="1873" y="1856"/>
                  </a:lnTo>
                  <a:lnTo>
                    <a:pt x="1859" y="1859"/>
                  </a:lnTo>
                  <a:lnTo>
                    <a:pt x="1856" y="1849"/>
                  </a:lnTo>
                  <a:lnTo>
                    <a:pt x="1839" y="1834"/>
                  </a:lnTo>
                  <a:lnTo>
                    <a:pt x="1837" y="1862"/>
                  </a:lnTo>
                  <a:lnTo>
                    <a:pt x="1833" y="1862"/>
                  </a:lnTo>
                  <a:lnTo>
                    <a:pt x="1817" y="1844"/>
                  </a:lnTo>
                  <a:lnTo>
                    <a:pt x="1810" y="1879"/>
                  </a:lnTo>
                  <a:lnTo>
                    <a:pt x="1778" y="1888"/>
                  </a:lnTo>
                  <a:lnTo>
                    <a:pt x="1760" y="1888"/>
                  </a:lnTo>
                  <a:lnTo>
                    <a:pt x="1751" y="1896"/>
                  </a:lnTo>
                  <a:lnTo>
                    <a:pt x="1724" y="1898"/>
                  </a:lnTo>
                  <a:lnTo>
                    <a:pt x="1701" y="1908"/>
                  </a:lnTo>
                  <a:lnTo>
                    <a:pt x="1693" y="1907"/>
                  </a:lnTo>
                  <a:lnTo>
                    <a:pt x="1683" y="1928"/>
                  </a:lnTo>
                  <a:lnTo>
                    <a:pt x="1693" y="1945"/>
                  </a:lnTo>
                  <a:lnTo>
                    <a:pt x="1693" y="1953"/>
                  </a:lnTo>
                  <a:lnTo>
                    <a:pt x="1680" y="1961"/>
                  </a:lnTo>
                  <a:lnTo>
                    <a:pt x="1672" y="1956"/>
                  </a:lnTo>
                  <a:lnTo>
                    <a:pt x="1658" y="1930"/>
                  </a:lnTo>
                  <a:lnTo>
                    <a:pt x="1663" y="1903"/>
                  </a:lnTo>
                  <a:lnTo>
                    <a:pt x="1659" y="1896"/>
                  </a:lnTo>
                  <a:lnTo>
                    <a:pt x="1638" y="1905"/>
                  </a:lnTo>
                  <a:lnTo>
                    <a:pt x="1633" y="1896"/>
                  </a:lnTo>
                  <a:lnTo>
                    <a:pt x="1610" y="1890"/>
                  </a:lnTo>
                  <a:lnTo>
                    <a:pt x="1595" y="1898"/>
                  </a:lnTo>
                  <a:lnTo>
                    <a:pt x="1595" y="1905"/>
                  </a:lnTo>
                  <a:lnTo>
                    <a:pt x="1592" y="1896"/>
                  </a:lnTo>
                  <a:lnTo>
                    <a:pt x="1580" y="1902"/>
                  </a:lnTo>
                  <a:lnTo>
                    <a:pt x="1551" y="1896"/>
                  </a:lnTo>
                  <a:lnTo>
                    <a:pt x="1528" y="1881"/>
                  </a:lnTo>
                  <a:lnTo>
                    <a:pt x="1517" y="1857"/>
                  </a:lnTo>
                  <a:lnTo>
                    <a:pt x="1520" y="1845"/>
                  </a:lnTo>
                  <a:lnTo>
                    <a:pt x="1517" y="1837"/>
                  </a:lnTo>
                  <a:lnTo>
                    <a:pt x="1491" y="1834"/>
                  </a:lnTo>
                  <a:lnTo>
                    <a:pt x="1455" y="1817"/>
                  </a:lnTo>
                  <a:lnTo>
                    <a:pt x="1419" y="1839"/>
                  </a:lnTo>
                  <a:lnTo>
                    <a:pt x="1407" y="1837"/>
                  </a:lnTo>
                  <a:lnTo>
                    <a:pt x="1392" y="1848"/>
                  </a:lnTo>
                  <a:lnTo>
                    <a:pt x="1389" y="1842"/>
                  </a:lnTo>
                  <a:lnTo>
                    <a:pt x="1377" y="1845"/>
                  </a:lnTo>
                  <a:lnTo>
                    <a:pt x="1372" y="1842"/>
                  </a:lnTo>
                  <a:lnTo>
                    <a:pt x="1355" y="1851"/>
                  </a:lnTo>
                  <a:lnTo>
                    <a:pt x="1330" y="1840"/>
                  </a:lnTo>
                  <a:lnTo>
                    <a:pt x="1318" y="1856"/>
                  </a:lnTo>
                  <a:lnTo>
                    <a:pt x="1296" y="1849"/>
                  </a:lnTo>
                  <a:lnTo>
                    <a:pt x="1288" y="1857"/>
                  </a:lnTo>
                  <a:lnTo>
                    <a:pt x="1288" y="1881"/>
                  </a:lnTo>
                  <a:lnTo>
                    <a:pt x="1296" y="1894"/>
                  </a:lnTo>
                  <a:lnTo>
                    <a:pt x="1290" y="1910"/>
                  </a:lnTo>
                  <a:lnTo>
                    <a:pt x="1273" y="1913"/>
                  </a:lnTo>
                  <a:lnTo>
                    <a:pt x="1268" y="1891"/>
                  </a:lnTo>
                  <a:lnTo>
                    <a:pt x="1267" y="1886"/>
                  </a:lnTo>
                  <a:lnTo>
                    <a:pt x="1259" y="1885"/>
                  </a:lnTo>
                  <a:lnTo>
                    <a:pt x="1245" y="1894"/>
                  </a:lnTo>
                  <a:lnTo>
                    <a:pt x="1228" y="1898"/>
                  </a:lnTo>
                  <a:lnTo>
                    <a:pt x="1212" y="1883"/>
                  </a:lnTo>
                  <a:lnTo>
                    <a:pt x="1211" y="1873"/>
                  </a:lnTo>
                  <a:lnTo>
                    <a:pt x="1182" y="1866"/>
                  </a:lnTo>
                  <a:lnTo>
                    <a:pt x="1192" y="1827"/>
                  </a:lnTo>
                  <a:lnTo>
                    <a:pt x="1166" y="1812"/>
                  </a:lnTo>
                  <a:lnTo>
                    <a:pt x="1161" y="1772"/>
                  </a:lnTo>
                  <a:lnTo>
                    <a:pt x="1141" y="1771"/>
                  </a:lnTo>
                  <a:lnTo>
                    <a:pt x="1109" y="1791"/>
                  </a:lnTo>
                  <a:lnTo>
                    <a:pt x="1104" y="1786"/>
                  </a:lnTo>
                  <a:lnTo>
                    <a:pt x="1112" y="1772"/>
                  </a:lnTo>
                  <a:lnTo>
                    <a:pt x="1110" y="1752"/>
                  </a:lnTo>
                  <a:lnTo>
                    <a:pt x="1119" y="1724"/>
                  </a:lnTo>
                  <a:lnTo>
                    <a:pt x="1144" y="1695"/>
                  </a:lnTo>
                  <a:lnTo>
                    <a:pt x="1153" y="1673"/>
                  </a:lnTo>
                  <a:lnTo>
                    <a:pt x="1157" y="1641"/>
                  </a:lnTo>
                  <a:lnTo>
                    <a:pt x="1148" y="1597"/>
                  </a:lnTo>
                  <a:lnTo>
                    <a:pt x="1136" y="1597"/>
                  </a:lnTo>
                  <a:lnTo>
                    <a:pt x="1127" y="1574"/>
                  </a:lnTo>
                  <a:lnTo>
                    <a:pt x="1118" y="1563"/>
                  </a:lnTo>
                  <a:lnTo>
                    <a:pt x="1104" y="1557"/>
                  </a:lnTo>
                  <a:lnTo>
                    <a:pt x="1094" y="1565"/>
                  </a:lnTo>
                  <a:lnTo>
                    <a:pt x="1090" y="1556"/>
                  </a:lnTo>
                  <a:lnTo>
                    <a:pt x="1082" y="1551"/>
                  </a:lnTo>
                  <a:lnTo>
                    <a:pt x="1047" y="1548"/>
                  </a:lnTo>
                  <a:lnTo>
                    <a:pt x="1050" y="1524"/>
                  </a:lnTo>
                  <a:lnTo>
                    <a:pt x="1039" y="1520"/>
                  </a:lnTo>
                  <a:lnTo>
                    <a:pt x="1039" y="1506"/>
                  </a:lnTo>
                  <a:lnTo>
                    <a:pt x="1030" y="1495"/>
                  </a:lnTo>
                  <a:lnTo>
                    <a:pt x="996" y="1511"/>
                  </a:lnTo>
                  <a:lnTo>
                    <a:pt x="963" y="1506"/>
                  </a:lnTo>
                  <a:lnTo>
                    <a:pt x="892" y="1562"/>
                  </a:lnTo>
                  <a:lnTo>
                    <a:pt x="833" y="1585"/>
                  </a:lnTo>
                  <a:lnTo>
                    <a:pt x="816" y="1573"/>
                  </a:lnTo>
                  <a:lnTo>
                    <a:pt x="801" y="1574"/>
                  </a:lnTo>
                  <a:lnTo>
                    <a:pt x="776" y="1569"/>
                  </a:lnTo>
                  <a:lnTo>
                    <a:pt x="767" y="1560"/>
                  </a:lnTo>
                  <a:lnTo>
                    <a:pt x="750" y="1560"/>
                  </a:lnTo>
                  <a:lnTo>
                    <a:pt x="730" y="1573"/>
                  </a:lnTo>
                  <a:lnTo>
                    <a:pt x="703" y="1607"/>
                  </a:lnTo>
                  <a:lnTo>
                    <a:pt x="694" y="1603"/>
                  </a:lnTo>
                  <a:lnTo>
                    <a:pt x="697" y="1582"/>
                  </a:lnTo>
                  <a:lnTo>
                    <a:pt x="694" y="1571"/>
                  </a:lnTo>
                  <a:lnTo>
                    <a:pt x="665" y="1580"/>
                  </a:lnTo>
                  <a:lnTo>
                    <a:pt x="655" y="1580"/>
                  </a:lnTo>
                  <a:lnTo>
                    <a:pt x="651" y="1586"/>
                  </a:lnTo>
                  <a:lnTo>
                    <a:pt x="629" y="1585"/>
                  </a:lnTo>
                  <a:lnTo>
                    <a:pt x="598" y="1571"/>
                  </a:lnTo>
                  <a:lnTo>
                    <a:pt x="591" y="1580"/>
                  </a:lnTo>
                  <a:lnTo>
                    <a:pt x="574" y="1574"/>
                  </a:lnTo>
                  <a:lnTo>
                    <a:pt x="566" y="1578"/>
                  </a:lnTo>
                  <a:lnTo>
                    <a:pt x="554" y="1563"/>
                  </a:lnTo>
                  <a:lnTo>
                    <a:pt x="542" y="1565"/>
                  </a:lnTo>
                  <a:lnTo>
                    <a:pt x="530" y="1556"/>
                  </a:lnTo>
                  <a:lnTo>
                    <a:pt x="530" y="1539"/>
                  </a:lnTo>
                  <a:lnTo>
                    <a:pt x="512" y="1543"/>
                  </a:lnTo>
                  <a:lnTo>
                    <a:pt x="493" y="1537"/>
                  </a:lnTo>
                  <a:lnTo>
                    <a:pt x="490" y="1531"/>
                  </a:lnTo>
                  <a:lnTo>
                    <a:pt x="484" y="1532"/>
                  </a:lnTo>
                  <a:lnTo>
                    <a:pt x="486" y="1507"/>
                  </a:lnTo>
                  <a:lnTo>
                    <a:pt x="473" y="1506"/>
                  </a:lnTo>
                  <a:lnTo>
                    <a:pt x="456" y="1519"/>
                  </a:lnTo>
                  <a:lnTo>
                    <a:pt x="448" y="1512"/>
                  </a:lnTo>
                  <a:lnTo>
                    <a:pt x="442" y="1492"/>
                  </a:lnTo>
                  <a:lnTo>
                    <a:pt x="403" y="1463"/>
                  </a:lnTo>
                  <a:lnTo>
                    <a:pt x="357" y="1453"/>
                  </a:lnTo>
                  <a:lnTo>
                    <a:pt x="352" y="1466"/>
                  </a:lnTo>
                  <a:lnTo>
                    <a:pt x="340" y="1456"/>
                  </a:lnTo>
                  <a:lnTo>
                    <a:pt x="293" y="1430"/>
                  </a:lnTo>
                  <a:lnTo>
                    <a:pt x="289" y="1422"/>
                  </a:lnTo>
                  <a:lnTo>
                    <a:pt x="272" y="1421"/>
                  </a:lnTo>
                  <a:lnTo>
                    <a:pt x="269" y="1413"/>
                  </a:lnTo>
                  <a:lnTo>
                    <a:pt x="244" y="1416"/>
                  </a:lnTo>
                  <a:lnTo>
                    <a:pt x="244" y="1405"/>
                  </a:lnTo>
                  <a:lnTo>
                    <a:pt x="232" y="1392"/>
                  </a:lnTo>
                  <a:lnTo>
                    <a:pt x="235" y="1362"/>
                  </a:lnTo>
                  <a:lnTo>
                    <a:pt x="222" y="1348"/>
                  </a:lnTo>
                  <a:lnTo>
                    <a:pt x="221" y="1333"/>
                  </a:lnTo>
                  <a:lnTo>
                    <a:pt x="232" y="1326"/>
                  </a:lnTo>
                  <a:lnTo>
                    <a:pt x="244" y="1342"/>
                  </a:lnTo>
                  <a:lnTo>
                    <a:pt x="252" y="1339"/>
                  </a:lnTo>
                  <a:lnTo>
                    <a:pt x="259" y="1329"/>
                  </a:lnTo>
                  <a:lnTo>
                    <a:pt x="266" y="1333"/>
                  </a:lnTo>
                  <a:lnTo>
                    <a:pt x="272" y="1322"/>
                  </a:lnTo>
                  <a:lnTo>
                    <a:pt x="264" y="1309"/>
                  </a:lnTo>
                  <a:lnTo>
                    <a:pt x="264" y="1299"/>
                  </a:lnTo>
                  <a:lnTo>
                    <a:pt x="252" y="1295"/>
                  </a:lnTo>
                  <a:lnTo>
                    <a:pt x="244" y="1288"/>
                  </a:lnTo>
                  <a:lnTo>
                    <a:pt x="247" y="1265"/>
                  </a:lnTo>
                  <a:lnTo>
                    <a:pt x="242" y="1254"/>
                  </a:lnTo>
                  <a:lnTo>
                    <a:pt x="264" y="1254"/>
                  </a:lnTo>
                  <a:lnTo>
                    <a:pt x="271" y="1246"/>
                  </a:lnTo>
                  <a:lnTo>
                    <a:pt x="275" y="1229"/>
                  </a:lnTo>
                  <a:lnTo>
                    <a:pt x="283" y="1228"/>
                  </a:lnTo>
                  <a:lnTo>
                    <a:pt x="283" y="1221"/>
                  </a:lnTo>
                  <a:lnTo>
                    <a:pt x="295" y="1211"/>
                  </a:lnTo>
                  <a:lnTo>
                    <a:pt x="308" y="1167"/>
                  </a:lnTo>
                  <a:lnTo>
                    <a:pt x="303" y="1165"/>
                  </a:lnTo>
                  <a:lnTo>
                    <a:pt x="295" y="1172"/>
                  </a:lnTo>
                  <a:lnTo>
                    <a:pt x="292" y="1160"/>
                  </a:lnTo>
                  <a:lnTo>
                    <a:pt x="283" y="1162"/>
                  </a:lnTo>
                  <a:lnTo>
                    <a:pt x="276" y="1156"/>
                  </a:lnTo>
                  <a:lnTo>
                    <a:pt x="276" y="1150"/>
                  </a:lnTo>
                  <a:lnTo>
                    <a:pt x="259" y="1139"/>
                  </a:lnTo>
                  <a:lnTo>
                    <a:pt x="233" y="1145"/>
                  </a:lnTo>
                  <a:lnTo>
                    <a:pt x="198" y="1170"/>
                  </a:lnTo>
                  <a:lnTo>
                    <a:pt x="185" y="1170"/>
                  </a:lnTo>
                  <a:lnTo>
                    <a:pt x="142" y="1156"/>
                  </a:lnTo>
                  <a:lnTo>
                    <a:pt x="134" y="1152"/>
                  </a:lnTo>
                  <a:lnTo>
                    <a:pt x="134" y="1144"/>
                  </a:lnTo>
                  <a:lnTo>
                    <a:pt x="117" y="1148"/>
                  </a:lnTo>
                  <a:lnTo>
                    <a:pt x="103" y="1133"/>
                  </a:lnTo>
                  <a:lnTo>
                    <a:pt x="108" y="1128"/>
                  </a:lnTo>
                  <a:lnTo>
                    <a:pt x="106" y="1111"/>
                  </a:lnTo>
                  <a:lnTo>
                    <a:pt x="100" y="1101"/>
                  </a:lnTo>
                  <a:lnTo>
                    <a:pt x="91" y="1094"/>
                  </a:lnTo>
                  <a:lnTo>
                    <a:pt x="81" y="1099"/>
                  </a:lnTo>
                  <a:lnTo>
                    <a:pt x="78" y="1085"/>
                  </a:lnTo>
                  <a:lnTo>
                    <a:pt x="46" y="1080"/>
                  </a:lnTo>
                  <a:lnTo>
                    <a:pt x="37" y="1072"/>
                  </a:lnTo>
                  <a:lnTo>
                    <a:pt x="51" y="1067"/>
                  </a:lnTo>
                  <a:lnTo>
                    <a:pt x="61" y="1067"/>
                  </a:lnTo>
                  <a:lnTo>
                    <a:pt x="61" y="1038"/>
                  </a:lnTo>
                  <a:lnTo>
                    <a:pt x="51" y="1018"/>
                  </a:lnTo>
                  <a:lnTo>
                    <a:pt x="51" y="1001"/>
                  </a:lnTo>
                  <a:lnTo>
                    <a:pt x="46" y="992"/>
                  </a:lnTo>
                  <a:lnTo>
                    <a:pt x="13" y="996"/>
                  </a:lnTo>
                  <a:lnTo>
                    <a:pt x="3" y="989"/>
                  </a:lnTo>
                  <a:lnTo>
                    <a:pt x="0" y="974"/>
                  </a:lnTo>
                  <a:lnTo>
                    <a:pt x="7" y="929"/>
                  </a:lnTo>
                  <a:lnTo>
                    <a:pt x="7" y="920"/>
                  </a:lnTo>
                  <a:lnTo>
                    <a:pt x="15" y="904"/>
                  </a:lnTo>
                  <a:lnTo>
                    <a:pt x="51" y="887"/>
                  </a:lnTo>
                  <a:lnTo>
                    <a:pt x="55" y="876"/>
                  </a:lnTo>
                  <a:lnTo>
                    <a:pt x="78" y="874"/>
                  </a:lnTo>
                  <a:lnTo>
                    <a:pt x="86" y="876"/>
                  </a:lnTo>
                  <a:lnTo>
                    <a:pt x="91" y="886"/>
                  </a:lnTo>
                  <a:lnTo>
                    <a:pt x="123" y="884"/>
                  </a:lnTo>
                  <a:lnTo>
                    <a:pt x="134" y="878"/>
                  </a:lnTo>
                  <a:lnTo>
                    <a:pt x="147" y="852"/>
                  </a:lnTo>
                  <a:lnTo>
                    <a:pt x="210" y="839"/>
                  </a:lnTo>
                  <a:lnTo>
                    <a:pt x="229" y="816"/>
                  </a:lnTo>
                  <a:lnTo>
                    <a:pt x="300" y="782"/>
                  </a:lnTo>
                  <a:lnTo>
                    <a:pt x="303" y="760"/>
                  </a:lnTo>
                  <a:lnTo>
                    <a:pt x="312" y="720"/>
                  </a:lnTo>
                  <a:lnTo>
                    <a:pt x="323" y="712"/>
                  </a:lnTo>
                  <a:lnTo>
                    <a:pt x="323" y="700"/>
                  </a:lnTo>
                  <a:lnTo>
                    <a:pt x="306" y="655"/>
                  </a:lnTo>
                  <a:lnTo>
                    <a:pt x="303" y="624"/>
                  </a:lnTo>
                  <a:lnTo>
                    <a:pt x="289" y="605"/>
                  </a:lnTo>
                  <a:lnTo>
                    <a:pt x="325" y="593"/>
                  </a:lnTo>
                  <a:lnTo>
                    <a:pt x="347" y="584"/>
                  </a:lnTo>
                  <a:lnTo>
                    <a:pt x="402" y="578"/>
                  </a:lnTo>
                  <a:lnTo>
                    <a:pt x="394" y="551"/>
                  </a:lnTo>
                  <a:lnTo>
                    <a:pt x="396" y="534"/>
                  </a:lnTo>
                  <a:lnTo>
                    <a:pt x="413" y="489"/>
                  </a:lnTo>
                  <a:lnTo>
                    <a:pt x="428" y="451"/>
                  </a:lnTo>
                  <a:lnTo>
                    <a:pt x="448" y="452"/>
                  </a:lnTo>
                  <a:lnTo>
                    <a:pt x="471" y="463"/>
                  </a:lnTo>
                  <a:lnTo>
                    <a:pt x="501" y="460"/>
                  </a:lnTo>
                  <a:lnTo>
                    <a:pt x="516" y="472"/>
                  </a:lnTo>
                  <a:lnTo>
                    <a:pt x="549" y="457"/>
                  </a:lnTo>
                  <a:lnTo>
                    <a:pt x="549" y="407"/>
                  </a:lnTo>
                  <a:lnTo>
                    <a:pt x="563" y="370"/>
                  </a:lnTo>
                  <a:lnTo>
                    <a:pt x="591" y="366"/>
                  </a:lnTo>
                  <a:lnTo>
                    <a:pt x="615" y="336"/>
                  </a:lnTo>
                  <a:lnTo>
                    <a:pt x="635" y="341"/>
                  </a:lnTo>
                  <a:lnTo>
                    <a:pt x="652" y="327"/>
                  </a:lnTo>
                  <a:lnTo>
                    <a:pt x="663" y="361"/>
                  </a:lnTo>
                  <a:lnTo>
                    <a:pt x="689" y="381"/>
                  </a:lnTo>
                  <a:lnTo>
                    <a:pt x="697" y="398"/>
                  </a:lnTo>
                  <a:lnTo>
                    <a:pt x="710" y="409"/>
                  </a:lnTo>
                  <a:lnTo>
                    <a:pt x="716" y="398"/>
                  </a:lnTo>
                  <a:lnTo>
                    <a:pt x="757" y="410"/>
                  </a:lnTo>
                  <a:lnTo>
                    <a:pt x="764" y="424"/>
                  </a:lnTo>
                  <a:lnTo>
                    <a:pt x="789" y="493"/>
                  </a:lnTo>
                  <a:lnTo>
                    <a:pt x="793" y="548"/>
                  </a:lnTo>
                  <a:lnTo>
                    <a:pt x="784" y="574"/>
                  </a:lnTo>
                  <a:lnTo>
                    <a:pt x="858" y="598"/>
                  </a:lnTo>
                  <a:lnTo>
                    <a:pt x="887" y="593"/>
                  </a:lnTo>
                  <a:lnTo>
                    <a:pt x="996" y="638"/>
                  </a:lnTo>
                  <a:lnTo>
                    <a:pt x="1031" y="698"/>
                  </a:lnTo>
                  <a:lnTo>
                    <a:pt x="1065" y="735"/>
                  </a:lnTo>
                  <a:lnTo>
                    <a:pt x="1079" y="740"/>
                  </a:lnTo>
                  <a:lnTo>
                    <a:pt x="1250" y="732"/>
                  </a:lnTo>
                  <a:lnTo>
                    <a:pt x="1287" y="743"/>
                  </a:lnTo>
                  <a:lnTo>
                    <a:pt x="1326" y="772"/>
                  </a:lnTo>
                  <a:lnTo>
                    <a:pt x="1389" y="794"/>
                  </a:lnTo>
                  <a:lnTo>
                    <a:pt x="1412" y="796"/>
                  </a:lnTo>
                  <a:lnTo>
                    <a:pt x="1436" y="810"/>
                  </a:lnTo>
                  <a:lnTo>
                    <a:pt x="1505" y="780"/>
                  </a:lnTo>
                  <a:lnTo>
                    <a:pt x="1512" y="772"/>
                  </a:lnTo>
                  <a:lnTo>
                    <a:pt x="1568" y="757"/>
                  </a:lnTo>
                  <a:lnTo>
                    <a:pt x="1604" y="754"/>
                  </a:lnTo>
                  <a:lnTo>
                    <a:pt x="1626" y="760"/>
                  </a:lnTo>
                  <a:lnTo>
                    <a:pt x="1680" y="746"/>
                  </a:lnTo>
                  <a:lnTo>
                    <a:pt x="1765" y="674"/>
                  </a:lnTo>
                  <a:lnTo>
                    <a:pt x="1763" y="664"/>
                  </a:lnTo>
                  <a:lnTo>
                    <a:pt x="1744" y="641"/>
                  </a:lnTo>
                  <a:lnTo>
                    <a:pt x="1765" y="596"/>
                  </a:lnTo>
                  <a:lnTo>
                    <a:pt x="1783" y="591"/>
                  </a:lnTo>
                  <a:lnTo>
                    <a:pt x="1807" y="607"/>
                  </a:lnTo>
                  <a:lnTo>
                    <a:pt x="1839" y="612"/>
                  </a:lnTo>
                  <a:lnTo>
                    <a:pt x="1862" y="596"/>
                  </a:lnTo>
                  <a:lnTo>
                    <a:pt x="1895" y="561"/>
                  </a:lnTo>
                  <a:lnTo>
                    <a:pt x="1913" y="562"/>
                  </a:lnTo>
                  <a:lnTo>
                    <a:pt x="1935" y="548"/>
                  </a:lnTo>
                  <a:lnTo>
                    <a:pt x="1992" y="491"/>
                  </a:lnTo>
                  <a:lnTo>
                    <a:pt x="2054" y="486"/>
                  </a:lnTo>
                  <a:lnTo>
                    <a:pt x="2111" y="483"/>
                  </a:lnTo>
                  <a:lnTo>
                    <a:pt x="2110" y="471"/>
                  </a:lnTo>
                  <a:lnTo>
                    <a:pt x="2099" y="464"/>
                  </a:lnTo>
                  <a:lnTo>
                    <a:pt x="2100" y="446"/>
                  </a:lnTo>
                  <a:lnTo>
                    <a:pt x="2094" y="435"/>
                  </a:lnTo>
                  <a:lnTo>
                    <a:pt x="2071" y="415"/>
                  </a:lnTo>
                  <a:lnTo>
                    <a:pt x="2054" y="392"/>
                  </a:lnTo>
                  <a:lnTo>
                    <a:pt x="2014" y="418"/>
                  </a:lnTo>
                  <a:lnTo>
                    <a:pt x="1995" y="426"/>
                  </a:lnTo>
                  <a:lnTo>
                    <a:pt x="1939" y="418"/>
                  </a:lnTo>
                  <a:lnTo>
                    <a:pt x="1929" y="390"/>
                  </a:lnTo>
                  <a:lnTo>
                    <a:pt x="1927" y="372"/>
                  </a:lnTo>
                  <a:lnTo>
                    <a:pt x="1938" y="341"/>
                  </a:lnTo>
                  <a:lnTo>
                    <a:pt x="1935" y="312"/>
                  </a:lnTo>
                  <a:lnTo>
                    <a:pt x="1967" y="257"/>
                  </a:lnTo>
                  <a:lnTo>
                    <a:pt x="2037" y="287"/>
                  </a:lnTo>
                  <a:lnTo>
                    <a:pt x="2100" y="249"/>
                  </a:lnTo>
                  <a:lnTo>
                    <a:pt x="2134" y="144"/>
                  </a:lnTo>
                  <a:lnTo>
                    <a:pt x="2170" y="112"/>
                  </a:lnTo>
                  <a:lnTo>
                    <a:pt x="2166" y="76"/>
                  </a:lnTo>
                  <a:lnTo>
                    <a:pt x="2137" y="78"/>
                  </a:lnTo>
                  <a:lnTo>
                    <a:pt x="2137" y="64"/>
                  </a:lnTo>
                  <a:lnTo>
                    <a:pt x="2178" y="22"/>
                  </a:lnTo>
                  <a:lnTo>
                    <a:pt x="2208" y="17"/>
                  </a:lnTo>
                  <a:lnTo>
                    <a:pt x="2303" y="0"/>
                  </a:lnTo>
                  <a:lnTo>
                    <a:pt x="2342" y="28"/>
                  </a:lnTo>
                  <a:lnTo>
                    <a:pt x="2396" y="38"/>
                  </a:lnTo>
                  <a:lnTo>
                    <a:pt x="2430" y="90"/>
                  </a:lnTo>
                  <a:lnTo>
                    <a:pt x="2467" y="194"/>
                  </a:lnTo>
                  <a:lnTo>
                    <a:pt x="2482" y="265"/>
                  </a:lnTo>
                  <a:lnTo>
                    <a:pt x="2482" y="282"/>
                  </a:lnTo>
                  <a:lnTo>
                    <a:pt x="2558" y="295"/>
                  </a:lnTo>
                  <a:lnTo>
                    <a:pt x="2574" y="302"/>
                  </a:lnTo>
                  <a:lnTo>
                    <a:pt x="2623" y="332"/>
                  </a:lnTo>
                  <a:lnTo>
                    <a:pt x="2650" y="417"/>
                  </a:lnTo>
                  <a:lnTo>
                    <a:pt x="2696" y="418"/>
                  </a:lnTo>
                  <a:lnTo>
                    <a:pt x="2713" y="412"/>
                  </a:lnTo>
                  <a:lnTo>
                    <a:pt x="2821" y="364"/>
                  </a:lnTo>
                  <a:lnTo>
                    <a:pt x="2816" y="424"/>
                  </a:lnTo>
                  <a:lnTo>
                    <a:pt x="2796" y="444"/>
                  </a:lnTo>
                  <a:lnTo>
                    <a:pt x="2773" y="523"/>
                  </a:lnTo>
                  <a:lnTo>
                    <a:pt x="2744" y="588"/>
                  </a:lnTo>
                  <a:lnTo>
                    <a:pt x="2733" y="596"/>
                  </a:lnTo>
                  <a:lnTo>
                    <a:pt x="2728" y="593"/>
                  </a:lnTo>
                  <a:lnTo>
                    <a:pt x="2685" y="582"/>
                  </a:lnTo>
                  <a:lnTo>
                    <a:pt x="2645" y="616"/>
                  </a:lnTo>
                  <a:lnTo>
                    <a:pt x="2657" y="652"/>
                  </a:lnTo>
                  <a:lnTo>
                    <a:pt x="2657" y="700"/>
                  </a:lnTo>
                  <a:lnTo>
                    <a:pt x="2626" y="735"/>
                  </a:lnTo>
                  <a:lnTo>
                    <a:pt x="2626" y="751"/>
                  </a:lnTo>
                  <a:lnTo>
                    <a:pt x="2620" y="749"/>
                  </a:lnTo>
                  <a:lnTo>
                    <a:pt x="2603" y="726"/>
                  </a:lnTo>
                  <a:lnTo>
                    <a:pt x="2594" y="734"/>
                  </a:lnTo>
                  <a:lnTo>
                    <a:pt x="2581" y="766"/>
                  </a:lnTo>
                  <a:lnTo>
                    <a:pt x="2554" y="785"/>
                  </a:lnTo>
                  <a:lnTo>
                    <a:pt x="2516" y="789"/>
                  </a:lnTo>
                  <a:lnTo>
                    <a:pt x="2513" y="796"/>
                  </a:lnTo>
                  <a:lnTo>
                    <a:pt x="2518" y="823"/>
                  </a:lnTo>
                  <a:lnTo>
                    <a:pt x="2482" y="827"/>
                  </a:lnTo>
                  <a:lnTo>
                    <a:pt x="2456" y="814"/>
                  </a:lnTo>
                  <a:lnTo>
                    <a:pt x="2410" y="859"/>
                  </a:lnTo>
                  <a:lnTo>
                    <a:pt x="2362" y="882"/>
                  </a:lnTo>
                  <a:lnTo>
                    <a:pt x="2339" y="913"/>
                  </a:lnTo>
                  <a:lnTo>
                    <a:pt x="2298" y="926"/>
                  </a:lnTo>
                  <a:lnTo>
                    <a:pt x="2292" y="921"/>
                  </a:lnTo>
                  <a:lnTo>
                    <a:pt x="2247" y="946"/>
                  </a:lnTo>
                  <a:lnTo>
                    <a:pt x="2225" y="971"/>
                  </a:lnTo>
                  <a:lnTo>
                    <a:pt x="2196" y="984"/>
                  </a:lnTo>
                  <a:lnTo>
                    <a:pt x="2192" y="979"/>
                  </a:lnTo>
                  <a:lnTo>
                    <a:pt x="2199" y="969"/>
                  </a:lnTo>
                  <a:lnTo>
                    <a:pt x="2212" y="966"/>
                  </a:lnTo>
                  <a:lnTo>
                    <a:pt x="2216" y="947"/>
                  </a:lnTo>
                  <a:lnTo>
                    <a:pt x="2198" y="938"/>
                  </a:lnTo>
                  <a:lnTo>
                    <a:pt x="2207" y="933"/>
                  </a:lnTo>
                  <a:lnTo>
                    <a:pt x="2208" y="923"/>
                  </a:lnTo>
                  <a:lnTo>
                    <a:pt x="2242" y="881"/>
                  </a:lnTo>
                  <a:lnTo>
                    <a:pt x="2221" y="847"/>
                  </a:lnTo>
                  <a:lnTo>
                    <a:pt x="2218" y="852"/>
                  </a:lnTo>
                  <a:lnTo>
                    <a:pt x="2192" y="857"/>
                  </a:lnTo>
                  <a:lnTo>
                    <a:pt x="2159" y="898"/>
                  </a:lnTo>
                  <a:lnTo>
                    <a:pt x="2116" y="921"/>
                  </a:lnTo>
                  <a:lnTo>
                    <a:pt x="2100" y="952"/>
                  </a:lnTo>
                  <a:lnTo>
                    <a:pt x="2069" y="962"/>
                  </a:lnTo>
                  <a:lnTo>
                    <a:pt x="2046" y="958"/>
                  </a:lnTo>
                  <a:lnTo>
                    <a:pt x="2037" y="967"/>
                  </a:lnTo>
                  <a:lnTo>
                    <a:pt x="2032" y="983"/>
                  </a:lnTo>
                  <a:lnTo>
                    <a:pt x="2029" y="997"/>
                  </a:lnTo>
                  <a:lnTo>
                    <a:pt x="2048" y="1021"/>
                  </a:lnTo>
                  <a:lnTo>
                    <a:pt x="2076" y="1040"/>
                  </a:lnTo>
                  <a:lnTo>
                    <a:pt x="2093" y="1070"/>
                  </a:lnTo>
                  <a:lnTo>
                    <a:pt x="2117" y="1079"/>
                  </a:lnTo>
                  <a:lnTo>
                    <a:pt x="2128" y="1079"/>
                  </a:lnTo>
                  <a:lnTo>
                    <a:pt x="2154" y="1048"/>
                  </a:lnTo>
                  <a:lnTo>
                    <a:pt x="2178" y="1038"/>
                  </a:lnTo>
                  <a:lnTo>
                    <a:pt x="2210" y="1060"/>
                  </a:lnTo>
                  <a:lnTo>
                    <a:pt x="2233" y="1055"/>
                  </a:lnTo>
                  <a:lnTo>
                    <a:pt x="2259" y="1063"/>
                  </a:lnTo>
                  <a:lnTo>
                    <a:pt x="2252" y="1085"/>
                  </a:lnTo>
                  <a:lnTo>
                    <a:pt x="2244" y="1096"/>
                  </a:lnTo>
                  <a:lnTo>
                    <a:pt x="2238" y="1085"/>
                  </a:lnTo>
                  <a:lnTo>
                    <a:pt x="2227" y="1087"/>
                  </a:lnTo>
                  <a:lnTo>
                    <a:pt x="2216" y="1099"/>
                  </a:lnTo>
                  <a:lnTo>
                    <a:pt x="2178" y="1108"/>
                  </a:lnTo>
                  <a:lnTo>
                    <a:pt x="2179" y="1118"/>
                  </a:lnTo>
                  <a:lnTo>
                    <a:pt x="2167" y="1136"/>
                  </a:lnTo>
                  <a:lnTo>
                    <a:pt x="2159" y="1138"/>
                  </a:lnTo>
                  <a:lnTo>
                    <a:pt x="2156" y="1128"/>
                  </a:lnTo>
                  <a:lnTo>
                    <a:pt x="2147" y="1128"/>
                  </a:lnTo>
                  <a:lnTo>
                    <a:pt x="2142" y="1136"/>
                  </a:lnTo>
                  <a:lnTo>
                    <a:pt x="2149" y="1144"/>
                  </a:lnTo>
                  <a:lnTo>
                    <a:pt x="2144" y="1150"/>
                  </a:lnTo>
                  <a:lnTo>
                    <a:pt x="2124" y="1167"/>
                  </a:lnTo>
                  <a:lnTo>
                    <a:pt x="2102" y="1206"/>
                  </a:lnTo>
                  <a:lnTo>
                    <a:pt x="2103" y="1212"/>
                  </a:lnTo>
                  <a:lnTo>
                    <a:pt x="2149" y="1237"/>
                  </a:lnTo>
                  <a:lnTo>
                    <a:pt x="2164" y="1265"/>
                  </a:lnTo>
                  <a:lnTo>
                    <a:pt x="2181" y="1325"/>
                  </a:lnTo>
                  <a:lnTo>
                    <a:pt x="2199" y="1342"/>
                  </a:lnTo>
                  <a:lnTo>
                    <a:pt x="2201" y="1350"/>
                  </a:lnTo>
                  <a:lnTo>
                    <a:pt x="2225" y="1379"/>
                  </a:lnTo>
                  <a:lnTo>
                    <a:pt x="2166" y="1360"/>
                  </a:lnTo>
                  <a:lnTo>
                    <a:pt x="2144" y="1365"/>
                  </a:lnTo>
                  <a:lnTo>
                    <a:pt x="2144" y="1370"/>
                  </a:lnTo>
                  <a:lnTo>
                    <a:pt x="2166" y="1365"/>
                  </a:lnTo>
                  <a:lnTo>
                    <a:pt x="2173" y="1375"/>
                  </a:lnTo>
                  <a:lnTo>
                    <a:pt x="2192" y="1382"/>
                  </a:lnTo>
                  <a:lnTo>
                    <a:pt x="2208" y="1397"/>
                  </a:lnTo>
                  <a:lnTo>
                    <a:pt x="2213" y="1399"/>
                  </a:lnTo>
                  <a:lnTo>
                    <a:pt x="2225" y="1419"/>
                  </a:lnTo>
                  <a:lnTo>
                    <a:pt x="2176" y="1449"/>
                  </a:lnTo>
                  <a:lnTo>
                    <a:pt x="2154" y="1452"/>
                  </a:lnTo>
                  <a:lnTo>
                    <a:pt x="2154" y="1455"/>
                  </a:lnTo>
                  <a:lnTo>
                    <a:pt x="2175" y="1463"/>
                  </a:lnTo>
                  <a:lnTo>
                    <a:pt x="2192" y="1455"/>
                  </a:lnTo>
                  <a:lnTo>
                    <a:pt x="2213" y="1472"/>
                  </a:lnTo>
                  <a:lnTo>
                    <a:pt x="2230" y="1475"/>
                  </a:lnTo>
                  <a:lnTo>
                    <a:pt x="2205" y="1495"/>
                  </a:lnTo>
                  <a:lnTo>
                    <a:pt x="2221" y="1490"/>
                  </a:lnTo>
                  <a:lnTo>
                    <a:pt x="2221" y="1502"/>
                  </a:lnTo>
                  <a:lnTo>
                    <a:pt x="2221" y="1511"/>
                  </a:lnTo>
                  <a:lnTo>
                    <a:pt x="2205" y="1512"/>
                  </a:lnTo>
                  <a:lnTo>
                    <a:pt x="2210" y="1524"/>
                  </a:lnTo>
                  <a:lnTo>
                    <a:pt x="2198" y="1565"/>
                  </a:lnTo>
                  <a:lnTo>
                    <a:pt x="2192" y="1557"/>
                  </a:lnTo>
                  <a:lnTo>
                    <a:pt x="2187" y="1562"/>
                  </a:lnTo>
                  <a:lnTo>
                    <a:pt x="2175" y="1580"/>
                  </a:lnTo>
                  <a:lnTo>
                    <a:pt x="2162" y="1600"/>
                  </a:lnTo>
                  <a:lnTo>
                    <a:pt x="2147" y="1625"/>
                  </a:lnTo>
                  <a:lnTo>
                    <a:pt x="2133" y="1650"/>
                  </a:lnTo>
                  <a:lnTo>
                    <a:pt x="2130" y="1636"/>
                  </a:lnTo>
                  <a:lnTo>
                    <a:pt x="2117" y="1642"/>
                  </a:lnTo>
                  <a:lnTo>
                    <a:pt x="2124" y="1659"/>
                  </a:lnTo>
                  <a:lnTo>
                    <a:pt x="2111" y="1692"/>
                  </a:lnTo>
                  <a:lnTo>
                    <a:pt x="2110" y="1705"/>
                  </a:lnTo>
                  <a:lnTo>
                    <a:pt x="2102" y="1701"/>
                  </a:lnTo>
                  <a:lnTo>
                    <a:pt x="2100" y="1713"/>
                  </a:lnTo>
                  <a:lnTo>
                    <a:pt x="2088" y="1717"/>
                  </a:lnTo>
                  <a:lnTo>
                    <a:pt x="2071" y="1747"/>
                  </a:lnTo>
                  <a:lnTo>
                    <a:pt x="2051" y="1747"/>
                  </a:lnTo>
                  <a:lnTo>
                    <a:pt x="2044" y="1752"/>
                  </a:lnTo>
                  <a:lnTo>
                    <a:pt x="2048" y="1760"/>
                  </a:lnTo>
                  <a:lnTo>
                    <a:pt x="2044" y="1768"/>
                  </a:lnTo>
                  <a:lnTo>
                    <a:pt x="2029" y="1778"/>
                  </a:lnTo>
                  <a:lnTo>
                    <a:pt x="2026" y="1788"/>
                  </a:lnTo>
                  <a:lnTo>
                    <a:pt x="2023" y="1781"/>
                  </a:lnTo>
                  <a:lnTo>
                    <a:pt x="2018" y="1794"/>
                  </a:lnTo>
                  <a:lnTo>
                    <a:pt x="1995" y="1798"/>
                  </a:lnTo>
                  <a:lnTo>
                    <a:pt x="1972" y="1827"/>
                  </a:lnTo>
                  <a:lnTo>
                    <a:pt x="1947" y="1837"/>
                  </a:lnTo>
                  <a:lnTo>
                    <a:pt x="1935" y="1834"/>
                  </a:lnTo>
                  <a:lnTo>
                    <a:pt x="1926" y="1842"/>
                  </a:lnTo>
                  <a:lnTo>
                    <a:pt x="1913" y="1834"/>
                  </a:lnTo>
                  <a:lnTo>
                    <a:pt x="1896" y="1845"/>
                  </a:lnTo>
                  <a:lnTo>
                    <a:pt x="1893" y="1837"/>
                  </a:lnTo>
                  <a:lnTo>
                    <a:pt x="1887" y="1840"/>
                  </a:lnTo>
                  <a:lnTo>
                    <a:pt x="1887" y="1849"/>
                  </a:lnTo>
                  <a:lnTo>
                    <a:pt x="1884" y="1854"/>
                  </a:lnTo>
                  <a:close/>
                  <a:moveTo>
                    <a:pt x="1698" y="1970"/>
                  </a:moveTo>
                  <a:lnTo>
                    <a:pt x="1700" y="1966"/>
                  </a:lnTo>
                  <a:lnTo>
                    <a:pt x="1715" y="1973"/>
                  </a:lnTo>
                  <a:lnTo>
                    <a:pt x="1718" y="1989"/>
                  </a:lnTo>
                  <a:lnTo>
                    <a:pt x="1712" y="1998"/>
                  </a:lnTo>
                  <a:lnTo>
                    <a:pt x="1697" y="2032"/>
                  </a:lnTo>
                  <a:lnTo>
                    <a:pt x="1678" y="2049"/>
                  </a:lnTo>
                  <a:lnTo>
                    <a:pt x="1667" y="2052"/>
                  </a:lnTo>
                  <a:lnTo>
                    <a:pt x="1661" y="2063"/>
                  </a:lnTo>
                  <a:lnTo>
                    <a:pt x="1622" y="2049"/>
                  </a:lnTo>
                  <a:lnTo>
                    <a:pt x="1616" y="2038"/>
                  </a:lnTo>
                  <a:lnTo>
                    <a:pt x="1613" y="2009"/>
                  </a:lnTo>
                  <a:lnTo>
                    <a:pt x="1655" y="1975"/>
                  </a:lnTo>
                  <a:lnTo>
                    <a:pt x="1698" y="197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71" name="Freeform 110"/>
            <p:cNvSpPr>
              <a:spLocks noChangeAspect="1" noEditPoints="1"/>
            </p:cNvSpPr>
            <p:nvPr/>
          </p:nvSpPr>
          <p:spPr bwMode="gray">
            <a:xfrm>
              <a:off x="7851775" y="3241676"/>
              <a:ext cx="107950" cy="150813"/>
            </a:xfrm>
            <a:custGeom>
              <a:avLst/>
              <a:gdLst>
                <a:gd name="T0" fmla="*/ 1 w 223"/>
                <a:gd name="T1" fmla="*/ 1 h 305"/>
                <a:gd name="T2" fmla="*/ 1 w 223"/>
                <a:gd name="T3" fmla="*/ 2 h 305"/>
                <a:gd name="T4" fmla="*/ 1 w 223"/>
                <a:gd name="T5" fmla="*/ 2 h 305"/>
                <a:gd name="T6" fmla="*/ 1 w 223"/>
                <a:gd name="T7" fmla="*/ 2 h 305"/>
                <a:gd name="T8" fmla="*/ 1 w 223"/>
                <a:gd name="T9" fmla="*/ 2 h 305"/>
                <a:gd name="T10" fmla="*/ 1 w 223"/>
                <a:gd name="T11" fmla="*/ 3 h 305"/>
                <a:gd name="T12" fmla="*/ 1 w 223"/>
                <a:gd name="T13" fmla="*/ 3 h 305"/>
                <a:gd name="T14" fmla="*/ 0 w 223"/>
                <a:gd name="T15" fmla="*/ 3 h 305"/>
                <a:gd name="T16" fmla="*/ 0 w 223"/>
                <a:gd name="T17" fmla="*/ 3 h 305"/>
                <a:gd name="T18" fmla="*/ 0 w 223"/>
                <a:gd name="T19" fmla="*/ 4 h 305"/>
                <a:gd name="T20" fmla="*/ 0 w 223"/>
                <a:gd name="T21" fmla="*/ 3 h 305"/>
                <a:gd name="T22" fmla="*/ 0 w 223"/>
                <a:gd name="T23" fmla="*/ 3 h 305"/>
                <a:gd name="T24" fmla="*/ 1 w 223"/>
                <a:gd name="T25" fmla="*/ 3 h 305"/>
                <a:gd name="T26" fmla="*/ 1 w 223"/>
                <a:gd name="T27" fmla="*/ 4 h 305"/>
                <a:gd name="T28" fmla="*/ 1 w 223"/>
                <a:gd name="T29" fmla="*/ 5 h 305"/>
                <a:gd name="T30" fmla="*/ 1 w 223"/>
                <a:gd name="T31" fmla="*/ 5 h 305"/>
                <a:gd name="T32" fmla="*/ 1 w 223"/>
                <a:gd name="T33" fmla="*/ 5 h 305"/>
                <a:gd name="T34" fmla="*/ 0 w 223"/>
                <a:gd name="T35" fmla="*/ 6 h 305"/>
                <a:gd name="T36" fmla="*/ 0 w 223"/>
                <a:gd name="T37" fmla="*/ 7 h 305"/>
                <a:gd name="T38" fmla="*/ 1 w 223"/>
                <a:gd name="T39" fmla="*/ 6 h 305"/>
                <a:gd name="T40" fmla="*/ 1 w 223"/>
                <a:gd name="T41" fmla="*/ 7 h 305"/>
                <a:gd name="T42" fmla="*/ 1 w 223"/>
                <a:gd name="T43" fmla="*/ 7 h 305"/>
                <a:gd name="T44" fmla="*/ 0 w 223"/>
                <a:gd name="T45" fmla="*/ 7 h 305"/>
                <a:gd name="T46" fmla="*/ 0 w 223"/>
                <a:gd name="T47" fmla="*/ 7 h 305"/>
                <a:gd name="T48" fmla="*/ 0 w 223"/>
                <a:gd name="T49" fmla="*/ 7 h 305"/>
                <a:gd name="T50" fmla="*/ 1 w 223"/>
                <a:gd name="T51" fmla="*/ 7 h 305"/>
                <a:gd name="T52" fmla="*/ 1 w 223"/>
                <a:gd name="T53" fmla="*/ 7 h 305"/>
                <a:gd name="T54" fmla="*/ 1 w 223"/>
                <a:gd name="T55" fmla="*/ 7 h 305"/>
                <a:gd name="T56" fmla="*/ 1 w 223"/>
                <a:gd name="T57" fmla="*/ 7 h 305"/>
                <a:gd name="T58" fmla="*/ 2 w 223"/>
                <a:gd name="T59" fmla="*/ 7 h 305"/>
                <a:gd name="T60" fmla="*/ 2 w 223"/>
                <a:gd name="T61" fmla="*/ 7 h 305"/>
                <a:gd name="T62" fmla="*/ 2 w 223"/>
                <a:gd name="T63" fmla="*/ 7 h 305"/>
                <a:gd name="T64" fmla="*/ 2 w 223"/>
                <a:gd name="T65" fmla="*/ 7 h 305"/>
                <a:gd name="T66" fmla="*/ 2 w 223"/>
                <a:gd name="T67" fmla="*/ 7 h 305"/>
                <a:gd name="T68" fmla="*/ 2 w 223"/>
                <a:gd name="T69" fmla="*/ 7 h 305"/>
                <a:gd name="T70" fmla="*/ 2 w 223"/>
                <a:gd name="T71" fmla="*/ 7 h 305"/>
                <a:gd name="T72" fmla="*/ 2 w 223"/>
                <a:gd name="T73" fmla="*/ 6 h 305"/>
                <a:gd name="T74" fmla="*/ 2 w 223"/>
                <a:gd name="T75" fmla="*/ 6 h 305"/>
                <a:gd name="T76" fmla="*/ 3 w 223"/>
                <a:gd name="T77" fmla="*/ 6 h 305"/>
                <a:gd name="T78" fmla="*/ 3 w 223"/>
                <a:gd name="T79" fmla="*/ 7 h 305"/>
                <a:gd name="T80" fmla="*/ 3 w 223"/>
                <a:gd name="T81" fmla="*/ 6 h 305"/>
                <a:gd name="T82" fmla="*/ 4 w 223"/>
                <a:gd name="T83" fmla="*/ 6 h 305"/>
                <a:gd name="T84" fmla="*/ 4 w 223"/>
                <a:gd name="T85" fmla="*/ 5 h 305"/>
                <a:gd name="T86" fmla="*/ 5 w 223"/>
                <a:gd name="T87" fmla="*/ 4 h 305"/>
                <a:gd name="T88" fmla="*/ 4 w 223"/>
                <a:gd name="T89" fmla="*/ 4 h 305"/>
                <a:gd name="T90" fmla="*/ 4 w 223"/>
                <a:gd name="T91" fmla="*/ 3 h 305"/>
                <a:gd name="T92" fmla="*/ 4 w 223"/>
                <a:gd name="T93" fmla="*/ 2 h 305"/>
                <a:gd name="T94" fmla="*/ 3 w 223"/>
                <a:gd name="T95" fmla="*/ 0 h 305"/>
                <a:gd name="T96" fmla="*/ 2 w 223"/>
                <a:gd name="T97" fmla="*/ 1 h 305"/>
                <a:gd name="T98" fmla="*/ 2 w 223"/>
                <a:gd name="T99" fmla="*/ 1 h 305"/>
                <a:gd name="T100" fmla="*/ 1 w 223"/>
                <a:gd name="T101" fmla="*/ 1 h 305"/>
                <a:gd name="T102" fmla="*/ 6 w 223"/>
                <a:gd name="T103" fmla="*/ 2 h 305"/>
                <a:gd name="T104" fmla="*/ 6 w 223"/>
                <a:gd name="T105" fmla="*/ 2 h 305"/>
                <a:gd name="T106" fmla="*/ 6 w 223"/>
                <a:gd name="T107" fmla="*/ 2 h 305"/>
                <a:gd name="T108" fmla="*/ 6 w 223"/>
                <a:gd name="T109" fmla="*/ 2 h 305"/>
                <a:gd name="T110" fmla="*/ 0 w 223"/>
                <a:gd name="T111" fmla="*/ 9 h 305"/>
                <a:gd name="T112" fmla="*/ 0 w 223"/>
                <a:gd name="T113" fmla="*/ 9 h 305"/>
                <a:gd name="T114" fmla="*/ 0 w 223"/>
                <a:gd name="T115" fmla="*/ 9 h 305"/>
                <a:gd name="T116" fmla="*/ 1 w 223"/>
                <a:gd name="T117" fmla="*/ 9 h 305"/>
                <a:gd name="T118" fmla="*/ 1 w 223"/>
                <a:gd name="T119" fmla="*/ 9 h 305"/>
                <a:gd name="T120" fmla="*/ 1 w 223"/>
                <a:gd name="T121" fmla="*/ 9 h 305"/>
                <a:gd name="T122" fmla="*/ 0 w 223"/>
                <a:gd name="T123" fmla="*/ 9 h 305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223"/>
                <a:gd name="T187" fmla="*/ 0 h 305"/>
                <a:gd name="T188" fmla="*/ 223 w 223"/>
                <a:gd name="T189" fmla="*/ 305 h 305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223" h="305">
                  <a:moveTo>
                    <a:pt x="21" y="46"/>
                  </a:moveTo>
                  <a:lnTo>
                    <a:pt x="17" y="49"/>
                  </a:lnTo>
                  <a:lnTo>
                    <a:pt x="21" y="65"/>
                  </a:lnTo>
                  <a:lnTo>
                    <a:pt x="32" y="73"/>
                  </a:lnTo>
                  <a:lnTo>
                    <a:pt x="29" y="80"/>
                  </a:lnTo>
                  <a:lnTo>
                    <a:pt x="36" y="99"/>
                  </a:lnTo>
                  <a:lnTo>
                    <a:pt x="25" y="91"/>
                  </a:lnTo>
                  <a:lnTo>
                    <a:pt x="0" y="103"/>
                  </a:lnTo>
                  <a:lnTo>
                    <a:pt x="0" y="111"/>
                  </a:lnTo>
                  <a:lnTo>
                    <a:pt x="8" y="119"/>
                  </a:lnTo>
                  <a:lnTo>
                    <a:pt x="13" y="117"/>
                  </a:lnTo>
                  <a:lnTo>
                    <a:pt x="10" y="107"/>
                  </a:lnTo>
                  <a:lnTo>
                    <a:pt x="15" y="108"/>
                  </a:lnTo>
                  <a:lnTo>
                    <a:pt x="21" y="141"/>
                  </a:lnTo>
                  <a:lnTo>
                    <a:pt x="29" y="156"/>
                  </a:lnTo>
                  <a:lnTo>
                    <a:pt x="21" y="168"/>
                  </a:lnTo>
                  <a:lnTo>
                    <a:pt x="22" y="171"/>
                  </a:lnTo>
                  <a:lnTo>
                    <a:pt x="8" y="209"/>
                  </a:lnTo>
                  <a:lnTo>
                    <a:pt x="12" y="215"/>
                  </a:lnTo>
                  <a:lnTo>
                    <a:pt x="15" y="210"/>
                  </a:lnTo>
                  <a:lnTo>
                    <a:pt x="21" y="213"/>
                  </a:lnTo>
                  <a:lnTo>
                    <a:pt x="19" y="224"/>
                  </a:lnTo>
                  <a:lnTo>
                    <a:pt x="10" y="222"/>
                  </a:lnTo>
                  <a:lnTo>
                    <a:pt x="5" y="237"/>
                  </a:lnTo>
                  <a:lnTo>
                    <a:pt x="7" y="241"/>
                  </a:lnTo>
                  <a:lnTo>
                    <a:pt x="17" y="230"/>
                  </a:lnTo>
                  <a:lnTo>
                    <a:pt x="19" y="238"/>
                  </a:lnTo>
                  <a:lnTo>
                    <a:pt x="30" y="227"/>
                  </a:lnTo>
                  <a:lnTo>
                    <a:pt x="36" y="232"/>
                  </a:lnTo>
                  <a:lnTo>
                    <a:pt x="56" y="217"/>
                  </a:lnTo>
                  <a:lnTo>
                    <a:pt x="49" y="226"/>
                  </a:lnTo>
                  <a:lnTo>
                    <a:pt x="56" y="229"/>
                  </a:lnTo>
                  <a:lnTo>
                    <a:pt x="61" y="226"/>
                  </a:lnTo>
                  <a:lnTo>
                    <a:pt x="61" y="212"/>
                  </a:lnTo>
                  <a:lnTo>
                    <a:pt x="67" y="220"/>
                  </a:lnTo>
                  <a:lnTo>
                    <a:pt x="75" y="212"/>
                  </a:lnTo>
                  <a:lnTo>
                    <a:pt x="71" y="207"/>
                  </a:lnTo>
                  <a:lnTo>
                    <a:pt x="81" y="204"/>
                  </a:lnTo>
                  <a:lnTo>
                    <a:pt x="98" y="207"/>
                  </a:lnTo>
                  <a:lnTo>
                    <a:pt x="101" y="212"/>
                  </a:lnTo>
                  <a:lnTo>
                    <a:pt x="113" y="193"/>
                  </a:lnTo>
                  <a:lnTo>
                    <a:pt x="130" y="195"/>
                  </a:lnTo>
                  <a:lnTo>
                    <a:pt x="147" y="181"/>
                  </a:lnTo>
                  <a:lnTo>
                    <a:pt x="161" y="144"/>
                  </a:lnTo>
                  <a:lnTo>
                    <a:pt x="155" y="144"/>
                  </a:lnTo>
                  <a:lnTo>
                    <a:pt x="154" y="94"/>
                  </a:lnTo>
                  <a:lnTo>
                    <a:pt x="146" y="61"/>
                  </a:lnTo>
                  <a:lnTo>
                    <a:pt x="104" y="0"/>
                  </a:lnTo>
                  <a:lnTo>
                    <a:pt x="78" y="18"/>
                  </a:lnTo>
                  <a:lnTo>
                    <a:pt x="49" y="18"/>
                  </a:lnTo>
                  <a:lnTo>
                    <a:pt x="21" y="46"/>
                  </a:lnTo>
                  <a:close/>
                  <a:moveTo>
                    <a:pt x="219" y="57"/>
                  </a:moveTo>
                  <a:lnTo>
                    <a:pt x="219" y="63"/>
                  </a:lnTo>
                  <a:lnTo>
                    <a:pt x="223" y="60"/>
                  </a:lnTo>
                  <a:lnTo>
                    <a:pt x="219" y="57"/>
                  </a:lnTo>
                  <a:close/>
                  <a:moveTo>
                    <a:pt x="8" y="294"/>
                  </a:moveTo>
                  <a:lnTo>
                    <a:pt x="5" y="303"/>
                  </a:lnTo>
                  <a:lnTo>
                    <a:pt x="13" y="305"/>
                  </a:lnTo>
                  <a:lnTo>
                    <a:pt x="25" y="303"/>
                  </a:lnTo>
                  <a:lnTo>
                    <a:pt x="36" y="294"/>
                  </a:lnTo>
                  <a:lnTo>
                    <a:pt x="36" y="286"/>
                  </a:lnTo>
                  <a:lnTo>
                    <a:pt x="8" y="29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72" name="Freeform 111"/>
            <p:cNvSpPr>
              <a:spLocks noChangeAspect="1" noEditPoints="1"/>
            </p:cNvSpPr>
            <p:nvPr/>
          </p:nvSpPr>
          <p:spPr bwMode="gray">
            <a:xfrm>
              <a:off x="6010275" y="3203576"/>
              <a:ext cx="428625" cy="392113"/>
            </a:xfrm>
            <a:custGeom>
              <a:avLst/>
              <a:gdLst>
                <a:gd name="T0" fmla="*/ 24 w 882"/>
                <a:gd name="T1" fmla="*/ 21 h 805"/>
                <a:gd name="T2" fmla="*/ 25 w 882"/>
                <a:gd name="T3" fmla="*/ 20 h 805"/>
                <a:gd name="T4" fmla="*/ 23 w 882"/>
                <a:gd name="T5" fmla="*/ 18 h 805"/>
                <a:gd name="T6" fmla="*/ 22 w 882"/>
                <a:gd name="T7" fmla="*/ 16 h 805"/>
                <a:gd name="T8" fmla="*/ 23 w 882"/>
                <a:gd name="T9" fmla="*/ 14 h 805"/>
                <a:gd name="T10" fmla="*/ 22 w 882"/>
                <a:gd name="T11" fmla="*/ 13 h 805"/>
                <a:gd name="T12" fmla="*/ 22 w 882"/>
                <a:gd name="T13" fmla="*/ 10 h 805"/>
                <a:gd name="T14" fmla="*/ 22 w 882"/>
                <a:gd name="T15" fmla="*/ 10 h 805"/>
                <a:gd name="T16" fmla="*/ 22 w 882"/>
                <a:gd name="T17" fmla="*/ 9 h 805"/>
                <a:gd name="T18" fmla="*/ 23 w 882"/>
                <a:gd name="T19" fmla="*/ 7 h 805"/>
                <a:gd name="T20" fmla="*/ 20 w 882"/>
                <a:gd name="T21" fmla="*/ 4 h 805"/>
                <a:gd name="T22" fmla="*/ 18 w 882"/>
                <a:gd name="T23" fmla="*/ 3 h 805"/>
                <a:gd name="T24" fmla="*/ 16 w 882"/>
                <a:gd name="T25" fmla="*/ 3 h 805"/>
                <a:gd name="T26" fmla="*/ 13 w 882"/>
                <a:gd name="T27" fmla="*/ 4 h 805"/>
                <a:gd name="T28" fmla="*/ 10 w 882"/>
                <a:gd name="T29" fmla="*/ 6 h 805"/>
                <a:gd name="T30" fmla="*/ 7 w 882"/>
                <a:gd name="T31" fmla="*/ 4 h 805"/>
                <a:gd name="T32" fmla="*/ 6 w 882"/>
                <a:gd name="T33" fmla="*/ 2 h 805"/>
                <a:gd name="T34" fmla="*/ 5 w 882"/>
                <a:gd name="T35" fmla="*/ 1 h 805"/>
                <a:gd name="T36" fmla="*/ 3 w 882"/>
                <a:gd name="T37" fmla="*/ 2 h 805"/>
                <a:gd name="T38" fmla="*/ 2 w 882"/>
                <a:gd name="T39" fmla="*/ 2 h 805"/>
                <a:gd name="T40" fmla="*/ 1 w 882"/>
                <a:gd name="T41" fmla="*/ 0 h 805"/>
                <a:gd name="T42" fmla="*/ 0 w 882"/>
                <a:gd name="T43" fmla="*/ 2 h 805"/>
                <a:gd name="T44" fmla="*/ 1 w 882"/>
                <a:gd name="T45" fmla="*/ 4 h 805"/>
                <a:gd name="T46" fmla="*/ 2 w 882"/>
                <a:gd name="T47" fmla="*/ 6 h 805"/>
                <a:gd name="T48" fmla="*/ 2 w 882"/>
                <a:gd name="T49" fmla="*/ 7 h 805"/>
                <a:gd name="T50" fmla="*/ 2 w 882"/>
                <a:gd name="T51" fmla="*/ 9 h 805"/>
                <a:gd name="T52" fmla="*/ 2 w 882"/>
                <a:gd name="T53" fmla="*/ 10 h 805"/>
                <a:gd name="T54" fmla="*/ 2 w 882"/>
                <a:gd name="T55" fmla="*/ 11 h 805"/>
                <a:gd name="T56" fmla="*/ 5 w 882"/>
                <a:gd name="T57" fmla="*/ 14 h 805"/>
                <a:gd name="T58" fmla="*/ 6 w 882"/>
                <a:gd name="T59" fmla="*/ 16 h 805"/>
                <a:gd name="T60" fmla="*/ 6 w 882"/>
                <a:gd name="T61" fmla="*/ 15 h 805"/>
                <a:gd name="T62" fmla="*/ 7 w 882"/>
                <a:gd name="T63" fmla="*/ 16 h 805"/>
                <a:gd name="T64" fmla="*/ 8 w 882"/>
                <a:gd name="T65" fmla="*/ 16 h 805"/>
                <a:gd name="T66" fmla="*/ 9 w 882"/>
                <a:gd name="T67" fmla="*/ 17 h 805"/>
                <a:gd name="T68" fmla="*/ 11 w 882"/>
                <a:gd name="T69" fmla="*/ 20 h 805"/>
                <a:gd name="T70" fmla="*/ 12 w 882"/>
                <a:gd name="T71" fmla="*/ 21 h 805"/>
                <a:gd name="T72" fmla="*/ 14 w 882"/>
                <a:gd name="T73" fmla="*/ 21 h 805"/>
                <a:gd name="T74" fmla="*/ 16 w 882"/>
                <a:gd name="T75" fmla="*/ 20 h 805"/>
                <a:gd name="T76" fmla="*/ 19 w 882"/>
                <a:gd name="T77" fmla="*/ 23 h 805"/>
                <a:gd name="T78" fmla="*/ 21 w 882"/>
                <a:gd name="T79" fmla="*/ 23 h 805"/>
                <a:gd name="T80" fmla="*/ 22 w 882"/>
                <a:gd name="T81" fmla="*/ 23 h 805"/>
                <a:gd name="T82" fmla="*/ 15 w 882"/>
                <a:gd name="T83" fmla="*/ 21 h 805"/>
                <a:gd name="T84" fmla="*/ 16 w 882"/>
                <a:gd name="T85" fmla="*/ 21 h 805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w 882"/>
                <a:gd name="T130" fmla="*/ 0 h 805"/>
                <a:gd name="T131" fmla="*/ 882 w 882"/>
                <a:gd name="T132" fmla="*/ 805 h 805"/>
              </a:gdLst>
              <a:ahLst/>
              <a:cxnLst>
                <a:cxn ang="T86">
                  <a:pos x="T0" y="T1"/>
                </a:cxn>
                <a:cxn ang="T87">
                  <a:pos x="T2" y="T3"/>
                </a:cxn>
                <a:cxn ang="T88">
                  <a:pos x="T4" y="T5"/>
                </a:cxn>
                <a:cxn ang="T89">
                  <a:pos x="T6" y="T7"/>
                </a:cxn>
                <a:cxn ang="T90">
                  <a:pos x="T8" y="T9"/>
                </a:cxn>
                <a:cxn ang="T91">
                  <a:pos x="T10" y="T11"/>
                </a:cxn>
                <a:cxn ang="T92">
                  <a:pos x="T12" y="T13"/>
                </a:cxn>
                <a:cxn ang="T93">
                  <a:pos x="T14" y="T15"/>
                </a:cxn>
                <a:cxn ang="T94">
                  <a:pos x="T16" y="T17"/>
                </a:cxn>
                <a:cxn ang="T95">
                  <a:pos x="T18" y="T19"/>
                </a:cxn>
                <a:cxn ang="T96">
                  <a:pos x="T20" y="T21"/>
                </a:cxn>
                <a:cxn ang="T97">
                  <a:pos x="T22" y="T23"/>
                </a:cxn>
                <a:cxn ang="T98">
                  <a:pos x="T24" y="T25"/>
                </a:cxn>
                <a:cxn ang="T99">
                  <a:pos x="T26" y="T27"/>
                </a:cxn>
                <a:cxn ang="T100">
                  <a:pos x="T28" y="T29"/>
                </a:cxn>
                <a:cxn ang="T101">
                  <a:pos x="T30" y="T31"/>
                </a:cxn>
                <a:cxn ang="T102">
                  <a:pos x="T32" y="T33"/>
                </a:cxn>
                <a:cxn ang="T103">
                  <a:pos x="T34" y="T35"/>
                </a:cxn>
                <a:cxn ang="T104">
                  <a:pos x="T36" y="T37"/>
                </a:cxn>
                <a:cxn ang="T105">
                  <a:pos x="T38" y="T39"/>
                </a:cxn>
                <a:cxn ang="T106">
                  <a:pos x="T40" y="T41"/>
                </a:cxn>
                <a:cxn ang="T107">
                  <a:pos x="T42" y="T43"/>
                </a:cxn>
                <a:cxn ang="T108">
                  <a:pos x="T44" y="T45"/>
                </a:cxn>
                <a:cxn ang="T109">
                  <a:pos x="T46" y="T47"/>
                </a:cxn>
                <a:cxn ang="T110">
                  <a:pos x="T48" y="T49"/>
                </a:cxn>
                <a:cxn ang="T111">
                  <a:pos x="T50" y="T51"/>
                </a:cxn>
                <a:cxn ang="T112">
                  <a:pos x="T52" y="T53"/>
                </a:cxn>
                <a:cxn ang="T113">
                  <a:pos x="T54" y="T55"/>
                </a:cxn>
                <a:cxn ang="T114">
                  <a:pos x="T56" y="T57"/>
                </a:cxn>
                <a:cxn ang="T115">
                  <a:pos x="T58" y="T59"/>
                </a:cxn>
                <a:cxn ang="T116">
                  <a:pos x="T60" y="T61"/>
                </a:cxn>
                <a:cxn ang="T117">
                  <a:pos x="T62" y="T63"/>
                </a:cxn>
                <a:cxn ang="T118">
                  <a:pos x="T64" y="T65"/>
                </a:cxn>
                <a:cxn ang="T119">
                  <a:pos x="T66" y="T67"/>
                </a:cxn>
                <a:cxn ang="T120">
                  <a:pos x="T68" y="T69"/>
                </a:cxn>
                <a:cxn ang="T121">
                  <a:pos x="T70" y="T71"/>
                </a:cxn>
                <a:cxn ang="T122">
                  <a:pos x="T72" y="T73"/>
                </a:cxn>
                <a:cxn ang="T123">
                  <a:pos x="T74" y="T75"/>
                </a:cxn>
                <a:cxn ang="T124">
                  <a:pos x="T76" y="T77"/>
                </a:cxn>
                <a:cxn ang="T125">
                  <a:pos x="T78" y="T79"/>
                </a:cxn>
                <a:cxn ang="T126">
                  <a:pos x="T80" y="T81"/>
                </a:cxn>
                <a:cxn ang="T127">
                  <a:pos x="T82" y="T83"/>
                </a:cxn>
                <a:cxn ang="T128">
                  <a:pos x="T84" y="T85"/>
                </a:cxn>
              </a:cxnLst>
              <a:rect l="T129" t="T130" r="T131" b="T132"/>
              <a:pathLst>
                <a:path w="882" h="805">
                  <a:moveTo>
                    <a:pt x="806" y="805"/>
                  </a:moveTo>
                  <a:lnTo>
                    <a:pt x="817" y="757"/>
                  </a:lnTo>
                  <a:lnTo>
                    <a:pt x="835" y="738"/>
                  </a:lnTo>
                  <a:lnTo>
                    <a:pt x="869" y="728"/>
                  </a:lnTo>
                  <a:lnTo>
                    <a:pt x="881" y="715"/>
                  </a:lnTo>
                  <a:lnTo>
                    <a:pt x="882" y="704"/>
                  </a:lnTo>
                  <a:lnTo>
                    <a:pt x="862" y="697"/>
                  </a:lnTo>
                  <a:lnTo>
                    <a:pt x="859" y="650"/>
                  </a:lnTo>
                  <a:lnTo>
                    <a:pt x="806" y="621"/>
                  </a:lnTo>
                  <a:lnTo>
                    <a:pt x="789" y="585"/>
                  </a:lnTo>
                  <a:lnTo>
                    <a:pt x="771" y="567"/>
                  </a:lnTo>
                  <a:lnTo>
                    <a:pt x="774" y="564"/>
                  </a:lnTo>
                  <a:lnTo>
                    <a:pt x="785" y="542"/>
                  </a:lnTo>
                  <a:lnTo>
                    <a:pt x="803" y="520"/>
                  </a:lnTo>
                  <a:lnTo>
                    <a:pt x="808" y="492"/>
                  </a:lnTo>
                  <a:lnTo>
                    <a:pt x="794" y="471"/>
                  </a:lnTo>
                  <a:lnTo>
                    <a:pt x="774" y="467"/>
                  </a:lnTo>
                  <a:lnTo>
                    <a:pt x="766" y="458"/>
                  </a:lnTo>
                  <a:lnTo>
                    <a:pt x="766" y="418"/>
                  </a:lnTo>
                  <a:lnTo>
                    <a:pt x="757" y="395"/>
                  </a:lnTo>
                  <a:lnTo>
                    <a:pt x="766" y="364"/>
                  </a:lnTo>
                  <a:lnTo>
                    <a:pt x="766" y="355"/>
                  </a:lnTo>
                  <a:lnTo>
                    <a:pt x="754" y="350"/>
                  </a:lnTo>
                  <a:lnTo>
                    <a:pt x="754" y="335"/>
                  </a:lnTo>
                  <a:lnTo>
                    <a:pt x="754" y="327"/>
                  </a:lnTo>
                  <a:lnTo>
                    <a:pt x="772" y="318"/>
                  </a:lnTo>
                  <a:lnTo>
                    <a:pt x="772" y="307"/>
                  </a:lnTo>
                  <a:lnTo>
                    <a:pt x="783" y="288"/>
                  </a:lnTo>
                  <a:lnTo>
                    <a:pt x="789" y="245"/>
                  </a:lnTo>
                  <a:lnTo>
                    <a:pt x="791" y="234"/>
                  </a:lnTo>
                  <a:lnTo>
                    <a:pt x="785" y="188"/>
                  </a:lnTo>
                  <a:lnTo>
                    <a:pt x="763" y="188"/>
                  </a:lnTo>
                  <a:lnTo>
                    <a:pt x="709" y="154"/>
                  </a:lnTo>
                  <a:lnTo>
                    <a:pt x="698" y="132"/>
                  </a:lnTo>
                  <a:lnTo>
                    <a:pt x="659" y="127"/>
                  </a:lnTo>
                  <a:lnTo>
                    <a:pt x="615" y="108"/>
                  </a:lnTo>
                  <a:lnTo>
                    <a:pt x="596" y="90"/>
                  </a:lnTo>
                  <a:lnTo>
                    <a:pt x="566" y="90"/>
                  </a:lnTo>
                  <a:lnTo>
                    <a:pt x="559" y="101"/>
                  </a:lnTo>
                  <a:lnTo>
                    <a:pt x="519" y="101"/>
                  </a:lnTo>
                  <a:lnTo>
                    <a:pt x="478" y="135"/>
                  </a:lnTo>
                  <a:lnTo>
                    <a:pt x="451" y="138"/>
                  </a:lnTo>
                  <a:lnTo>
                    <a:pt x="458" y="172"/>
                  </a:lnTo>
                  <a:lnTo>
                    <a:pt x="424" y="174"/>
                  </a:lnTo>
                  <a:lnTo>
                    <a:pt x="347" y="189"/>
                  </a:lnTo>
                  <a:lnTo>
                    <a:pt x="302" y="169"/>
                  </a:lnTo>
                  <a:lnTo>
                    <a:pt x="279" y="142"/>
                  </a:lnTo>
                  <a:lnTo>
                    <a:pt x="256" y="144"/>
                  </a:lnTo>
                  <a:lnTo>
                    <a:pt x="229" y="130"/>
                  </a:lnTo>
                  <a:lnTo>
                    <a:pt x="219" y="78"/>
                  </a:lnTo>
                  <a:lnTo>
                    <a:pt x="203" y="78"/>
                  </a:lnTo>
                  <a:lnTo>
                    <a:pt x="177" y="59"/>
                  </a:lnTo>
                  <a:lnTo>
                    <a:pt x="192" y="47"/>
                  </a:lnTo>
                  <a:lnTo>
                    <a:pt x="186" y="19"/>
                  </a:lnTo>
                  <a:lnTo>
                    <a:pt x="172" y="10"/>
                  </a:lnTo>
                  <a:lnTo>
                    <a:pt x="141" y="24"/>
                  </a:lnTo>
                  <a:lnTo>
                    <a:pt x="118" y="56"/>
                  </a:lnTo>
                  <a:lnTo>
                    <a:pt x="107" y="54"/>
                  </a:lnTo>
                  <a:lnTo>
                    <a:pt x="88" y="58"/>
                  </a:lnTo>
                  <a:lnTo>
                    <a:pt x="84" y="54"/>
                  </a:lnTo>
                  <a:lnTo>
                    <a:pt x="59" y="53"/>
                  </a:lnTo>
                  <a:lnTo>
                    <a:pt x="28" y="8"/>
                  </a:lnTo>
                  <a:lnTo>
                    <a:pt x="22" y="0"/>
                  </a:lnTo>
                  <a:lnTo>
                    <a:pt x="13" y="20"/>
                  </a:lnTo>
                  <a:lnTo>
                    <a:pt x="0" y="27"/>
                  </a:lnTo>
                  <a:lnTo>
                    <a:pt x="7" y="49"/>
                  </a:lnTo>
                  <a:lnTo>
                    <a:pt x="7" y="116"/>
                  </a:lnTo>
                  <a:lnTo>
                    <a:pt x="29" y="137"/>
                  </a:lnTo>
                  <a:lnTo>
                    <a:pt x="31" y="150"/>
                  </a:lnTo>
                  <a:lnTo>
                    <a:pt x="34" y="180"/>
                  </a:lnTo>
                  <a:lnTo>
                    <a:pt x="53" y="201"/>
                  </a:lnTo>
                  <a:lnTo>
                    <a:pt x="59" y="220"/>
                  </a:lnTo>
                  <a:lnTo>
                    <a:pt x="68" y="228"/>
                  </a:lnTo>
                  <a:lnTo>
                    <a:pt x="101" y="234"/>
                  </a:lnTo>
                  <a:lnTo>
                    <a:pt x="88" y="251"/>
                  </a:lnTo>
                  <a:lnTo>
                    <a:pt x="93" y="268"/>
                  </a:lnTo>
                  <a:lnTo>
                    <a:pt x="75" y="294"/>
                  </a:lnTo>
                  <a:lnTo>
                    <a:pt x="75" y="299"/>
                  </a:lnTo>
                  <a:lnTo>
                    <a:pt x="65" y="308"/>
                  </a:lnTo>
                  <a:lnTo>
                    <a:pt x="56" y="336"/>
                  </a:lnTo>
                  <a:lnTo>
                    <a:pt x="58" y="350"/>
                  </a:lnTo>
                  <a:lnTo>
                    <a:pt x="70" y="353"/>
                  </a:lnTo>
                  <a:lnTo>
                    <a:pt x="85" y="376"/>
                  </a:lnTo>
                  <a:lnTo>
                    <a:pt x="85" y="386"/>
                  </a:lnTo>
                  <a:lnTo>
                    <a:pt x="146" y="424"/>
                  </a:lnTo>
                  <a:lnTo>
                    <a:pt x="163" y="460"/>
                  </a:lnTo>
                  <a:lnTo>
                    <a:pt x="160" y="499"/>
                  </a:lnTo>
                  <a:lnTo>
                    <a:pt x="172" y="506"/>
                  </a:lnTo>
                  <a:lnTo>
                    <a:pt x="178" y="530"/>
                  </a:lnTo>
                  <a:lnTo>
                    <a:pt x="206" y="551"/>
                  </a:lnTo>
                  <a:lnTo>
                    <a:pt x="207" y="543"/>
                  </a:lnTo>
                  <a:lnTo>
                    <a:pt x="214" y="543"/>
                  </a:lnTo>
                  <a:lnTo>
                    <a:pt x="212" y="526"/>
                  </a:lnTo>
                  <a:lnTo>
                    <a:pt x="217" y="525"/>
                  </a:lnTo>
                  <a:lnTo>
                    <a:pt x="228" y="530"/>
                  </a:lnTo>
                  <a:lnTo>
                    <a:pt x="232" y="545"/>
                  </a:lnTo>
                  <a:lnTo>
                    <a:pt x="248" y="557"/>
                  </a:lnTo>
                  <a:lnTo>
                    <a:pt x="265" y="547"/>
                  </a:lnTo>
                  <a:lnTo>
                    <a:pt x="270" y="550"/>
                  </a:lnTo>
                  <a:lnTo>
                    <a:pt x="283" y="576"/>
                  </a:lnTo>
                  <a:lnTo>
                    <a:pt x="290" y="579"/>
                  </a:lnTo>
                  <a:lnTo>
                    <a:pt x="297" y="599"/>
                  </a:lnTo>
                  <a:lnTo>
                    <a:pt x="314" y="613"/>
                  </a:lnTo>
                  <a:lnTo>
                    <a:pt x="337" y="667"/>
                  </a:lnTo>
                  <a:lnTo>
                    <a:pt x="381" y="682"/>
                  </a:lnTo>
                  <a:lnTo>
                    <a:pt x="396" y="704"/>
                  </a:lnTo>
                  <a:lnTo>
                    <a:pt x="430" y="715"/>
                  </a:lnTo>
                  <a:lnTo>
                    <a:pt x="427" y="720"/>
                  </a:lnTo>
                  <a:lnTo>
                    <a:pt x="435" y="728"/>
                  </a:lnTo>
                  <a:lnTo>
                    <a:pt x="452" y="726"/>
                  </a:lnTo>
                  <a:lnTo>
                    <a:pt x="483" y="738"/>
                  </a:lnTo>
                  <a:lnTo>
                    <a:pt x="515" y="726"/>
                  </a:lnTo>
                  <a:lnTo>
                    <a:pt x="528" y="715"/>
                  </a:lnTo>
                  <a:lnTo>
                    <a:pt x="568" y="704"/>
                  </a:lnTo>
                  <a:lnTo>
                    <a:pt x="588" y="715"/>
                  </a:lnTo>
                  <a:lnTo>
                    <a:pt x="611" y="777"/>
                  </a:lnTo>
                  <a:lnTo>
                    <a:pt x="667" y="783"/>
                  </a:lnTo>
                  <a:lnTo>
                    <a:pt x="690" y="794"/>
                  </a:lnTo>
                  <a:lnTo>
                    <a:pt x="695" y="788"/>
                  </a:lnTo>
                  <a:lnTo>
                    <a:pt x="720" y="796"/>
                  </a:lnTo>
                  <a:lnTo>
                    <a:pt x="749" y="797"/>
                  </a:lnTo>
                  <a:lnTo>
                    <a:pt x="754" y="792"/>
                  </a:lnTo>
                  <a:lnTo>
                    <a:pt x="774" y="804"/>
                  </a:lnTo>
                  <a:lnTo>
                    <a:pt x="806" y="805"/>
                  </a:lnTo>
                  <a:close/>
                  <a:moveTo>
                    <a:pt x="554" y="714"/>
                  </a:moveTo>
                  <a:lnTo>
                    <a:pt x="536" y="715"/>
                  </a:lnTo>
                  <a:lnTo>
                    <a:pt x="514" y="737"/>
                  </a:lnTo>
                  <a:lnTo>
                    <a:pt x="536" y="729"/>
                  </a:lnTo>
                  <a:lnTo>
                    <a:pt x="554" y="71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73" name="Freeform 112"/>
            <p:cNvSpPr>
              <a:spLocks noChangeAspect="1" noEditPoints="1"/>
            </p:cNvSpPr>
            <p:nvPr/>
          </p:nvSpPr>
          <p:spPr bwMode="gray">
            <a:xfrm>
              <a:off x="6165850" y="3571876"/>
              <a:ext cx="117475" cy="88900"/>
            </a:xfrm>
            <a:custGeom>
              <a:avLst/>
              <a:gdLst>
                <a:gd name="T0" fmla="*/ 3 w 244"/>
                <a:gd name="T1" fmla="*/ 3 h 180"/>
                <a:gd name="T2" fmla="*/ 4 w 244"/>
                <a:gd name="T3" fmla="*/ 3 h 180"/>
                <a:gd name="T4" fmla="*/ 4 w 244"/>
                <a:gd name="T5" fmla="*/ 3 h 180"/>
                <a:gd name="T6" fmla="*/ 3 w 244"/>
                <a:gd name="T7" fmla="*/ 3 h 180"/>
                <a:gd name="T8" fmla="*/ 5 w 244"/>
                <a:gd name="T9" fmla="*/ 5 h 180"/>
                <a:gd name="T10" fmla="*/ 4 w 244"/>
                <a:gd name="T11" fmla="*/ 5 h 180"/>
                <a:gd name="T12" fmla="*/ 3 w 244"/>
                <a:gd name="T13" fmla="*/ 5 h 180"/>
                <a:gd name="T14" fmla="*/ 2 w 244"/>
                <a:gd name="T15" fmla="*/ 5 h 180"/>
                <a:gd name="T16" fmla="*/ 1 w 244"/>
                <a:gd name="T17" fmla="*/ 5 h 180"/>
                <a:gd name="T18" fmla="*/ 1 w 244"/>
                <a:gd name="T19" fmla="*/ 3 h 180"/>
                <a:gd name="T20" fmla="*/ 0 w 244"/>
                <a:gd name="T21" fmla="*/ 3 h 180"/>
                <a:gd name="T22" fmla="*/ 0 w 244"/>
                <a:gd name="T23" fmla="*/ 2 h 180"/>
                <a:gd name="T24" fmla="*/ 1 w 244"/>
                <a:gd name="T25" fmla="*/ 2 h 180"/>
                <a:gd name="T26" fmla="*/ 0 w 244"/>
                <a:gd name="T27" fmla="*/ 3 h 180"/>
                <a:gd name="T28" fmla="*/ 1 w 244"/>
                <a:gd name="T29" fmla="*/ 3 h 180"/>
                <a:gd name="T30" fmla="*/ 1 w 244"/>
                <a:gd name="T31" fmla="*/ 3 h 180"/>
                <a:gd name="T32" fmla="*/ 2 w 244"/>
                <a:gd name="T33" fmla="*/ 3 h 180"/>
                <a:gd name="T34" fmla="*/ 2 w 244"/>
                <a:gd name="T35" fmla="*/ 3 h 180"/>
                <a:gd name="T36" fmla="*/ 4 w 244"/>
                <a:gd name="T37" fmla="*/ 3 h 180"/>
                <a:gd name="T38" fmla="*/ 4 w 244"/>
                <a:gd name="T39" fmla="*/ 3 h 180"/>
                <a:gd name="T40" fmla="*/ 4 w 244"/>
                <a:gd name="T41" fmla="*/ 2 h 180"/>
                <a:gd name="T42" fmla="*/ 5 w 244"/>
                <a:gd name="T43" fmla="*/ 2 h 180"/>
                <a:gd name="T44" fmla="*/ 5 w 244"/>
                <a:gd name="T45" fmla="*/ 2 h 180"/>
                <a:gd name="T46" fmla="*/ 6 w 244"/>
                <a:gd name="T47" fmla="*/ 1 h 180"/>
                <a:gd name="T48" fmla="*/ 6 w 244"/>
                <a:gd name="T49" fmla="*/ 0 h 180"/>
                <a:gd name="T50" fmla="*/ 6 w 244"/>
                <a:gd name="T51" fmla="*/ 1 h 180"/>
                <a:gd name="T52" fmla="*/ 7 w 244"/>
                <a:gd name="T53" fmla="*/ 1 h 180"/>
                <a:gd name="T54" fmla="*/ 7 w 244"/>
                <a:gd name="T55" fmla="*/ 2 h 180"/>
                <a:gd name="T56" fmla="*/ 6 w 244"/>
                <a:gd name="T57" fmla="*/ 2 h 180"/>
                <a:gd name="T58" fmla="*/ 6 w 244"/>
                <a:gd name="T59" fmla="*/ 2 h 180"/>
                <a:gd name="T60" fmla="*/ 6 w 244"/>
                <a:gd name="T61" fmla="*/ 2 h 180"/>
                <a:gd name="T62" fmla="*/ 6 w 244"/>
                <a:gd name="T63" fmla="*/ 3 h 180"/>
                <a:gd name="T64" fmla="*/ 6 w 244"/>
                <a:gd name="T65" fmla="*/ 3 h 180"/>
                <a:gd name="T66" fmla="*/ 5 w 244"/>
                <a:gd name="T67" fmla="*/ 4 h 180"/>
                <a:gd name="T68" fmla="*/ 5 w 244"/>
                <a:gd name="T69" fmla="*/ 5 h 180"/>
                <a:gd name="T70" fmla="*/ 5 w 244"/>
                <a:gd name="T71" fmla="*/ 5 h 180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244"/>
                <a:gd name="T109" fmla="*/ 0 h 180"/>
                <a:gd name="T110" fmla="*/ 244 w 244"/>
                <a:gd name="T111" fmla="*/ 180 h 180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244" h="180">
                  <a:moveTo>
                    <a:pt x="121" y="97"/>
                  </a:moveTo>
                  <a:lnTo>
                    <a:pt x="134" y="95"/>
                  </a:lnTo>
                  <a:lnTo>
                    <a:pt x="127" y="90"/>
                  </a:lnTo>
                  <a:lnTo>
                    <a:pt x="121" y="97"/>
                  </a:lnTo>
                  <a:close/>
                  <a:moveTo>
                    <a:pt x="183" y="180"/>
                  </a:moveTo>
                  <a:lnTo>
                    <a:pt x="149" y="174"/>
                  </a:lnTo>
                  <a:lnTo>
                    <a:pt x="113" y="168"/>
                  </a:lnTo>
                  <a:lnTo>
                    <a:pt x="79" y="161"/>
                  </a:lnTo>
                  <a:lnTo>
                    <a:pt x="44" y="156"/>
                  </a:lnTo>
                  <a:lnTo>
                    <a:pt x="30" y="114"/>
                  </a:lnTo>
                  <a:lnTo>
                    <a:pt x="3" y="90"/>
                  </a:lnTo>
                  <a:lnTo>
                    <a:pt x="0" y="78"/>
                  </a:lnTo>
                  <a:lnTo>
                    <a:pt x="17" y="72"/>
                  </a:lnTo>
                  <a:lnTo>
                    <a:pt x="14" y="90"/>
                  </a:lnTo>
                  <a:lnTo>
                    <a:pt x="30" y="90"/>
                  </a:lnTo>
                  <a:lnTo>
                    <a:pt x="36" y="104"/>
                  </a:lnTo>
                  <a:lnTo>
                    <a:pt x="59" y="106"/>
                  </a:lnTo>
                  <a:lnTo>
                    <a:pt x="75" y="95"/>
                  </a:lnTo>
                  <a:lnTo>
                    <a:pt x="135" y="100"/>
                  </a:lnTo>
                  <a:lnTo>
                    <a:pt x="155" y="89"/>
                  </a:lnTo>
                  <a:lnTo>
                    <a:pt x="155" y="81"/>
                  </a:lnTo>
                  <a:lnTo>
                    <a:pt x="163" y="80"/>
                  </a:lnTo>
                  <a:lnTo>
                    <a:pt x="166" y="68"/>
                  </a:lnTo>
                  <a:lnTo>
                    <a:pt x="200" y="39"/>
                  </a:lnTo>
                  <a:lnTo>
                    <a:pt x="231" y="0"/>
                  </a:lnTo>
                  <a:lnTo>
                    <a:pt x="232" y="19"/>
                  </a:lnTo>
                  <a:lnTo>
                    <a:pt x="240" y="21"/>
                  </a:lnTo>
                  <a:lnTo>
                    <a:pt x="244" y="61"/>
                  </a:lnTo>
                  <a:lnTo>
                    <a:pt x="231" y="61"/>
                  </a:lnTo>
                  <a:lnTo>
                    <a:pt x="215" y="61"/>
                  </a:lnTo>
                  <a:lnTo>
                    <a:pt x="222" y="81"/>
                  </a:lnTo>
                  <a:lnTo>
                    <a:pt x="229" y="100"/>
                  </a:lnTo>
                  <a:lnTo>
                    <a:pt x="202" y="110"/>
                  </a:lnTo>
                  <a:lnTo>
                    <a:pt x="197" y="141"/>
                  </a:lnTo>
                  <a:lnTo>
                    <a:pt x="194" y="171"/>
                  </a:lnTo>
                  <a:lnTo>
                    <a:pt x="183" y="18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74" name="Freeform 113"/>
            <p:cNvSpPr>
              <a:spLocks noChangeAspect="1" noEditPoints="1"/>
            </p:cNvSpPr>
            <p:nvPr/>
          </p:nvSpPr>
          <p:spPr bwMode="gray">
            <a:xfrm>
              <a:off x="6991350" y="3562351"/>
              <a:ext cx="107950" cy="136525"/>
            </a:xfrm>
            <a:custGeom>
              <a:avLst/>
              <a:gdLst>
                <a:gd name="T0" fmla="*/ 6 w 220"/>
                <a:gd name="T1" fmla="*/ 8 h 280"/>
                <a:gd name="T2" fmla="*/ 6 w 220"/>
                <a:gd name="T3" fmla="*/ 7 h 280"/>
                <a:gd name="T4" fmla="*/ 6 w 220"/>
                <a:gd name="T5" fmla="*/ 7 h 280"/>
                <a:gd name="T6" fmla="*/ 6 w 220"/>
                <a:gd name="T7" fmla="*/ 7 h 280"/>
                <a:gd name="T8" fmla="*/ 6 w 220"/>
                <a:gd name="T9" fmla="*/ 7 h 280"/>
                <a:gd name="T10" fmla="*/ 6 w 220"/>
                <a:gd name="T11" fmla="*/ 5 h 280"/>
                <a:gd name="T12" fmla="*/ 6 w 220"/>
                <a:gd name="T13" fmla="*/ 4 h 280"/>
                <a:gd name="T14" fmla="*/ 6 w 220"/>
                <a:gd name="T15" fmla="*/ 4 h 280"/>
                <a:gd name="T16" fmla="*/ 5 w 220"/>
                <a:gd name="T17" fmla="*/ 4 h 280"/>
                <a:gd name="T18" fmla="*/ 5 w 220"/>
                <a:gd name="T19" fmla="*/ 5 h 280"/>
                <a:gd name="T20" fmla="*/ 5 w 220"/>
                <a:gd name="T21" fmla="*/ 5 h 280"/>
                <a:gd name="T22" fmla="*/ 5 w 220"/>
                <a:gd name="T23" fmla="*/ 5 h 280"/>
                <a:gd name="T24" fmla="*/ 4 w 220"/>
                <a:gd name="T25" fmla="*/ 4 h 280"/>
                <a:gd name="T26" fmla="*/ 4 w 220"/>
                <a:gd name="T27" fmla="*/ 4 h 280"/>
                <a:gd name="T28" fmla="*/ 5 w 220"/>
                <a:gd name="T29" fmla="*/ 3 h 280"/>
                <a:gd name="T30" fmla="*/ 6 w 220"/>
                <a:gd name="T31" fmla="*/ 2 h 280"/>
                <a:gd name="T32" fmla="*/ 5 w 220"/>
                <a:gd name="T33" fmla="*/ 2 h 280"/>
                <a:gd name="T34" fmla="*/ 3 w 220"/>
                <a:gd name="T35" fmla="*/ 2 h 280"/>
                <a:gd name="T36" fmla="*/ 2 w 220"/>
                <a:gd name="T37" fmla="*/ 2 h 280"/>
                <a:gd name="T38" fmla="*/ 2 w 220"/>
                <a:gd name="T39" fmla="*/ 0 h 280"/>
                <a:gd name="T40" fmla="*/ 2 w 220"/>
                <a:gd name="T41" fmla="*/ 1 h 280"/>
                <a:gd name="T42" fmla="*/ 2 w 220"/>
                <a:gd name="T43" fmla="*/ 1 h 280"/>
                <a:gd name="T44" fmla="*/ 2 w 220"/>
                <a:gd name="T45" fmla="*/ 1 h 280"/>
                <a:gd name="T46" fmla="*/ 2 w 220"/>
                <a:gd name="T47" fmla="*/ 0 h 280"/>
                <a:gd name="T48" fmla="*/ 1 w 220"/>
                <a:gd name="T49" fmla="*/ 0 h 280"/>
                <a:gd name="T50" fmla="*/ 1 w 220"/>
                <a:gd name="T51" fmla="*/ 1 h 280"/>
                <a:gd name="T52" fmla="*/ 1 w 220"/>
                <a:gd name="T53" fmla="*/ 0 h 280"/>
                <a:gd name="T54" fmla="*/ 0 w 220"/>
                <a:gd name="T55" fmla="*/ 1 h 280"/>
                <a:gd name="T56" fmla="*/ 0 w 220"/>
                <a:gd name="T57" fmla="*/ 1 h 280"/>
                <a:gd name="T58" fmla="*/ 1 w 220"/>
                <a:gd name="T59" fmla="*/ 2 h 280"/>
                <a:gd name="T60" fmla="*/ 1 w 220"/>
                <a:gd name="T61" fmla="*/ 2 h 280"/>
                <a:gd name="T62" fmla="*/ 1 w 220"/>
                <a:gd name="T63" fmla="*/ 2 h 280"/>
                <a:gd name="T64" fmla="*/ 1 w 220"/>
                <a:gd name="T65" fmla="*/ 2 h 280"/>
                <a:gd name="T66" fmla="*/ 0 w 220"/>
                <a:gd name="T67" fmla="*/ 2 h 280"/>
                <a:gd name="T68" fmla="*/ 0 w 220"/>
                <a:gd name="T69" fmla="*/ 2 h 280"/>
                <a:gd name="T70" fmla="*/ 1 w 220"/>
                <a:gd name="T71" fmla="*/ 3 h 280"/>
                <a:gd name="T72" fmla="*/ 1 w 220"/>
                <a:gd name="T73" fmla="*/ 4 h 280"/>
                <a:gd name="T74" fmla="*/ 1 w 220"/>
                <a:gd name="T75" fmla="*/ 5 h 280"/>
                <a:gd name="T76" fmla="*/ 1 w 220"/>
                <a:gd name="T77" fmla="*/ 6 h 280"/>
                <a:gd name="T78" fmla="*/ 1 w 220"/>
                <a:gd name="T79" fmla="*/ 6 h 280"/>
                <a:gd name="T80" fmla="*/ 2 w 220"/>
                <a:gd name="T81" fmla="*/ 7 h 280"/>
                <a:gd name="T82" fmla="*/ 2 w 220"/>
                <a:gd name="T83" fmla="*/ 7 h 280"/>
                <a:gd name="T84" fmla="*/ 2 w 220"/>
                <a:gd name="T85" fmla="*/ 7 h 280"/>
                <a:gd name="T86" fmla="*/ 3 w 220"/>
                <a:gd name="T87" fmla="*/ 6 h 280"/>
                <a:gd name="T88" fmla="*/ 3 w 220"/>
                <a:gd name="T89" fmla="*/ 7 h 280"/>
                <a:gd name="T90" fmla="*/ 4 w 220"/>
                <a:gd name="T91" fmla="*/ 6 h 280"/>
                <a:gd name="T92" fmla="*/ 4 w 220"/>
                <a:gd name="T93" fmla="*/ 6 h 280"/>
                <a:gd name="T94" fmla="*/ 4 w 220"/>
                <a:gd name="T95" fmla="*/ 5 h 280"/>
                <a:gd name="T96" fmla="*/ 4 w 220"/>
                <a:gd name="T97" fmla="*/ 6 h 280"/>
                <a:gd name="T98" fmla="*/ 5 w 220"/>
                <a:gd name="T99" fmla="*/ 6 h 280"/>
                <a:gd name="T100" fmla="*/ 5 w 220"/>
                <a:gd name="T101" fmla="*/ 6 h 280"/>
                <a:gd name="T102" fmla="*/ 6 w 220"/>
                <a:gd name="T103" fmla="*/ 6 h 280"/>
                <a:gd name="T104" fmla="*/ 6 w 220"/>
                <a:gd name="T105" fmla="*/ 8 h 280"/>
                <a:gd name="T106" fmla="*/ 6 w 220"/>
                <a:gd name="T107" fmla="*/ 8 h 280"/>
                <a:gd name="T108" fmla="*/ 4 w 220"/>
                <a:gd name="T109" fmla="*/ 6 h 280"/>
                <a:gd name="T110" fmla="*/ 4 w 220"/>
                <a:gd name="T111" fmla="*/ 6 h 280"/>
                <a:gd name="T112" fmla="*/ 4 w 220"/>
                <a:gd name="T113" fmla="*/ 6 h 280"/>
                <a:gd name="T114" fmla="*/ 4 w 220"/>
                <a:gd name="T115" fmla="*/ 6 h 280"/>
                <a:gd name="T116" fmla="*/ 4 w 220"/>
                <a:gd name="T117" fmla="*/ 6 h 280"/>
                <a:gd name="T118" fmla="*/ 4 w 220"/>
                <a:gd name="T119" fmla="*/ 6 h 280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220"/>
                <a:gd name="T181" fmla="*/ 0 h 280"/>
                <a:gd name="T182" fmla="*/ 220 w 220"/>
                <a:gd name="T183" fmla="*/ 280 h 280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220" h="280">
                  <a:moveTo>
                    <a:pt x="203" y="280"/>
                  </a:moveTo>
                  <a:lnTo>
                    <a:pt x="204" y="258"/>
                  </a:lnTo>
                  <a:lnTo>
                    <a:pt x="210" y="255"/>
                  </a:lnTo>
                  <a:lnTo>
                    <a:pt x="220" y="258"/>
                  </a:lnTo>
                  <a:lnTo>
                    <a:pt x="218" y="231"/>
                  </a:lnTo>
                  <a:lnTo>
                    <a:pt x="212" y="179"/>
                  </a:lnTo>
                  <a:lnTo>
                    <a:pt x="196" y="138"/>
                  </a:lnTo>
                  <a:lnTo>
                    <a:pt x="190" y="138"/>
                  </a:lnTo>
                  <a:lnTo>
                    <a:pt x="182" y="150"/>
                  </a:lnTo>
                  <a:lnTo>
                    <a:pt x="172" y="175"/>
                  </a:lnTo>
                  <a:lnTo>
                    <a:pt x="162" y="162"/>
                  </a:lnTo>
                  <a:lnTo>
                    <a:pt x="153" y="161"/>
                  </a:lnTo>
                  <a:lnTo>
                    <a:pt x="147" y="131"/>
                  </a:lnTo>
                  <a:lnTo>
                    <a:pt x="149" y="125"/>
                  </a:lnTo>
                  <a:lnTo>
                    <a:pt x="179" y="102"/>
                  </a:lnTo>
                  <a:lnTo>
                    <a:pt x="203" y="72"/>
                  </a:lnTo>
                  <a:lnTo>
                    <a:pt x="170" y="62"/>
                  </a:lnTo>
                  <a:lnTo>
                    <a:pt x="98" y="62"/>
                  </a:lnTo>
                  <a:lnTo>
                    <a:pt x="85" y="50"/>
                  </a:lnTo>
                  <a:lnTo>
                    <a:pt x="76" y="14"/>
                  </a:lnTo>
                  <a:lnTo>
                    <a:pt x="69" y="26"/>
                  </a:lnTo>
                  <a:lnTo>
                    <a:pt x="60" y="21"/>
                  </a:lnTo>
                  <a:lnTo>
                    <a:pt x="57" y="25"/>
                  </a:lnTo>
                  <a:lnTo>
                    <a:pt x="49" y="4"/>
                  </a:lnTo>
                  <a:lnTo>
                    <a:pt x="43" y="3"/>
                  </a:lnTo>
                  <a:lnTo>
                    <a:pt x="40" y="20"/>
                  </a:lnTo>
                  <a:lnTo>
                    <a:pt x="26" y="0"/>
                  </a:lnTo>
                  <a:lnTo>
                    <a:pt x="8" y="31"/>
                  </a:lnTo>
                  <a:lnTo>
                    <a:pt x="14" y="46"/>
                  </a:lnTo>
                  <a:lnTo>
                    <a:pt x="32" y="50"/>
                  </a:lnTo>
                  <a:lnTo>
                    <a:pt x="35" y="62"/>
                  </a:lnTo>
                  <a:lnTo>
                    <a:pt x="18" y="63"/>
                  </a:lnTo>
                  <a:lnTo>
                    <a:pt x="15" y="71"/>
                  </a:lnTo>
                  <a:lnTo>
                    <a:pt x="5" y="74"/>
                  </a:lnTo>
                  <a:lnTo>
                    <a:pt x="0" y="85"/>
                  </a:lnTo>
                  <a:lnTo>
                    <a:pt x="28" y="110"/>
                  </a:lnTo>
                  <a:lnTo>
                    <a:pt x="26" y="144"/>
                  </a:lnTo>
                  <a:lnTo>
                    <a:pt x="35" y="167"/>
                  </a:lnTo>
                  <a:lnTo>
                    <a:pt x="34" y="189"/>
                  </a:lnTo>
                  <a:lnTo>
                    <a:pt x="40" y="201"/>
                  </a:lnTo>
                  <a:lnTo>
                    <a:pt x="47" y="244"/>
                  </a:lnTo>
                  <a:lnTo>
                    <a:pt x="79" y="233"/>
                  </a:lnTo>
                  <a:lnTo>
                    <a:pt x="82" y="240"/>
                  </a:lnTo>
                  <a:lnTo>
                    <a:pt x="96" y="223"/>
                  </a:lnTo>
                  <a:lnTo>
                    <a:pt x="108" y="236"/>
                  </a:lnTo>
                  <a:lnTo>
                    <a:pt x="125" y="215"/>
                  </a:lnTo>
                  <a:lnTo>
                    <a:pt x="122" y="194"/>
                  </a:lnTo>
                  <a:lnTo>
                    <a:pt x="133" y="179"/>
                  </a:lnTo>
                  <a:lnTo>
                    <a:pt x="145" y="192"/>
                  </a:lnTo>
                  <a:lnTo>
                    <a:pt x="166" y="187"/>
                  </a:lnTo>
                  <a:lnTo>
                    <a:pt x="170" y="192"/>
                  </a:lnTo>
                  <a:lnTo>
                    <a:pt x="186" y="215"/>
                  </a:lnTo>
                  <a:lnTo>
                    <a:pt x="196" y="269"/>
                  </a:lnTo>
                  <a:lnTo>
                    <a:pt x="203" y="280"/>
                  </a:lnTo>
                  <a:close/>
                  <a:moveTo>
                    <a:pt x="127" y="192"/>
                  </a:moveTo>
                  <a:lnTo>
                    <a:pt x="128" y="209"/>
                  </a:lnTo>
                  <a:lnTo>
                    <a:pt x="133" y="212"/>
                  </a:lnTo>
                  <a:lnTo>
                    <a:pt x="139" y="199"/>
                  </a:lnTo>
                  <a:lnTo>
                    <a:pt x="133" y="190"/>
                  </a:lnTo>
                  <a:lnTo>
                    <a:pt x="127" y="19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75" name="Freeform 114"/>
            <p:cNvSpPr>
              <a:spLocks noChangeAspect="1" noEditPoints="1"/>
            </p:cNvSpPr>
            <p:nvPr/>
          </p:nvSpPr>
          <p:spPr bwMode="gray">
            <a:xfrm>
              <a:off x="6186488" y="3603626"/>
              <a:ext cx="174625" cy="196850"/>
            </a:xfrm>
            <a:custGeom>
              <a:avLst/>
              <a:gdLst>
                <a:gd name="T0" fmla="*/ 5 w 359"/>
                <a:gd name="T1" fmla="*/ 4 h 407"/>
                <a:gd name="T2" fmla="*/ 5 w 359"/>
                <a:gd name="T3" fmla="*/ 5 h 407"/>
                <a:gd name="T4" fmla="*/ 5 w 359"/>
                <a:gd name="T5" fmla="*/ 5 h 407"/>
                <a:gd name="T6" fmla="*/ 4 w 359"/>
                <a:gd name="T7" fmla="*/ 6 h 407"/>
                <a:gd name="T8" fmla="*/ 4 w 359"/>
                <a:gd name="T9" fmla="*/ 7 h 407"/>
                <a:gd name="T10" fmla="*/ 3 w 359"/>
                <a:gd name="T11" fmla="*/ 7 h 407"/>
                <a:gd name="T12" fmla="*/ 2 w 359"/>
                <a:gd name="T13" fmla="*/ 8 h 407"/>
                <a:gd name="T14" fmla="*/ 1 w 359"/>
                <a:gd name="T15" fmla="*/ 8 h 407"/>
                <a:gd name="T16" fmla="*/ 0 w 359"/>
                <a:gd name="T17" fmla="*/ 8 h 407"/>
                <a:gd name="T18" fmla="*/ 1 w 359"/>
                <a:gd name="T19" fmla="*/ 10 h 407"/>
                <a:gd name="T20" fmla="*/ 2 w 359"/>
                <a:gd name="T21" fmla="*/ 12 h 407"/>
                <a:gd name="T22" fmla="*/ 3 w 359"/>
                <a:gd name="T23" fmla="*/ 11 h 407"/>
                <a:gd name="T24" fmla="*/ 4 w 359"/>
                <a:gd name="T25" fmla="*/ 11 h 407"/>
                <a:gd name="T26" fmla="*/ 4 w 359"/>
                <a:gd name="T27" fmla="*/ 11 h 407"/>
                <a:gd name="T28" fmla="*/ 4 w 359"/>
                <a:gd name="T29" fmla="*/ 10 h 407"/>
                <a:gd name="T30" fmla="*/ 5 w 359"/>
                <a:gd name="T31" fmla="*/ 10 h 407"/>
                <a:gd name="T32" fmla="*/ 6 w 359"/>
                <a:gd name="T33" fmla="*/ 10 h 407"/>
                <a:gd name="T34" fmla="*/ 6 w 359"/>
                <a:gd name="T35" fmla="*/ 9 h 407"/>
                <a:gd name="T36" fmla="*/ 7 w 359"/>
                <a:gd name="T37" fmla="*/ 8 h 407"/>
                <a:gd name="T38" fmla="*/ 8 w 359"/>
                <a:gd name="T39" fmla="*/ 8 h 407"/>
                <a:gd name="T40" fmla="*/ 8 w 359"/>
                <a:gd name="T41" fmla="*/ 7 h 407"/>
                <a:gd name="T42" fmla="*/ 8 w 359"/>
                <a:gd name="T43" fmla="*/ 6 h 407"/>
                <a:gd name="T44" fmla="*/ 8 w 359"/>
                <a:gd name="T45" fmla="*/ 6 h 407"/>
                <a:gd name="T46" fmla="*/ 8 w 359"/>
                <a:gd name="T47" fmla="*/ 6 h 407"/>
                <a:gd name="T48" fmla="*/ 9 w 359"/>
                <a:gd name="T49" fmla="*/ 6 h 407"/>
                <a:gd name="T50" fmla="*/ 9 w 359"/>
                <a:gd name="T51" fmla="*/ 5 h 407"/>
                <a:gd name="T52" fmla="*/ 10 w 359"/>
                <a:gd name="T53" fmla="*/ 4 h 407"/>
                <a:gd name="T54" fmla="*/ 10 w 359"/>
                <a:gd name="T55" fmla="*/ 3 h 407"/>
                <a:gd name="T56" fmla="*/ 9 w 359"/>
                <a:gd name="T57" fmla="*/ 3 h 407"/>
                <a:gd name="T58" fmla="*/ 9 w 359"/>
                <a:gd name="T59" fmla="*/ 2 h 407"/>
                <a:gd name="T60" fmla="*/ 8 w 359"/>
                <a:gd name="T61" fmla="*/ 2 h 407"/>
                <a:gd name="T62" fmla="*/ 6 w 359"/>
                <a:gd name="T63" fmla="*/ 1 h 407"/>
                <a:gd name="T64" fmla="*/ 6 w 359"/>
                <a:gd name="T65" fmla="*/ 0 h 407"/>
                <a:gd name="T66" fmla="*/ 6 w 359"/>
                <a:gd name="T67" fmla="*/ 0 h 407"/>
                <a:gd name="T68" fmla="*/ 5 w 359"/>
                <a:gd name="T69" fmla="*/ 0 h 407"/>
                <a:gd name="T70" fmla="*/ 5 w 359"/>
                <a:gd name="T71" fmla="*/ 0 h 407"/>
                <a:gd name="T72" fmla="*/ 5 w 359"/>
                <a:gd name="T73" fmla="*/ 1 h 407"/>
                <a:gd name="T74" fmla="*/ 5 w 359"/>
                <a:gd name="T75" fmla="*/ 1 h 407"/>
                <a:gd name="T76" fmla="*/ 5 w 359"/>
                <a:gd name="T77" fmla="*/ 2 h 407"/>
                <a:gd name="T78" fmla="*/ 4 w 359"/>
                <a:gd name="T79" fmla="*/ 2 h 407"/>
                <a:gd name="T80" fmla="*/ 4 w 359"/>
                <a:gd name="T81" fmla="*/ 3 h 407"/>
                <a:gd name="T82" fmla="*/ 5 w 359"/>
                <a:gd name="T83" fmla="*/ 4 h 407"/>
                <a:gd name="T84" fmla="*/ 9 w 359"/>
                <a:gd name="T85" fmla="*/ 6 h 407"/>
                <a:gd name="T86" fmla="*/ 9 w 359"/>
                <a:gd name="T87" fmla="*/ 6 h 407"/>
                <a:gd name="T88" fmla="*/ 9 w 359"/>
                <a:gd name="T89" fmla="*/ 6 h 407"/>
                <a:gd name="T90" fmla="*/ 9 w 359"/>
                <a:gd name="T91" fmla="*/ 6 h 407"/>
                <a:gd name="T92" fmla="*/ 9 w 359"/>
                <a:gd name="T93" fmla="*/ 6 h 407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359"/>
                <a:gd name="T142" fmla="*/ 0 h 407"/>
                <a:gd name="T143" fmla="*/ 359 w 359"/>
                <a:gd name="T144" fmla="*/ 407 h 407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359" h="407">
                  <a:moveTo>
                    <a:pt x="171" y="144"/>
                  </a:moveTo>
                  <a:lnTo>
                    <a:pt x="162" y="170"/>
                  </a:lnTo>
                  <a:lnTo>
                    <a:pt x="156" y="193"/>
                  </a:lnTo>
                  <a:lnTo>
                    <a:pt x="147" y="218"/>
                  </a:lnTo>
                  <a:lnTo>
                    <a:pt x="139" y="243"/>
                  </a:lnTo>
                  <a:lnTo>
                    <a:pt x="105" y="254"/>
                  </a:lnTo>
                  <a:lnTo>
                    <a:pt x="69" y="266"/>
                  </a:lnTo>
                  <a:lnTo>
                    <a:pt x="35" y="278"/>
                  </a:lnTo>
                  <a:lnTo>
                    <a:pt x="0" y="291"/>
                  </a:lnTo>
                  <a:lnTo>
                    <a:pt x="24" y="349"/>
                  </a:lnTo>
                  <a:lnTo>
                    <a:pt x="48" y="407"/>
                  </a:lnTo>
                  <a:lnTo>
                    <a:pt x="99" y="388"/>
                  </a:lnTo>
                  <a:lnTo>
                    <a:pt x="136" y="390"/>
                  </a:lnTo>
                  <a:lnTo>
                    <a:pt x="151" y="376"/>
                  </a:lnTo>
                  <a:lnTo>
                    <a:pt x="151" y="362"/>
                  </a:lnTo>
                  <a:lnTo>
                    <a:pt x="164" y="347"/>
                  </a:lnTo>
                  <a:lnTo>
                    <a:pt x="204" y="340"/>
                  </a:lnTo>
                  <a:lnTo>
                    <a:pt x="221" y="303"/>
                  </a:lnTo>
                  <a:lnTo>
                    <a:pt x="238" y="291"/>
                  </a:lnTo>
                  <a:lnTo>
                    <a:pt x="266" y="288"/>
                  </a:lnTo>
                  <a:lnTo>
                    <a:pt x="264" y="238"/>
                  </a:lnTo>
                  <a:lnTo>
                    <a:pt x="276" y="224"/>
                  </a:lnTo>
                  <a:lnTo>
                    <a:pt x="286" y="213"/>
                  </a:lnTo>
                  <a:lnTo>
                    <a:pt x="292" y="221"/>
                  </a:lnTo>
                  <a:lnTo>
                    <a:pt x="300" y="220"/>
                  </a:lnTo>
                  <a:lnTo>
                    <a:pt x="317" y="190"/>
                  </a:lnTo>
                  <a:lnTo>
                    <a:pt x="351" y="149"/>
                  </a:lnTo>
                  <a:lnTo>
                    <a:pt x="359" y="122"/>
                  </a:lnTo>
                  <a:lnTo>
                    <a:pt x="334" y="104"/>
                  </a:lnTo>
                  <a:lnTo>
                    <a:pt x="308" y="66"/>
                  </a:lnTo>
                  <a:lnTo>
                    <a:pt x="261" y="53"/>
                  </a:lnTo>
                  <a:lnTo>
                    <a:pt x="224" y="34"/>
                  </a:lnTo>
                  <a:lnTo>
                    <a:pt x="204" y="11"/>
                  </a:lnTo>
                  <a:lnTo>
                    <a:pt x="200" y="0"/>
                  </a:lnTo>
                  <a:lnTo>
                    <a:pt x="185" y="0"/>
                  </a:lnTo>
                  <a:lnTo>
                    <a:pt x="171" y="0"/>
                  </a:lnTo>
                  <a:lnTo>
                    <a:pt x="178" y="20"/>
                  </a:lnTo>
                  <a:lnTo>
                    <a:pt x="185" y="39"/>
                  </a:lnTo>
                  <a:lnTo>
                    <a:pt x="158" y="49"/>
                  </a:lnTo>
                  <a:lnTo>
                    <a:pt x="153" y="80"/>
                  </a:lnTo>
                  <a:lnTo>
                    <a:pt x="150" y="110"/>
                  </a:lnTo>
                  <a:lnTo>
                    <a:pt x="171" y="144"/>
                  </a:lnTo>
                  <a:close/>
                  <a:moveTo>
                    <a:pt x="305" y="230"/>
                  </a:moveTo>
                  <a:lnTo>
                    <a:pt x="318" y="215"/>
                  </a:lnTo>
                  <a:lnTo>
                    <a:pt x="317" y="209"/>
                  </a:lnTo>
                  <a:lnTo>
                    <a:pt x="306" y="221"/>
                  </a:lnTo>
                  <a:lnTo>
                    <a:pt x="305" y="23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76" name="Freeform 115"/>
            <p:cNvSpPr>
              <a:spLocks noChangeAspect="1" noEditPoints="1"/>
            </p:cNvSpPr>
            <p:nvPr/>
          </p:nvSpPr>
          <p:spPr bwMode="gray">
            <a:xfrm>
              <a:off x="5975350" y="3743326"/>
              <a:ext cx="268288" cy="155575"/>
            </a:xfrm>
            <a:custGeom>
              <a:avLst/>
              <a:gdLst>
                <a:gd name="T0" fmla="*/ 13 w 549"/>
                <a:gd name="T1" fmla="*/ 0 h 320"/>
                <a:gd name="T2" fmla="*/ 12 w 549"/>
                <a:gd name="T3" fmla="*/ 0 h 320"/>
                <a:gd name="T4" fmla="*/ 10 w 549"/>
                <a:gd name="T5" fmla="*/ 1 h 320"/>
                <a:gd name="T6" fmla="*/ 9 w 549"/>
                <a:gd name="T7" fmla="*/ 1 h 320"/>
                <a:gd name="T8" fmla="*/ 8 w 549"/>
                <a:gd name="T9" fmla="*/ 1 h 320"/>
                <a:gd name="T10" fmla="*/ 7 w 549"/>
                <a:gd name="T11" fmla="*/ 2 h 320"/>
                <a:gd name="T12" fmla="*/ 7 w 549"/>
                <a:gd name="T13" fmla="*/ 3 h 320"/>
                <a:gd name="T14" fmla="*/ 6 w 549"/>
                <a:gd name="T15" fmla="*/ 4 h 320"/>
                <a:gd name="T16" fmla="*/ 5 w 549"/>
                <a:gd name="T17" fmla="*/ 5 h 320"/>
                <a:gd name="T18" fmla="*/ 5 w 549"/>
                <a:gd name="T19" fmla="*/ 3 h 320"/>
                <a:gd name="T20" fmla="*/ 4 w 549"/>
                <a:gd name="T21" fmla="*/ 3 h 320"/>
                <a:gd name="T22" fmla="*/ 2 w 549"/>
                <a:gd name="T23" fmla="*/ 2 h 320"/>
                <a:gd name="T24" fmla="*/ 1 w 549"/>
                <a:gd name="T25" fmla="*/ 3 h 320"/>
                <a:gd name="T26" fmla="*/ 1 w 549"/>
                <a:gd name="T27" fmla="*/ 3 h 320"/>
                <a:gd name="T28" fmla="*/ 0 w 549"/>
                <a:gd name="T29" fmla="*/ 3 h 320"/>
                <a:gd name="T30" fmla="*/ 0 w 549"/>
                <a:gd name="T31" fmla="*/ 4 h 320"/>
                <a:gd name="T32" fmla="*/ 0 w 549"/>
                <a:gd name="T33" fmla="*/ 4 h 320"/>
                <a:gd name="T34" fmla="*/ 0 w 549"/>
                <a:gd name="T35" fmla="*/ 5 h 320"/>
                <a:gd name="T36" fmla="*/ 0 w 549"/>
                <a:gd name="T37" fmla="*/ 5 h 320"/>
                <a:gd name="T38" fmla="*/ 0 w 549"/>
                <a:gd name="T39" fmla="*/ 5 h 320"/>
                <a:gd name="T40" fmla="*/ 0 w 549"/>
                <a:gd name="T41" fmla="*/ 6 h 320"/>
                <a:gd name="T42" fmla="*/ 1 w 549"/>
                <a:gd name="T43" fmla="*/ 7 h 320"/>
                <a:gd name="T44" fmla="*/ 1 w 549"/>
                <a:gd name="T45" fmla="*/ 7 h 320"/>
                <a:gd name="T46" fmla="*/ 1 w 549"/>
                <a:gd name="T47" fmla="*/ 8 h 320"/>
                <a:gd name="T48" fmla="*/ 1 w 549"/>
                <a:gd name="T49" fmla="*/ 9 h 320"/>
                <a:gd name="T50" fmla="*/ 2 w 549"/>
                <a:gd name="T51" fmla="*/ 9 h 320"/>
                <a:gd name="T52" fmla="*/ 3 w 549"/>
                <a:gd name="T53" fmla="*/ 9 h 320"/>
                <a:gd name="T54" fmla="*/ 4 w 549"/>
                <a:gd name="T55" fmla="*/ 8 h 320"/>
                <a:gd name="T56" fmla="*/ 4 w 549"/>
                <a:gd name="T57" fmla="*/ 8 h 320"/>
                <a:gd name="T58" fmla="*/ 6 w 549"/>
                <a:gd name="T59" fmla="*/ 8 h 320"/>
                <a:gd name="T60" fmla="*/ 6 w 549"/>
                <a:gd name="T61" fmla="*/ 8 h 320"/>
                <a:gd name="T62" fmla="*/ 7 w 549"/>
                <a:gd name="T63" fmla="*/ 7 h 320"/>
                <a:gd name="T64" fmla="*/ 8 w 549"/>
                <a:gd name="T65" fmla="*/ 7 h 320"/>
                <a:gd name="T66" fmla="*/ 8 w 549"/>
                <a:gd name="T67" fmla="*/ 7 h 320"/>
                <a:gd name="T68" fmla="*/ 9 w 549"/>
                <a:gd name="T69" fmla="*/ 6 h 320"/>
                <a:gd name="T70" fmla="*/ 9 w 549"/>
                <a:gd name="T71" fmla="*/ 6 h 320"/>
                <a:gd name="T72" fmla="*/ 12 w 549"/>
                <a:gd name="T73" fmla="*/ 5 h 320"/>
                <a:gd name="T74" fmla="*/ 12 w 549"/>
                <a:gd name="T75" fmla="*/ 5 h 320"/>
                <a:gd name="T76" fmla="*/ 13 w 549"/>
                <a:gd name="T77" fmla="*/ 5 h 320"/>
                <a:gd name="T78" fmla="*/ 13 w 549"/>
                <a:gd name="T79" fmla="*/ 4 h 320"/>
                <a:gd name="T80" fmla="*/ 13 w 549"/>
                <a:gd name="T81" fmla="*/ 4 h 320"/>
                <a:gd name="T82" fmla="*/ 14 w 549"/>
                <a:gd name="T83" fmla="*/ 3 h 320"/>
                <a:gd name="T84" fmla="*/ 13 w 549"/>
                <a:gd name="T85" fmla="*/ 2 h 320"/>
                <a:gd name="T86" fmla="*/ 13 w 549"/>
                <a:gd name="T87" fmla="*/ 0 h 320"/>
                <a:gd name="T88" fmla="*/ 16 w 549"/>
                <a:gd name="T89" fmla="*/ 9 h 320"/>
                <a:gd name="T90" fmla="*/ 16 w 549"/>
                <a:gd name="T91" fmla="*/ 9 h 320"/>
                <a:gd name="T92" fmla="*/ 16 w 549"/>
                <a:gd name="T93" fmla="*/ 9 h 320"/>
                <a:gd name="T94" fmla="*/ 15 w 549"/>
                <a:gd name="T95" fmla="*/ 9 h 320"/>
                <a:gd name="T96" fmla="*/ 14 w 549"/>
                <a:gd name="T97" fmla="*/ 9 h 320"/>
                <a:gd name="T98" fmla="*/ 15 w 549"/>
                <a:gd name="T99" fmla="*/ 9 h 320"/>
                <a:gd name="T100" fmla="*/ 15 w 549"/>
                <a:gd name="T101" fmla="*/ 9 h 320"/>
                <a:gd name="T102" fmla="*/ 16 w 549"/>
                <a:gd name="T103" fmla="*/ 9 h 320"/>
                <a:gd name="T104" fmla="*/ 0 w 549"/>
                <a:gd name="T105" fmla="*/ 7 h 320"/>
                <a:gd name="T106" fmla="*/ 0 w 549"/>
                <a:gd name="T107" fmla="*/ 7 h 320"/>
                <a:gd name="T108" fmla="*/ 0 w 549"/>
                <a:gd name="T109" fmla="*/ 7 h 320"/>
                <a:gd name="T110" fmla="*/ 0 w 549"/>
                <a:gd name="T111" fmla="*/ 7 h 320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w 549"/>
                <a:gd name="T169" fmla="*/ 0 h 320"/>
                <a:gd name="T170" fmla="*/ 549 w 549"/>
                <a:gd name="T171" fmla="*/ 320 h 320"/>
              </a:gdLst>
              <a:ahLst/>
              <a:cxnLst>
                <a:cxn ang="T112">
                  <a:pos x="T0" y="T1"/>
                </a:cxn>
                <a:cxn ang="T113">
                  <a:pos x="T2" y="T3"/>
                </a:cxn>
                <a:cxn ang="T114">
                  <a:pos x="T4" y="T5"/>
                </a:cxn>
                <a:cxn ang="T115">
                  <a:pos x="T6" y="T7"/>
                </a:cxn>
                <a:cxn ang="T116">
                  <a:pos x="T8" y="T9"/>
                </a:cxn>
                <a:cxn ang="T117">
                  <a:pos x="T10" y="T11"/>
                </a:cxn>
                <a:cxn ang="T118">
                  <a:pos x="T12" y="T13"/>
                </a:cxn>
                <a:cxn ang="T119">
                  <a:pos x="T14" y="T15"/>
                </a:cxn>
                <a:cxn ang="T120">
                  <a:pos x="T16" y="T17"/>
                </a:cxn>
                <a:cxn ang="T121">
                  <a:pos x="T18" y="T19"/>
                </a:cxn>
                <a:cxn ang="T122">
                  <a:pos x="T20" y="T21"/>
                </a:cxn>
                <a:cxn ang="T123">
                  <a:pos x="T22" y="T23"/>
                </a:cxn>
                <a:cxn ang="T124">
                  <a:pos x="T24" y="T25"/>
                </a:cxn>
                <a:cxn ang="T125">
                  <a:pos x="T26" y="T27"/>
                </a:cxn>
                <a:cxn ang="T126">
                  <a:pos x="T28" y="T29"/>
                </a:cxn>
                <a:cxn ang="T127">
                  <a:pos x="T30" y="T31"/>
                </a:cxn>
                <a:cxn ang="T128">
                  <a:pos x="T32" y="T33"/>
                </a:cxn>
                <a:cxn ang="T129">
                  <a:pos x="T34" y="T35"/>
                </a:cxn>
                <a:cxn ang="T130">
                  <a:pos x="T36" y="T37"/>
                </a:cxn>
                <a:cxn ang="T131">
                  <a:pos x="T38" y="T39"/>
                </a:cxn>
                <a:cxn ang="T132">
                  <a:pos x="T40" y="T41"/>
                </a:cxn>
                <a:cxn ang="T133">
                  <a:pos x="T42" y="T43"/>
                </a:cxn>
                <a:cxn ang="T134">
                  <a:pos x="T44" y="T45"/>
                </a:cxn>
                <a:cxn ang="T135">
                  <a:pos x="T46" y="T47"/>
                </a:cxn>
                <a:cxn ang="T136">
                  <a:pos x="T48" y="T49"/>
                </a:cxn>
                <a:cxn ang="T137">
                  <a:pos x="T50" y="T51"/>
                </a:cxn>
                <a:cxn ang="T138">
                  <a:pos x="T52" y="T53"/>
                </a:cxn>
                <a:cxn ang="T139">
                  <a:pos x="T54" y="T55"/>
                </a:cxn>
                <a:cxn ang="T140">
                  <a:pos x="T56" y="T57"/>
                </a:cxn>
                <a:cxn ang="T141">
                  <a:pos x="T58" y="T59"/>
                </a:cxn>
                <a:cxn ang="T142">
                  <a:pos x="T60" y="T61"/>
                </a:cxn>
                <a:cxn ang="T143">
                  <a:pos x="T62" y="T63"/>
                </a:cxn>
                <a:cxn ang="T144">
                  <a:pos x="T64" y="T65"/>
                </a:cxn>
                <a:cxn ang="T145">
                  <a:pos x="T66" y="T67"/>
                </a:cxn>
                <a:cxn ang="T146">
                  <a:pos x="T68" y="T69"/>
                </a:cxn>
                <a:cxn ang="T147">
                  <a:pos x="T70" y="T71"/>
                </a:cxn>
                <a:cxn ang="T148">
                  <a:pos x="T72" y="T73"/>
                </a:cxn>
                <a:cxn ang="T149">
                  <a:pos x="T74" y="T75"/>
                </a:cxn>
                <a:cxn ang="T150">
                  <a:pos x="T76" y="T77"/>
                </a:cxn>
                <a:cxn ang="T151">
                  <a:pos x="T78" y="T79"/>
                </a:cxn>
                <a:cxn ang="T152">
                  <a:pos x="T80" y="T81"/>
                </a:cxn>
                <a:cxn ang="T153">
                  <a:pos x="T82" y="T83"/>
                </a:cxn>
                <a:cxn ang="T154">
                  <a:pos x="T84" y="T85"/>
                </a:cxn>
                <a:cxn ang="T155">
                  <a:pos x="T86" y="T87"/>
                </a:cxn>
                <a:cxn ang="T156">
                  <a:pos x="T88" y="T89"/>
                </a:cxn>
                <a:cxn ang="T157">
                  <a:pos x="T90" y="T91"/>
                </a:cxn>
                <a:cxn ang="T158">
                  <a:pos x="T92" y="T93"/>
                </a:cxn>
                <a:cxn ang="T159">
                  <a:pos x="T94" y="T95"/>
                </a:cxn>
                <a:cxn ang="T160">
                  <a:pos x="T96" y="T97"/>
                </a:cxn>
                <a:cxn ang="T161">
                  <a:pos x="T98" y="T99"/>
                </a:cxn>
                <a:cxn ang="T162">
                  <a:pos x="T100" y="T101"/>
                </a:cxn>
                <a:cxn ang="T163">
                  <a:pos x="T102" y="T103"/>
                </a:cxn>
                <a:cxn ang="T164">
                  <a:pos x="T104" y="T105"/>
                </a:cxn>
                <a:cxn ang="T165">
                  <a:pos x="T106" y="T107"/>
                </a:cxn>
                <a:cxn ang="T166">
                  <a:pos x="T108" y="T109"/>
                </a:cxn>
                <a:cxn ang="T167">
                  <a:pos x="T110" y="T111"/>
                </a:cxn>
              </a:cxnLst>
              <a:rect l="T168" t="T169" r="T170" b="T171"/>
              <a:pathLst>
                <a:path w="549" h="320">
                  <a:moveTo>
                    <a:pt x="432" y="0"/>
                  </a:moveTo>
                  <a:lnTo>
                    <a:pt x="396" y="9"/>
                  </a:lnTo>
                  <a:lnTo>
                    <a:pt x="359" y="17"/>
                  </a:lnTo>
                  <a:lnTo>
                    <a:pt x="322" y="26"/>
                  </a:lnTo>
                  <a:lnTo>
                    <a:pt x="285" y="34"/>
                  </a:lnTo>
                  <a:lnTo>
                    <a:pt x="256" y="66"/>
                  </a:lnTo>
                  <a:lnTo>
                    <a:pt x="227" y="99"/>
                  </a:lnTo>
                  <a:lnTo>
                    <a:pt x="198" y="131"/>
                  </a:lnTo>
                  <a:lnTo>
                    <a:pt x="170" y="162"/>
                  </a:lnTo>
                  <a:lnTo>
                    <a:pt x="170" y="110"/>
                  </a:lnTo>
                  <a:lnTo>
                    <a:pt x="127" y="97"/>
                  </a:lnTo>
                  <a:lnTo>
                    <a:pt x="85" y="82"/>
                  </a:lnTo>
                  <a:lnTo>
                    <a:pt x="37" y="94"/>
                  </a:lnTo>
                  <a:lnTo>
                    <a:pt x="19" y="108"/>
                  </a:lnTo>
                  <a:lnTo>
                    <a:pt x="12" y="121"/>
                  </a:lnTo>
                  <a:lnTo>
                    <a:pt x="3" y="124"/>
                  </a:lnTo>
                  <a:lnTo>
                    <a:pt x="7" y="150"/>
                  </a:lnTo>
                  <a:lnTo>
                    <a:pt x="2" y="158"/>
                  </a:lnTo>
                  <a:lnTo>
                    <a:pt x="5" y="176"/>
                  </a:lnTo>
                  <a:lnTo>
                    <a:pt x="0" y="178"/>
                  </a:lnTo>
                  <a:lnTo>
                    <a:pt x="11" y="190"/>
                  </a:lnTo>
                  <a:lnTo>
                    <a:pt x="20" y="238"/>
                  </a:lnTo>
                  <a:lnTo>
                    <a:pt x="28" y="247"/>
                  </a:lnTo>
                  <a:lnTo>
                    <a:pt x="29" y="278"/>
                  </a:lnTo>
                  <a:lnTo>
                    <a:pt x="41" y="300"/>
                  </a:lnTo>
                  <a:lnTo>
                    <a:pt x="59" y="303"/>
                  </a:lnTo>
                  <a:lnTo>
                    <a:pt x="105" y="298"/>
                  </a:lnTo>
                  <a:lnTo>
                    <a:pt x="132" y="285"/>
                  </a:lnTo>
                  <a:lnTo>
                    <a:pt x="147" y="268"/>
                  </a:lnTo>
                  <a:lnTo>
                    <a:pt x="192" y="268"/>
                  </a:lnTo>
                  <a:lnTo>
                    <a:pt x="214" y="263"/>
                  </a:lnTo>
                  <a:lnTo>
                    <a:pt x="241" y="243"/>
                  </a:lnTo>
                  <a:lnTo>
                    <a:pt x="273" y="243"/>
                  </a:lnTo>
                  <a:lnTo>
                    <a:pt x="283" y="235"/>
                  </a:lnTo>
                  <a:lnTo>
                    <a:pt x="299" y="215"/>
                  </a:lnTo>
                  <a:lnTo>
                    <a:pt x="320" y="204"/>
                  </a:lnTo>
                  <a:lnTo>
                    <a:pt x="402" y="181"/>
                  </a:lnTo>
                  <a:lnTo>
                    <a:pt x="418" y="170"/>
                  </a:lnTo>
                  <a:lnTo>
                    <a:pt x="444" y="164"/>
                  </a:lnTo>
                  <a:lnTo>
                    <a:pt x="442" y="148"/>
                  </a:lnTo>
                  <a:lnTo>
                    <a:pt x="449" y="136"/>
                  </a:lnTo>
                  <a:lnTo>
                    <a:pt x="480" y="116"/>
                  </a:lnTo>
                  <a:lnTo>
                    <a:pt x="456" y="58"/>
                  </a:lnTo>
                  <a:lnTo>
                    <a:pt x="432" y="0"/>
                  </a:lnTo>
                  <a:close/>
                  <a:moveTo>
                    <a:pt x="543" y="305"/>
                  </a:moveTo>
                  <a:lnTo>
                    <a:pt x="549" y="306"/>
                  </a:lnTo>
                  <a:lnTo>
                    <a:pt x="542" y="315"/>
                  </a:lnTo>
                  <a:lnTo>
                    <a:pt x="525" y="320"/>
                  </a:lnTo>
                  <a:lnTo>
                    <a:pt x="498" y="311"/>
                  </a:lnTo>
                  <a:lnTo>
                    <a:pt x="506" y="300"/>
                  </a:lnTo>
                  <a:lnTo>
                    <a:pt x="514" y="305"/>
                  </a:lnTo>
                  <a:lnTo>
                    <a:pt x="543" y="305"/>
                  </a:lnTo>
                  <a:close/>
                  <a:moveTo>
                    <a:pt x="2" y="243"/>
                  </a:moveTo>
                  <a:lnTo>
                    <a:pt x="7" y="244"/>
                  </a:lnTo>
                  <a:lnTo>
                    <a:pt x="5" y="239"/>
                  </a:lnTo>
                  <a:lnTo>
                    <a:pt x="2" y="24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77" name="Freeform 116"/>
            <p:cNvSpPr>
              <a:spLocks noChangeAspect="1" noEditPoints="1"/>
            </p:cNvSpPr>
            <p:nvPr/>
          </p:nvSpPr>
          <p:spPr bwMode="gray">
            <a:xfrm>
              <a:off x="5603875" y="3136901"/>
              <a:ext cx="419100" cy="182563"/>
            </a:xfrm>
            <a:custGeom>
              <a:avLst/>
              <a:gdLst>
                <a:gd name="T0" fmla="*/ 23 w 866"/>
                <a:gd name="T1" fmla="*/ 3 h 376"/>
                <a:gd name="T2" fmla="*/ 23 w 866"/>
                <a:gd name="T3" fmla="*/ 2 h 376"/>
                <a:gd name="T4" fmla="*/ 20 w 866"/>
                <a:gd name="T5" fmla="*/ 1 h 376"/>
                <a:gd name="T6" fmla="*/ 17 w 866"/>
                <a:gd name="T7" fmla="*/ 2 h 376"/>
                <a:gd name="T8" fmla="*/ 15 w 866"/>
                <a:gd name="T9" fmla="*/ 2 h 376"/>
                <a:gd name="T10" fmla="*/ 13 w 866"/>
                <a:gd name="T11" fmla="*/ 1 h 376"/>
                <a:gd name="T12" fmla="*/ 12 w 866"/>
                <a:gd name="T13" fmla="*/ 1 h 376"/>
                <a:gd name="T14" fmla="*/ 10 w 866"/>
                <a:gd name="T15" fmla="*/ 0 h 376"/>
                <a:gd name="T16" fmla="*/ 4 w 866"/>
                <a:gd name="T17" fmla="*/ 2 h 376"/>
                <a:gd name="T18" fmla="*/ 5 w 866"/>
                <a:gd name="T19" fmla="*/ 2 h 376"/>
                <a:gd name="T20" fmla="*/ 4 w 866"/>
                <a:gd name="T21" fmla="*/ 3 h 376"/>
                <a:gd name="T22" fmla="*/ 3 w 866"/>
                <a:gd name="T23" fmla="*/ 3 h 376"/>
                <a:gd name="T24" fmla="*/ 2 w 866"/>
                <a:gd name="T25" fmla="*/ 3 h 376"/>
                <a:gd name="T26" fmla="*/ 0 w 866"/>
                <a:gd name="T27" fmla="*/ 4 h 376"/>
                <a:gd name="T28" fmla="*/ 1 w 866"/>
                <a:gd name="T29" fmla="*/ 5 h 376"/>
                <a:gd name="T30" fmla="*/ 2 w 866"/>
                <a:gd name="T31" fmla="*/ 6 h 376"/>
                <a:gd name="T32" fmla="*/ 1 w 866"/>
                <a:gd name="T33" fmla="*/ 6 h 376"/>
                <a:gd name="T34" fmla="*/ 2 w 866"/>
                <a:gd name="T35" fmla="*/ 7 h 376"/>
                <a:gd name="T36" fmla="*/ 2 w 866"/>
                <a:gd name="T37" fmla="*/ 8 h 376"/>
                <a:gd name="T38" fmla="*/ 2 w 866"/>
                <a:gd name="T39" fmla="*/ 9 h 376"/>
                <a:gd name="T40" fmla="*/ 3 w 866"/>
                <a:gd name="T41" fmla="*/ 9 h 376"/>
                <a:gd name="T42" fmla="*/ 3 w 866"/>
                <a:gd name="T43" fmla="*/ 9 h 376"/>
                <a:gd name="T44" fmla="*/ 3 w 866"/>
                <a:gd name="T45" fmla="*/ 9 h 376"/>
                <a:gd name="T46" fmla="*/ 4 w 866"/>
                <a:gd name="T47" fmla="*/ 9 h 376"/>
                <a:gd name="T48" fmla="*/ 5 w 866"/>
                <a:gd name="T49" fmla="*/ 10 h 376"/>
                <a:gd name="T50" fmla="*/ 6 w 866"/>
                <a:gd name="T51" fmla="*/ 9 h 376"/>
                <a:gd name="T52" fmla="*/ 9 w 866"/>
                <a:gd name="T53" fmla="*/ 10 h 376"/>
                <a:gd name="T54" fmla="*/ 11 w 866"/>
                <a:gd name="T55" fmla="*/ 9 h 376"/>
                <a:gd name="T56" fmla="*/ 12 w 866"/>
                <a:gd name="T57" fmla="*/ 9 h 376"/>
                <a:gd name="T58" fmla="*/ 13 w 866"/>
                <a:gd name="T59" fmla="*/ 9 h 376"/>
                <a:gd name="T60" fmla="*/ 13 w 866"/>
                <a:gd name="T61" fmla="*/ 11 h 376"/>
                <a:gd name="T62" fmla="*/ 14 w 866"/>
                <a:gd name="T63" fmla="*/ 10 h 376"/>
                <a:gd name="T64" fmla="*/ 14 w 866"/>
                <a:gd name="T65" fmla="*/ 9 h 376"/>
                <a:gd name="T66" fmla="*/ 16 w 866"/>
                <a:gd name="T67" fmla="*/ 9 h 376"/>
                <a:gd name="T68" fmla="*/ 19 w 866"/>
                <a:gd name="T69" fmla="*/ 9 h 376"/>
                <a:gd name="T70" fmla="*/ 21 w 866"/>
                <a:gd name="T71" fmla="*/ 9 h 376"/>
                <a:gd name="T72" fmla="*/ 23 w 866"/>
                <a:gd name="T73" fmla="*/ 8 h 376"/>
                <a:gd name="T74" fmla="*/ 24 w 866"/>
                <a:gd name="T75" fmla="*/ 9 h 376"/>
                <a:gd name="T76" fmla="*/ 24 w 866"/>
                <a:gd name="T77" fmla="*/ 7 h 376"/>
                <a:gd name="T78" fmla="*/ 24 w 866"/>
                <a:gd name="T79" fmla="*/ 5 h 376"/>
                <a:gd name="T80" fmla="*/ 2 w 866"/>
                <a:gd name="T81" fmla="*/ 0 h 376"/>
                <a:gd name="T82" fmla="*/ 1 w 866"/>
                <a:gd name="T83" fmla="*/ 1 h 376"/>
                <a:gd name="T84" fmla="*/ 0 w 866"/>
                <a:gd name="T85" fmla="*/ 2 h 376"/>
                <a:gd name="T86" fmla="*/ 1 w 866"/>
                <a:gd name="T87" fmla="*/ 2 h 376"/>
                <a:gd name="T88" fmla="*/ 2 w 866"/>
                <a:gd name="T89" fmla="*/ 2 h 376"/>
                <a:gd name="T90" fmla="*/ 3 w 866"/>
                <a:gd name="T91" fmla="*/ 1 h 37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866"/>
                <a:gd name="T139" fmla="*/ 0 h 376"/>
                <a:gd name="T140" fmla="*/ 866 w 866"/>
                <a:gd name="T141" fmla="*/ 376 h 376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866" h="376">
                  <a:moveTo>
                    <a:pt x="857" y="136"/>
                  </a:moveTo>
                  <a:lnTo>
                    <a:pt x="822" y="112"/>
                  </a:lnTo>
                  <a:lnTo>
                    <a:pt x="817" y="104"/>
                  </a:lnTo>
                  <a:lnTo>
                    <a:pt x="812" y="75"/>
                  </a:lnTo>
                  <a:lnTo>
                    <a:pt x="806" y="63"/>
                  </a:lnTo>
                  <a:lnTo>
                    <a:pt x="798" y="56"/>
                  </a:lnTo>
                  <a:lnTo>
                    <a:pt x="773" y="29"/>
                  </a:lnTo>
                  <a:lnTo>
                    <a:pt x="752" y="37"/>
                  </a:lnTo>
                  <a:lnTo>
                    <a:pt x="719" y="34"/>
                  </a:lnTo>
                  <a:lnTo>
                    <a:pt x="713" y="29"/>
                  </a:lnTo>
                  <a:lnTo>
                    <a:pt x="661" y="67"/>
                  </a:lnTo>
                  <a:lnTo>
                    <a:pt x="615" y="62"/>
                  </a:lnTo>
                  <a:lnTo>
                    <a:pt x="558" y="71"/>
                  </a:lnTo>
                  <a:lnTo>
                    <a:pt x="541" y="63"/>
                  </a:lnTo>
                  <a:lnTo>
                    <a:pt x="531" y="68"/>
                  </a:lnTo>
                  <a:lnTo>
                    <a:pt x="500" y="51"/>
                  </a:lnTo>
                  <a:lnTo>
                    <a:pt x="478" y="50"/>
                  </a:lnTo>
                  <a:lnTo>
                    <a:pt x="466" y="22"/>
                  </a:lnTo>
                  <a:lnTo>
                    <a:pt x="456" y="29"/>
                  </a:lnTo>
                  <a:lnTo>
                    <a:pt x="444" y="25"/>
                  </a:lnTo>
                  <a:lnTo>
                    <a:pt x="433" y="19"/>
                  </a:lnTo>
                  <a:lnTo>
                    <a:pt x="421" y="0"/>
                  </a:lnTo>
                  <a:lnTo>
                    <a:pt x="405" y="8"/>
                  </a:lnTo>
                  <a:lnTo>
                    <a:pt x="340" y="5"/>
                  </a:lnTo>
                  <a:lnTo>
                    <a:pt x="294" y="22"/>
                  </a:lnTo>
                  <a:lnTo>
                    <a:pt x="236" y="65"/>
                  </a:lnTo>
                  <a:lnTo>
                    <a:pt x="150" y="53"/>
                  </a:lnTo>
                  <a:lnTo>
                    <a:pt x="141" y="67"/>
                  </a:lnTo>
                  <a:lnTo>
                    <a:pt x="148" y="75"/>
                  </a:lnTo>
                  <a:lnTo>
                    <a:pt x="178" y="85"/>
                  </a:lnTo>
                  <a:lnTo>
                    <a:pt x="141" y="87"/>
                  </a:lnTo>
                  <a:lnTo>
                    <a:pt x="133" y="90"/>
                  </a:lnTo>
                  <a:lnTo>
                    <a:pt x="141" y="101"/>
                  </a:lnTo>
                  <a:lnTo>
                    <a:pt x="131" y="102"/>
                  </a:lnTo>
                  <a:lnTo>
                    <a:pt x="91" y="104"/>
                  </a:lnTo>
                  <a:lnTo>
                    <a:pt x="91" y="99"/>
                  </a:lnTo>
                  <a:lnTo>
                    <a:pt x="80" y="95"/>
                  </a:lnTo>
                  <a:lnTo>
                    <a:pt x="83" y="107"/>
                  </a:lnTo>
                  <a:lnTo>
                    <a:pt x="58" y="101"/>
                  </a:lnTo>
                  <a:lnTo>
                    <a:pt x="36" y="104"/>
                  </a:lnTo>
                  <a:lnTo>
                    <a:pt x="17" y="126"/>
                  </a:lnTo>
                  <a:lnTo>
                    <a:pt x="9" y="135"/>
                  </a:lnTo>
                  <a:lnTo>
                    <a:pt x="6" y="156"/>
                  </a:lnTo>
                  <a:lnTo>
                    <a:pt x="40" y="153"/>
                  </a:lnTo>
                  <a:lnTo>
                    <a:pt x="32" y="173"/>
                  </a:lnTo>
                  <a:lnTo>
                    <a:pt x="45" y="195"/>
                  </a:lnTo>
                  <a:lnTo>
                    <a:pt x="37" y="207"/>
                  </a:lnTo>
                  <a:lnTo>
                    <a:pt x="51" y="220"/>
                  </a:lnTo>
                  <a:lnTo>
                    <a:pt x="29" y="220"/>
                  </a:lnTo>
                  <a:lnTo>
                    <a:pt x="20" y="206"/>
                  </a:lnTo>
                  <a:lnTo>
                    <a:pt x="19" y="224"/>
                  </a:lnTo>
                  <a:lnTo>
                    <a:pt x="14" y="229"/>
                  </a:lnTo>
                  <a:lnTo>
                    <a:pt x="53" y="244"/>
                  </a:lnTo>
                  <a:lnTo>
                    <a:pt x="58" y="252"/>
                  </a:lnTo>
                  <a:lnTo>
                    <a:pt x="49" y="263"/>
                  </a:lnTo>
                  <a:lnTo>
                    <a:pt x="54" y="269"/>
                  </a:lnTo>
                  <a:lnTo>
                    <a:pt x="66" y="266"/>
                  </a:lnTo>
                  <a:lnTo>
                    <a:pt x="58" y="280"/>
                  </a:lnTo>
                  <a:lnTo>
                    <a:pt x="71" y="290"/>
                  </a:lnTo>
                  <a:lnTo>
                    <a:pt x="63" y="299"/>
                  </a:lnTo>
                  <a:lnTo>
                    <a:pt x="65" y="303"/>
                  </a:lnTo>
                  <a:lnTo>
                    <a:pt x="102" y="299"/>
                  </a:lnTo>
                  <a:lnTo>
                    <a:pt x="108" y="300"/>
                  </a:lnTo>
                  <a:lnTo>
                    <a:pt x="71" y="319"/>
                  </a:lnTo>
                  <a:lnTo>
                    <a:pt x="68" y="324"/>
                  </a:lnTo>
                  <a:lnTo>
                    <a:pt x="96" y="316"/>
                  </a:lnTo>
                  <a:lnTo>
                    <a:pt x="97" y="325"/>
                  </a:lnTo>
                  <a:lnTo>
                    <a:pt x="107" y="316"/>
                  </a:lnTo>
                  <a:lnTo>
                    <a:pt x="119" y="314"/>
                  </a:lnTo>
                  <a:lnTo>
                    <a:pt x="133" y="324"/>
                  </a:lnTo>
                  <a:lnTo>
                    <a:pt x="138" y="319"/>
                  </a:lnTo>
                  <a:lnTo>
                    <a:pt x="144" y="320"/>
                  </a:lnTo>
                  <a:lnTo>
                    <a:pt x="147" y="337"/>
                  </a:lnTo>
                  <a:lnTo>
                    <a:pt x="155" y="344"/>
                  </a:lnTo>
                  <a:lnTo>
                    <a:pt x="180" y="351"/>
                  </a:lnTo>
                  <a:lnTo>
                    <a:pt x="209" y="342"/>
                  </a:lnTo>
                  <a:lnTo>
                    <a:pt x="215" y="311"/>
                  </a:lnTo>
                  <a:lnTo>
                    <a:pt x="231" y="310"/>
                  </a:lnTo>
                  <a:lnTo>
                    <a:pt x="277" y="328"/>
                  </a:lnTo>
                  <a:lnTo>
                    <a:pt x="300" y="354"/>
                  </a:lnTo>
                  <a:lnTo>
                    <a:pt x="317" y="359"/>
                  </a:lnTo>
                  <a:lnTo>
                    <a:pt x="373" y="341"/>
                  </a:lnTo>
                  <a:lnTo>
                    <a:pt x="391" y="319"/>
                  </a:lnTo>
                  <a:lnTo>
                    <a:pt x="399" y="316"/>
                  </a:lnTo>
                  <a:lnTo>
                    <a:pt x="441" y="328"/>
                  </a:lnTo>
                  <a:lnTo>
                    <a:pt x="447" y="327"/>
                  </a:lnTo>
                  <a:lnTo>
                    <a:pt x="447" y="319"/>
                  </a:lnTo>
                  <a:lnTo>
                    <a:pt x="463" y="311"/>
                  </a:lnTo>
                  <a:lnTo>
                    <a:pt x="472" y="319"/>
                  </a:lnTo>
                  <a:lnTo>
                    <a:pt x="459" y="333"/>
                  </a:lnTo>
                  <a:lnTo>
                    <a:pt x="456" y="373"/>
                  </a:lnTo>
                  <a:lnTo>
                    <a:pt x="464" y="376"/>
                  </a:lnTo>
                  <a:lnTo>
                    <a:pt x="467" y="370"/>
                  </a:lnTo>
                  <a:lnTo>
                    <a:pt x="478" y="359"/>
                  </a:lnTo>
                  <a:lnTo>
                    <a:pt x="478" y="350"/>
                  </a:lnTo>
                  <a:lnTo>
                    <a:pt x="493" y="345"/>
                  </a:lnTo>
                  <a:lnTo>
                    <a:pt x="484" y="333"/>
                  </a:lnTo>
                  <a:lnTo>
                    <a:pt x="492" y="311"/>
                  </a:lnTo>
                  <a:lnTo>
                    <a:pt x="509" y="317"/>
                  </a:lnTo>
                  <a:lnTo>
                    <a:pt x="510" y="322"/>
                  </a:lnTo>
                  <a:lnTo>
                    <a:pt x="529" y="322"/>
                  </a:lnTo>
                  <a:lnTo>
                    <a:pt x="569" y="307"/>
                  </a:lnTo>
                  <a:lnTo>
                    <a:pt x="586" y="317"/>
                  </a:lnTo>
                  <a:lnTo>
                    <a:pt x="608" y="322"/>
                  </a:lnTo>
                  <a:lnTo>
                    <a:pt x="679" y="295"/>
                  </a:lnTo>
                  <a:lnTo>
                    <a:pt x="725" y="297"/>
                  </a:lnTo>
                  <a:lnTo>
                    <a:pt x="747" y="283"/>
                  </a:lnTo>
                  <a:lnTo>
                    <a:pt x="752" y="293"/>
                  </a:lnTo>
                  <a:lnTo>
                    <a:pt x="755" y="299"/>
                  </a:lnTo>
                  <a:lnTo>
                    <a:pt x="781" y="274"/>
                  </a:lnTo>
                  <a:lnTo>
                    <a:pt x="800" y="282"/>
                  </a:lnTo>
                  <a:lnTo>
                    <a:pt x="839" y="282"/>
                  </a:lnTo>
                  <a:lnTo>
                    <a:pt x="848" y="291"/>
                  </a:lnTo>
                  <a:lnTo>
                    <a:pt x="859" y="293"/>
                  </a:lnTo>
                  <a:lnTo>
                    <a:pt x="866" y="286"/>
                  </a:lnTo>
                  <a:lnTo>
                    <a:pt x="864" y="273"/>
                  </a:lnTo>
                  <a:lnTo>
                    <a:pt x="842" y="252"/>
                  </a:lnTo>
                  <a:lnTo>
                    <a:pt x="842" y="185"/>
                  </a:lnTo>
                  <a:lnTo>
                    <a:pt x="835" y="163"/>
                  </a:lnTo>
                  <a:lnTo>
                    <a:pt x="848" y="156"/>
                  </a:lnTo>
                  <a:lnTo>
                    <a:pt x="857" y="136"/>
                  </a:lnTo>
                  <a:close/>
                  <a:moveTo>
                    <a:pt x="91" y="12"/>
                  </a:moveTo>
                  <a:lnTo>
                    <a:pt x="66" y="14"/>
                  </a:lnTo>
                  <a:lnTo>
                    <a:pt x="51" y="5"/>
                  </a:lnTo>
                  <a:lnTo>
                    <a:pt x="14" y="19"/>
                  </a:lnTo>
                  <a:lnTo>
                    <a:pt x="25" y="31"/>
                  </a:lnTo>
                  <a:lnTo>
                    <a:pt x="25" y="41"/>
                  </a:lnTo>
                  <a:lnTo>
                    <a:pt x="14" y="48"/>
                  </a:lnTo>
                  <a:lnTo>
                    <a:pt x="9" y="73"/>
                  </a:lnTo>
                  <a:lnTo>
                    <a:pt x="0" y="85"/>
                  </a:lnTo>
                  <a:lnTo>
                    <a:pt x="9" y="92"/>
                  </a:lnTo>
                  <a:lnTo>
                    <a:pt x="37" y="88"/>
                  </a:lnTo>
                  <a:lnTo>
                    <a:pt x="9" y="105"/>
                  </a:lnTo>
                  <a:lnTo>
                    <a:pt x="9" y="122"/>
                  </a:lnTo>
                  <a:lnTo>
                    <a:pt x="71" y="68"/>
                  </a:lnTo>
                  <a:lnTo>
                    <a:pt x="136" y="67"/>
                  </a:lnTo>
                  <a:lnTo>
                    <a:pt x="139" y="51"/>
                  </a:lnTo>
                  <a:lnTo>
                    <a:pt x="99" y="34"/>
                  </a:lnTo>
                  <a:lnTo>
                    <a:pt x="94" y="28"/>
                  </a:lnTo>
                  <a:lnTo>
                    <a:pt x="91" y="1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78" name="Freeform 117"/>
            <p:cNvSpPr>
              <a:spLocks noChangeAspect="1"/>
            </p:cNvSpPr>
            <p:nvPr/>
          </p:nvSpPr>
          <p:spPr bwMode="gray">
            <a:xfrm>
              <a:off x="9274175" y="5264151"/>
              <a:ext cx="11113" cy="9525"/>
            </a:xfrm>
            <a:custGeom>
              <a:avLst/>
              <a:gdLst>
                <a:gd name="T0" fmla="*/ 1 w 23"/>
                <a:gd name="T1" fmla="*/ 0 h 20"/>
                <a:gd name="T2" fmla="*/ 1 w 23"/>
                <a:gd name="T3" fmla="*/ 1 h 20"/>
                <a:gd name="T4" fmla="*/ 0 w 23"/>
                <a:gd name="T5" fmla="*/ 1 h 20"/>
                <a:gd name="T6" fmla="*/ 0 w 23"/>
                <a:gd name="T7" fmla="*/ 0 h 20"/>
                <a:gd name="T8" fmla="*/ 0 w 23"/>
                <a:gd name="T9" fmla="*/ 0 h 20"/>
                <a:gd name="T10" fmla="*/ 1 w 23"/>
                <a:gd name="T11" fmla="*/ 0 h 20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23"/>
                <a:gd name="T19" fmla="*/ 0 h 20"/>
                <a:gd name="T20" fmla="*/ 23 w 23"/>
                <a:gd name="T21" fmla="*/ 20 h 20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23" h="20">
                  <a:moveTo>
                    <a:pt x="23" y="0"/>
                  </a:moveTo>
                  <a:lnTo>
                    <a:pt x="22" y="16"/>
                  </a:lnTo>
                  <a:lnTo>
                    <a:pt x="12" y="20"/>
                  </a:lnTo>
                  <a:lnTo>
                    <a:pt x="8" y="5"/>
                  </a:lnTo>
                  <a:lnTo>
                    <a:pt x="0" y="3"/>
                  </a:lnTo>
                  <a:lnTo>
                    <a:pt x="23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79" name="Freeform 118"/>
            <p:cNvSpPr>
              <a:spLocks noChangeAspect="1"/>
            </p:cNvSpPr>
            <p:nvPr/>
          </p:nvSpPr>
          <p:spPr bwMode="gray">
            <a:xfrm>
              <a:off x="5786438" y="3432176"/>
              <a:ext cx="7938" cy="11113"/>
            </a:xfrm>
            <a:custGeom>
              <a:avLst/>
              <a:gdLst>
                <a:gd name="T0" fmla="*/ 0 w 17"/>
                <a:gd name="T1" fmla="*/ 1 h 20"/>
                <a:gd name="T2" fmla="*/ 0 w 17"/>
                <a:gd name="T3" fmla="*/ 1 h 20"/>
                <a:gd name="T4" fmla="*/ 0 w 17"/>
                <a:gd name="T5" fmla="*/ 1 h 20"/>
                <a:gd name="T6" fmla="*/ 0 w 17"/>
                <a:gd name="T7" fmla="*/ 0 h 20"/>
                <a:gd name="T8" fmla="*/ 0 w 17"/>
                <a:gd name="T9" fmla="*/ 0 h 20"/>
                <a:gd name="T10" fmla="*/ 0 w 17"/>
                <a:gd name="T11" fmla="*/ 0 h 20"/>
                <a:gd name="T12" fmla="*/ 0 w 17"/>
                <a:gd name="T13" fmla="*/ 1 h 20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17"/>
                <a:gd name="T22" fmla="*/ 0 h 20"/>
                <a:gd name="T23" fmla="*/ 17 w 17"/>
                <a:gd name="T24" fmla="*/ 20 h 20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17" h="20">
                  <a:moveTo>
                    <a:pt x="3" y="20"/>
                  </a:moveTo>
                  <a:lnTo>
                    <a:pt x="9" y="17"/>
                  </a:lnTo>
                  <a:lnTo>
                    <a:pt x="9" y="14"/>
                  </a:lnTo>
                  <a:lnTo>
                    <a:pt x="17" y="3"/>
                  </a:lnTo>
                  <a:lnTo>
                    <a:pt x="13" y="0"/>
                  </a:lnTo>
                  <a:lnTo>
                    <a:pt x="0" y="12"/>
                  </a:lnTo>
                  <a:lnTo>
                    <a:pt x="3" y="2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80" name="Freeform 119"/>
            <p:cNvSpPr>
              <a:spLocks noChangeAspect="1"/>
            </p:cNvSpPr>
            <p:nvPr/>
          </p:nvSpPr>
          <p:spPr bwMode="gray">
            <a:xfrm>
              <a:off x="5387975" y="4676776"/>
              <a:ext cx="368300" cy="323850"/>
            </a:xfrm>
            <a:custGeom>
              <a:avLst/>
              <a:gdLst>
                <a:gd name="T0" fmla="*/ 2 w 755"/>
                <a:gd name="T1" fmla="*/ 10 h 664"/>
                <a:gd name="T2" fmla="*/ 2 w 755"/>
                <a:gd name="T3" fmla="*/ 10 h 664"/>
                <a:gd name="T4" fmla="*/ 1 w 755"/>
                <a:gd name="T5" fmla="*/ 9 h 664"/>
                <a:gd name="T6" fmla="*/ 0 w 755"/>
                <a:gd name="T7" fmla="*/ 10 h 664"/>
                <a:gd name="T8" fmla="*/ 2 w 755"/>
                <a:gd name="T9" fmla="*/ 15 h 664"/>
                <a:gd name="T10" fmla="*/ 2 w 755"/>
                <a:gd name="T11" fmla="*/ 16 h 664"/>
                <a:gd name="T12" fmla="*/ 2 w 755"/>
                <a:gd name="T13" fmla="*/ 17 h 664"/>
                <a:gd name="T14" fmla="*/ 2 w 755"/>
                <a:gd name="T15" fmla="*/ 17 h 664"/>
                <a:gd name="T16" fmla="*/ 2 w 755"/>
                <a:gd name="T17" fmla="*/ 18 h 664"/>
                <a:gd name="T18" fmla="*/ 3 w 755"/>
                <a:gd name="T19" fmla="*/ 18 h 664"/>
                <a:gd name="T20" fmla="*/ 3 w 755"/>
                <a:gd name="T21" fmla="*/ 19 h 664"/>
                <a:gd name="T22" fmla="*/ 4 w 755"/>
                <a:gd name="T23" fmla="*/ 19 h 664"/>
                <a:gd name="T24" fmla="*/ 5 w 755"/>
                <a:gd name="T25" fmla="*/ 19 h 664"/>
                <a:gd name="T26" fmla="*/ 7 w 755"/>
                <a:gd name="T27" fmla="*/ 19 h 664"/>
                <a:gd name="T28" fmla="*/ 8 w 755"/>
                <a:gd name="T29" fmla="*/ 18 h 664"/>
                <a:gd name="T30" fmla="*/ 9 w 755"/>
                <a:gd name="T31" fmla="*/ 18 h 664"/>
                <a:gd name="T32" fmla="*/ 11 w 755"/>
                <a:gd name="T33" fmla="*/ 18 h 664"/>
                <a:gd name="T34" fmla="*/ 12 w 755"/>
                <a:gd name="T35" fmla="*/ 18 h 664"/>
                <a:gd name="T36" fmla="*/ 13 w 755"/>
                <a:gd name="T37" fmla="*/ 18 h 664"/>
                <a:gd name="T38" fmla="*/ 14 w 755"/>
                <a:gd name="T39" fmla="*/ 18 h 664"/>
                <a:gd name="T40" fmla="*/ 18 w 755"/>
                <a:gd name="T41" fmla="*/ 14 h 664"/>
                <a:gd name="T42" fmla="*/ 20 w 755"/>
                <a:gd name="T43" fmla="*/ 11 h 664"/>
                <a:gd name="T44" fmla="*/ 22 w 755"/>
                <a:gd name="T45" fmla="*/ 7 h 664"/>
                <a:gd name="T46" fmla="*/ 21 w 755"/>
                <a:gd name="T47" fmla="*/ 6 h 664"/>
                <a:gd name="T48" fmla="*/ 20 w 755"/>
                <a:gd name="T49" fmla="*/ 1 h 664"/>
                <a:gd name="T50" fmla="*/ 19 w 755"/>
                <a:gd name="T51" fmla="*/ 0 h 664"/>
                <a:gd name="T52" fmla="*/ 18 w 755"/>
                <a:gd name="T53" fmla="*/ 0 h 664"/>
                <a:gd name="T54" fmla="*/ 16 w 755"/>
                <a:gd name="T55" fmla="*/ 1 h 664"/>
                <a:gd name="T56" fmla="*/ 14 w 755"/>
                <a:gd name="T57" fmla="*/ 2 h 664"/>
                <a:gd name="T58" fmla="*/ 13 w 755"/>
                <a:gd name="T59" fmla="*/ 4 h 664"/>
                <a:gd name="T60" fmla="*/ 11 w 755"/>
                <a:gd name="T61" fmla="*/ 5 h 664"/>
                <a:gd name="T62" fmla="*/ 9 w 755"/>
                <a:gd name="T63" fmla="*/ 5 h 664"/>
                <a:gd name="T64" fmla="*/ 7 w 755"/>
                <a:gd name="T65" fmla="*/ 7 h 664"/>
                <a:gd name="T66" fmla="*/ 6 w 755"/>
                <a:gd name="T67" fmla="*/ 6 h 664"/>
                <a:gd name="T68" fmla="*/ 6 w 755"/>
                <a:gd name="T69" fmla="*/ 5 h 664"/>
                <a:gd name="T70" fmla="*/ 5 w 755"/>
                <a:gd name="T71" fmla="*/ 6 h 664"/>
                <a:gd name="T72" fmla="*/ 5 w 755"/>
                <a:gd name="T73" fmla="*/ 10 h 664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w 755"/>
                <a:gd name="T112" fmla="*/ 0 h 664"/>
                <a:gd name="T113" fmla="*/ 755 w 755"/>
                <a:gd name="T114" fmla="*/ 664 h 664"/>
              </a:gdLst>
              <a:ahLst/>
              <a:cxnLst>
                <a:cxn ang="T74">
                  <a:pos x="T0" y="T1"/>
                </a:cxn>
                <a:cxn ang="T75">
                  <a:pos x="T2" y="T3"/>
                </a:cxn>
                <a:cxn ang="T76">
                  <a:pos x="T4" y="T5"/>
                </a:cxn>
                <a:cxn ang="T77">
                  <a:pos x="T6" y="T7"/>
                </a:cxn>
                <a:cxn ang="T78">
                  <a:pos x="T8" y="T9"/>
                </a:cxn>
                <a:cxn ang="T79">
                  <a:pos x="T10" y="T11"/>
                </a:cxn>
                <a:cxn ang="T80">
                  <a:pos x="T12" y="T13"/>
                </a:cxn>
                <a:cxn ang="T81">
                  <a:pos x="T14" y="T15"/>
                </a:cxn>
                <a:cxn ang="T82">
                  <a:pos x="T16" y="T17"/>
                </a:cxn>
                <a:cxn ang="T83">
                  <a:pos x="T18" y="T19"/>
                </a:cxn>
                <a:cxn ang="T84">
                  <a:pos x="T20" y="T21"/>
                </a:cxn>
                <a:cxn ang="T85">
                  <a:pos x="T22" y="T23"/>
                </a:cxn>
                <a:cxn ang="T86">
                  <a:pos x="T24" y="T25"/>
                </a:cxn>
                <a:cxn ang="T87">
                  <a:pos x="T26" y="T27"/>
                </a:cxn>
                <a:cxn ang="T88">
                  <a:pos x="T28" y="T29"/>
                </a:cxn>
                <a:cxn ang="T89">
                  <a:pos x="T30" y="T31"/>
                </a:cxn>
                <a:cxn ang="T90">
                  <a:pos x="T32" y="T33"/>
                </a:cxn>
                <a:cxn ang="T91">
                  <a:pos x="T34" y="T35"/>
                </a:cxn>
                <a:cxn ang="T92">
                  <a:pos x="T36" y="T37"/>
                </a:cxn>
                <a:cxn ang="T93">
                  <a:pos x="T38" y="T39"/>
                </a:cxn>
                <a:cxn ang="T94">
                  <a:pos x="T40" y="T41"/>
                </a:cxn>
                <a:cxn ang="T95">
                  <a:pos x="T42" y="T43"/>
                </a:cxn>
                <a:cxn ang="T96">
                  <a:pos x="T44" y="T45"/>
                </a:cxn>
                <a:cxn ang="T97">
                  <a:pos x="T46" y="T47"/>
                </a:cxn>
                <a:cxn ang="T98">
                  <a:pos x="T48" y="T49"/>
                </a:cxn>
                <a:cxn ang="T99">
                  <a:pos x="T50" y="T51"/>
                </a:cxn>
                <a:cxn ang="T100">
                  <a:pos x="T52" y="T53"/>
                </a:cxn>
                <a:cxn ang="T101">
                  <a:pos x="T54" y="T55"/>
                </a:cxn>
                <a:cxn ang="T102">
                  <a:pos x="T56" y="T57"/>
                </a:cxn>
                <a:cxn ang="T103">
                  <a:pos x="T58" y="T59"/>
                </a:cxn>
                <a:cxn ang="T104">
                  <a:pos x="T60" y="T61"/>
                </a:cxn>
                <a:cxn ang="T105">
                  <a:pos x="T62" y="T63"/>
                </a:cxn>
                <a:cxn ang="T106">
                  <a:pos x="T64" y="T65"/>
                </a:cxn>
                <a:cxn ang="T107">
                  <a:pos x="T66" y="T67"/>
                </a:cxn>
                <a:cxn ang="T108">
                  <a:pos x="T68" y="T69"/>
                </a:cxn>
                <a:cxn ang="T109">
                  <a:pos x="T70" y="T71"/>
                </a:cxn>
                <a:cxn ang="T110">
                  <a:pos x="T72" y="T73"/>
                </a:cxn>
              </a:cxnLst>
              <a:rect l="T111" t="T112" r="T113" b="T114"/>
              <a:pathLst>
                <a:path w="755" h="664">
                  <a:moveTo>
                    <a:pt x="118" y="354"/>
                  </a:moveTo>
                  <a:lnTo>
                    <a:pt x="59" y="354"/>
                  </a:lnTo>
                  <a:lnTo>
                    <a:pt x="49" y="344"/>
                  </a:lnTo>
                  <a:lnTo>
                    <a:pt x="49" y="331"/>
                  </a:lnTo>
                  <a:lnTo>
                    <a:pt x="27" y="316"/>
                  </a:lnTo>
                  <a:lnTo>
                    <a:pt x="16" y="319"/>
                  </a:lnTo>
                  <a:lnTo>
                    <a:pt x="8" y="333"/>
                  </a:lnTo>
                  <a:lnTo>
                    <a:pt x="0" y="337"/>
                  </a:lnTo>
                  <a:lnTo>
                    <a:pt x="44" y="441"/>
                  </a:lnTo>
                  <a:lnTo>
                    <a:pt x="81" y="509"/>
                  </a:lnTo>
                  <a:lnTo>
                    <a:pt x="84" y="545"/>
                  </a:lnTo>
                  <a:lnTo>
                    <a:pt x="76" y="559"/>
                  </a:lnTo>
                  <a:lnTo>
                    <a:pt x="66" y="554"/>
                  </a:lnTo>
                  <a:lnTo>
                    <a:pt x="62" y="568"/>
                  </a:lnTo>
                  <a:lnTo>
                    <a:pt x="70" y="574"/>
                  </a:lnTo>
                  <a:lnTo>
                    <a:pt x="69" y="580"/>
                  </a:lnTo>
                  <a:lnTo>
                    <a:pt x="90" y="610"/>
                  </a:lnTo>
                  <a:lnTo>
                    <a:pt x="86" y="630"/>
                  </a:lnTo>
                  <a:lnTo>
                    <a:pt x="92" y="647"/>
                  </a:lnTo>
                  <a:lnTo>
                    <a:pt x="95" y="630"/>
                  </a:lnTo>
                  <a:lnTo>
                    <a:pt x="109" y="630"/>
                  </a:lnTo>
                  <a:lnTo>
                    <a:pt x="107" y="645"/>
                  </a:lnTo>
                  <a:lnTo>
                    <a:pt x="127" y="647"/>
                  </a:lnTo>
                  <a:lnTo>
                    <a:pt x="130" y="656"/>
                  </a:lnTo>
                  <a:lnTo>
                    <a:pt x="140" y="662"/>
                  </a:lnTo>
                  <a:lnTo>
                    <a:pt x="164" y="664"/>
                  </a:lnTo>
                  <a:lnTo>
                    <a:pt x="180" y="652"/>
                  </a:lnTo>
                  <a:lnTo>
                    <a:pt x="247" y="645"/>
                  </a:lnTo>
                  <a:lnTo>
                    <a:pt x="248" y="638"/>
                  </a:lnTo>
                  <a:lnTo>
                    <a:pt x="265" y="628"/>
                  </a:lnTo>
                  <a:lnTo>
                    <a:pt x="279" y="627"/>
                  </a:lnTo>
                  <a:lnTo>
                    <a:pt x="307" y="631"/>
                  </a:lnTo>
                  <a:lnTo>
                    <a:pt x="332" y="625"/>
                  </a:lnTo>
                  <a:lnTo>
                    <a:pt x="386" y="635"/>
                  </a:lnTo>
                  <a:lnTo>
                    <a:pt x="393" y="625"/>
                  </a:lnTo>
                  <a:lnTo>
                    <a:pt x="426" y="630"/>
                  </a:lnTo>
                  <a:lnTo>
                    <a:pt x="423" y="616"/>
                  </a:lnTo>
                  <a:lnTo>
                    <a:pt x="430" y="611"/>
                  </a:lnTo>
                  <a:lnTo>
                    <a:pt x="474" y="610"/>
                  </a:lnTo>
                  <a:lnTo>
                    <a:pt x="492" y="599"/>
                  </a:lnTo>
                  <a:lnTo>
                    <a:pt x="557" y="546"/>
                  </a:lnTo>
                  <a:lnTo>
                    <a:pt x="601" y="494"/>
                  </a:lnTo>
                  <a:lnTo>
                    <a:pt x="628" y="471"/>
                  </a:lnTo>
                  <a:lnTo>
                    <a:pt x="689" y="367"/>
                  </a:lnTo>
                  <a:lnTo>
                    <a:pt x="737" y="325"/>
                  </a:lnTo>
                  <a:lnTo>
                    <a:pt x="755" y="237"/>
                  </a:lnTo>
                  <a:lnTo>
                    <a:pt x="720" y="235"/>
                  </a:lnTo>
                  <a:lnTo>
                    <a:pt x="717" y="188"/>
                  </a:lnTo>
                  <a:lnTo>
                    <a:pt x="712" y="110"/>
                  </a:lnTo>
                  <a:lnTo>
                    <a:pt x="695" y="29"/>
                  </a:lnTo>
                  <a:lnTo>
                    <a:pt x="679" y="14"/>
                  </a:lnTo>
                  <a:lnTo>
                    <a:pt x="662" y="8"/>
                  </a:lnTo>
                  <a:lnTo>
                    <a:pt x="630" y="8"/>
                  </a:lnTo>
                  <a:lnTo>
                    <a:pt x="602" y="0"/>
                  </a:lnTo>
                  <a:lnTo>
                    <a:pt x="594" y="3"/>
                  </a:lnTo>
                  <a:lnTo>
                    <a:pt x="540" y="34"/>
                  </a:lnTo>
                  <a:lnTo>
                    <a:pt x="509" y="57"/>
                  </a:lnTo>
                  <a:lnTo>
                    <a:pt x="484" y="88"/>
                  </a:lnTo>
                  <a:lnTo>
                    <a:pt x="469" y="108"/>
                  </a:lnTo>
                  <a:lnTo>
                    <a:pt x="434" y="141"/>
                  </a:lnTo>
                  <a:lnTo>
                    <a:pt x="417" y="175"/>
                  </a:lnTo>
                  <a:lnTo>
                    <a:pt x="381" y="183"/>
                  </a:lnTo>
                  <a:lnTo>
                    <a:pt x="338" y="167"/>
                  </a:lnTo>
                  <a:lnTo>
                    <a:pt x="316" y="169"/>
                  </a:lnTo>
                  <a:lnTo>
                    <a:pt x="262" y="232"/>
                  </a:lnTo>
                  <a:lnTo>
                    <a:pt x="234" y="240"/>
                  </a:lnTo>
                  <a:lnTo>
                    <a:pt x="197" y="234"/>
                  </a:lnTo>
                  <a:lnTo>
                    <a:pt x="193" y="226"/>
                  </a:lnTo>
                  <a:lnTo>
                    <a:pt x="202" y="198"/>
                  </a:lnTo>
                  <a:lnTo>
                    <a:pt x="200" y="180"/>
                  </a:lnTo>
                  <a:lnTo>
                    <a:pt x="157" y="133"/>
                  </a:lnTo>
                  <a:lnTo>
                    <a:pt x="157" y="189"/>
                  </a:lnTo>
                  <a:lnTo>
                    <a:pt x="157" y="247"/>
                  </a:lnTo>
                  <a:lnTo>
                    <a:pt x="157" y="328"/>
                  </a:lnTo>
                  <a:lnTo>
                    <a:pt x="118" y="35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81" name="Freeform 120"/>
            <p:cNvSpPr>
              <a:spLocks noChangeAspect="1"/>
            </p:cNvSpPr>
            <p:nvPr/>
          </p:nvSpPr>
          <p:spPr bwMode="gray">
            <a:xfrm>
              <a:off x="5511800" y="4356101"/>
              <a:ext cx="265113" cy="225425"/>
            </a:xfrm>
            <a:custGeom>
              <a:avLst/>
              <a:gdLst>
                <a:gd name="T0" fmla="*/ 8 w 539"/>
                <a:gd name="T1" fmla="*/ 12 h 464"/>
                <a:gd name="T2" fmla="*/ 9 w 539"/>
                <a:gd name="T3" fmla="*/ 11 h 464"/>
                <a:gd name="T4" fmla="*/ 9 w 539"/>
                <a:gd name="T5" fmla="*/ 11 h 464"/>
                <a:gd name="T6" fmla="*/ 11 w 539"/>
                <a:gd name="T7" fmla="*/ 10 h 464"/>
                <a:gd name="T8" fmla="*/ 11 w 539"/>
                <a:gd name="T9" fmla="*/ 10 h 464"/>
                <a:gd name="T10" fmla="*/ 12 w 539"/>
                <a:gd name="T11" fmla="*/ 9 h 464"/>
                <a:gd name="T12" fmla="*/ 14 w 539"/>
                <a:gd name="T13" fmla="*/ 8 h 464"/>
                <a:gd name="T14" fmla="*/ 15 w 539"/>
                <a:gd name="T15" fmla="*/ 8 h 464"/>
                <a:gd name="T16" fmla="*/ 15 w 539"/>
                <a:gd name="T17" fmla="*/ 7 h 464"/>
                <a:gd name="T18" fmla="*/ 16 w 539"/>
                <a:gd name="T19" fmla="*/ 6 h 464"/>
                <a:gd name="T20" fmla="*/ 15 w 539"/>
                <a:gd name="T21" fmla="*/ 5 h 464"/>
                <a:gd name="T22" fmla="*/ 16 w 539"/>
                <a:gd name="T23" fmla="*/ 3 h 464"/>
                <a:gd name="T24" fmla="*/ 15 w 539"/>
                <a:gd name="T25" fmla="*/ 2 h 464"/>
                <a:gd name="T26" fmla="*/ 15 w 539"/>
                <a:gd name="T27" fmla="*/ 2 h 464"/>
                <a:gd name="T28" fmla="*/ 13 w 539"/>
                <a:gd name="T29" fmla="*/ 1 h 464"/>
                <a:gd name="T30" fmla="*/ 12 w 539"/>
                <a:gd name="T31" fmla="*/ 1 h 464"/>
                <a:gd name="T32" fmla="*/ 12 w 539"/>
                <a:gd name="T33" fmla="*/ 0 h 464"/>
                <a:gd name="T34" fmla="*/ 10 w 539"/>
                <a:gd name="T35" fmla="*/ 1 h 464"/>
                <a:gd name="T36" fmla="*/ 9 w 539"/>
                <a:gd name="T37" fmla="*/ 1 h 464"/>
                <a:gd name="T38" fmla="*/ 10 w 539"/>
                <a:gd name="T39" fmla="*/ 2 h 464"/>
                <a:gd name="T40" fmla="*/ 9 w 539"/>
                <a:gd name="T41" fmla="*/ 5 h 464"/>
                <a:gd name="T42" fmla="*/ 11 w 539"/>
                <a:gd name="T43" fmla="*/ 6 h 464"/>
                <a:gd name="T44" fmla="*/ 10 w 539"/>
                <a:gd name="T45" fmla="*/ 6 h 464"/>
                <a:gd name="T46" fmla="*/ 9 w 539"/>
                <a:gd name="T47" fmla="*/ 6 h 464"/>
                <a:gd name="T48" fmla="*/ 8 w 539"/>
                <a:gd name="T49" fmla="*/ 6 h 464"/>
                <a:gd name="T50" fmla="*/ 7 w 539"/>
                <a:gd name="T51" fmla="*/ 5 h 464"/>
                <a:gd name="T52" fmla="*/ 5 w 539"/>
                <a:gd name="T53" fmla="*/ 5 h 464"/>
                <a:gd name="T54" fmla="*/ 3 w 539"/>
                <a:gd name="T55" fmla="*/ 4 h 464"/>
                <a:gd name="T56" fmla="*/ 3 w 539"/>
                <a:gd name="T57" fmla="*/ 4 h 464"/>
                <a:gd name="T58" fmla="*/ 2 w 539"/>
                <a:gd name="T59" fmla="*/ 6 h 464"/>
                <a:gd name="T60" fmla="*/ 2 w 539"/>
                <a:gd name="T61" fmla="*/ 6 h 464"/>
                <a:gd name="T62" fmla="*/ 0 w 539"/>
                <a:gd name="T63" fmla="*/ 6 h 464"/>
                <a:gd name="T64" fmla="*/ 0 w 539"/>
                <a:gd name="T65" fmla="*/ 9 h 464"/>
                <a:gd name="T66" fmla="*/ 0 w 539"/>
                <a:gd name="T67" fmla="*/ 11 h 464"/>
                <a:gd name="T68" fmla="*/ 3 w 539"/>
                <a:gd name="T69" fmla="*/ 13 h 464"/>
                <a:gd name="T70" fmla="*/ 4 w 539"/>
                <a:gd name="T71" fmla="*/ 13 h 464"/>
                <a:gd name="T72" fmla="*/ 6 w 539"/>
                <a:gd name="T73" fmla="*/ 13 h 464"/>
                <a:gd name="T74" fmla="*/ 7 w 539"/>
                <a:gd name="T75" fmla="*/ 13 h 464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w 539"/>
                <a:gd name="T115" fmla="*/ 0 h 464"/>
                <a:gd name="T116" fmla="*/ 539 w 539"/>
                <a:gd name="T117" fmla="*/ 464 h 464"/>
              </a:gdLst>
              <a:ahLst/>
              <a:cxnLst>
                <a:cxn ang="T76">
                  <a:pos x="T0" y="T1"/>
                </a:cxn>
                <a:cxn ang="T77">
                  <a:pos x="T2" y="T3"/>
                </a:cxn>
                <a:cxn ang="T78">
                  <a:pos x="T4" y="T5"/>
                </a:cxn>
                <a:cxn ang="T79">
                  <a:pos x="T6" y="T7"/>
                </a:cxn>
                <a:cxn ang="T80">
                  <a:pos x="T8" y="T9"/>
                </a:cxn>
                <a:cxn ang="T81">
                  <a:pos x="T10" y="T11"/>
                </a:cxn>
                <a:cxn ang="T82">
                  <a:pos x="T12" y="T13"/>
                </a:cxn>
                <a:cxn ang="T83">
                  <a:pos x="T14" y="T15"/>
                </a:cxn>
                <a:cxn ang="T84">
                  <a:pos x="T16" y="T17"/>
                </a:cxn>
                <a:cxn ang="T85">
                  <a:pos x="T18" y="T19"/>
                </a:cxn>
                <a:cxn ang="T86">
                  <a:pos x="T20" y="T21"/>
                </a:cxn>
                <a:cxn ang="T87">
                  <a:pos x="T22" y="T23"/>
                </a:cxn>
                <a:cxn ang="T88">
                  <a:pos x="T24" y="T25"/>
                </a:cxn>
                <a:cxn ang="T89">
                  <a:pos x="T26" y="T27"/>
                </a:cxn>
                <a:cxn ang="T90">
                  <a:pos x="T28" y="T29"/>
                </a:cxn>
                <a:cxn ang="T91">
                  <a:pos x="T30" y="T31"/>
                </a:cxn>
                <a:cxn ang="T92">
                  <a:pos x="T32" y="T33"/>
                </a:cxn>
                <a:cxn ang="T93">
                  <a:pos x="T34" y="T35"/>
                </a:cxn>
                <a:cxn ang="T94">
                  <a:pos x="T36" y="T37"/>
                </a:cxn>
                <a:cxn ang="T95">
                  <a:pos x="T38" y="T39"/>
                </a:cxn>
                <a:cxn ang="T96">
                  <a:pos x="T40" y="T41"/>
                </a:cxn>
                <a:cxn ang="T97">
                  <a:pos x="T42" y="T43"/>
                </a:cxn>
                <a:cxn ang="T98">
                  <a:pos x="T44" y="T45"/>
                </a:cxn>
                <a:cxn ang="T99">
                  <a:pos x="T46" y="T47"/>
                </a:cxn>
                <a:cxn ang="T100">
                  <a:pos x="T48" y="T49"/>
                </a:cxn>
                <a:cxn ang="T101">
                  <a:pos x="T50" y="T51"/>
                </a:cxn>
                <a:cxn ang="T102">
                  <a:pos x="T52" y="T53"/>
                </a:cxn>
                <a:cxn ang="T103">
                  <a:pos x="T54" y="T55"/>
                </a:cxn>
                <a:cxn ang="T104">
                  <a:pos x="T56" y="T57"/>
                </a:cxn>
                <a:cxn ang="T105">
                  <a:pos x="T58" y="T59"/>
                </a:cxn>
                <a:cxn ang="T106">
                  <a:pos x="T60" y="T61"/>
                </a:cxn>
                <a:cxn ang="T107">
                  <a:pos x="T62" y="T63"/>
                </a:cxn>
                <a:cxn ang="T108">
                  <a:pos x="T64" y="T65"/>
                </a:cxn>
                <a:cxn ang="T109">
                  <a:pos x="T66" y="T67"/>
                </a:cxn>
                <a:cxn ang="T110">
                  <a:pos x="T68" y="T69"/>
                </a:cxn>
                <a:cxn ang="T111">
                  <a:pos x="T70" y="T71"/>
                </a:cxn>
                <a:cxn ang="T112">
                  <a:pos x="T72" y="T73"/>
                </a:cxn>
                <a:cxn ang="T113">
                  <a:pos x="T74" y="T75"/>
                </a:cxn>
              </a:cxnLst>
              <a:rect l="T114" t="T115" r="T116" b="T117"/>
              <a:pathLst>
                <a:path w="539" h="464">
                  <a:moveTo>
                    <a:pt x="227" y="456"/>
                  </a:moveTo>
                  <a:lnTo>
                    <a:pt x="261" y="408"/>
                  </a:lnTo>
                  <a:lnTo>
                    <a:pt x="273" y="406"/>
                  </a:lnTo>
                  <a:lnTo>
                    <a:pt x="288" y="392"/>
                  </a:lnTo>
                  <a:lnTo>
                    <a:pt x="305" y="392"/>
                  </a:lnTo>
                  <a:lnTo>
                    <a:pt x="307" y="386"/>
                  </a:lnTo>
                  <a:lnTo>
                    <a:pt x="308" y="366"/>
                  </a:lnTo>
                  <a:lnTo>
                    <a:pt x="354" y="347"/>
                  </a:lnTo>
                  <a:lnTo>
                    <a:pt x="367" y="352"/>
                  </a:lnTo>
                  <a:lnTo>
                    <a:pt x="381" y="349"/>
                  </a:lnTo>
                  <a:lnTo>
                    <a:pt x="370" y="323"/>
                  </a:lnTo>
                  <a:lnTo>
                    <a:pt x="405" y="312"/>
                  </a:lnTo>
                  <a:lnTo>
                    <a:pt x="441" y="299"/>
                  </a:lnTo>
                  <a:lnTo>
                    <a:pt x="481" y="284"/>
                  </a:lnTo>
                  <a:lnTo>
                    <a:pt x="515" y="275"/>
                  </a:lnTo>
                  <a:lnTo>
                    <a:pt x="505" y="270"/>
                  </a:lnTo>
                  <a:lnTo>
                    <a:pt x="497" y="258"/>
                  </a:lnTo>
                  <a:lnTo>
                    <a:pt x="508" y="235"/>
                  </a:lnTo>
                  <a:lnTo>
                    <a:pt x="509" y="211"/>
                  </a:lnTo>
                  <a:lnTo>
                    <a:pt x="531" y="201"/>
                  </a:lnTo>
                  <a:lnTo>
                    <a:pt x="520" y="188"/>
                  </a:lnTo>
                  <a:lnTo>
                    <a:pt x="520" y="157"/>
                  </a:lnTo>
                  <a:lnTo>
                    <a:pt x="526" y="126"/>
                  </a:lnTo>
                  <a:lnTo>
                    <a:pt x="539" y="117"/>
                  </a:lnTo>
                  <a:lnTo>
                    <a:pt x="522" y="75"/>
                  </a:lnTo>
                  <a:lnTo>
                    <a:pt x="517" y="69"/>
                  </a:lnTo>
                  <a:lnTo>
                    <a:pt x="509" y="69"/>
                  </a:lnTo>
                  <a:lnTo>
                    <a:pt x="508" y="57"/>
                  </a:lnTo>
                  <a:lnTo>
                    <a:pt x="452" y="37"/>
                  </a:lnTo>
                  <a:lnTo>
                    <a:pt x="434" y="20"/>
                  </a:lnTo>
                  <a:lnTo>
                    <a:pt x="422" y="18"/>
                  </a:lnTo>
                  <a:lnTo>
                    <a:pt x="415" y="29"/>
                  </a:lnTo>
                  <a:lnTo>
                    <a:pt x="396" y="18"/>
                  </a:lnTo>
                  <a:lnTo>
                    <a:pt x="395" y="0"/>
                  </a:lnTo>
                  <a:lnTo>
                    <a:pt x="333" y="15"/>
                  </a:lnTo>
                  <a:lnTo>
                    <a:pt x="325" y="20"/>
                  </a:lnTo>
                  <a:lnTo>
                    <a:pt x="324" y="32"/>
                  </a:lnTo>
                  <a:lnTo>
                    <a:pt x="317" y="41"/>
                  </a:lnTo>
                  <a:lnTo>
                    <a:pt x="317" y="52"/>
                  </a:lnTo>
                  <a:lnTo>
                    <a:pt x="319" y="84"/>
                  </a:lnTo>
                  <a:lnTo>
                    <a:pt x="319" y="105"/>
                  </a:lnTo>
                  <a:lnTo>
                    <a:pt x="302" y="168"/>
                  </a:lnTo>
                  <a:lnTo>
                    <a:pt x="322" y="190"/>
                  </a:lnTo>
                  <a:lnTo>
                    <a:pt x="354" y="190"/>
                  </a:lnTo>
                  <a:lnTo>
                    <a:pt x="356" y="239"/>
                  </a:lnTo>
                  <a:lnTo>
                    <a:pt x="344" y="230"/>
                  </a:lnTo>
                  <a:lnTo>
                    <a:pt x="334" y="233"/>
                  </a:lnTo>
                  <a:lnTo>
                    <a:pt x="317" y="228"/>
                  </a:lnTo>
                  <a:lnTo>
                    <a:pt x="294" y="211"/>
                  </a:lnTo>
                  <a:lnTo>
                    <a:pt x="282" y="191"/>
                  </a:lnTo>
                  <a:lnTo>
                    <a:pt x="251" y="181"/>
                  </a:lnTo>
                  <a:lnTo>
                    <a:pt x="234" y="165"/>
                  </a:lnTo>
                  <a:lnTo>
                    <a:pt x="195" y="173"/>
                  </a:lnTo>
                  <a:lnTo>
                    <a:pt x="158" y="156"/>
                  </a:lnTo>
                  <a:lnTo>
                    <a:pt x="146" y="135"/>
                  </a:lnTo>
                  <a:lnTo>
                    <a:pt x="115" y="145"/>
                  </a:lnTo>
                  <a:lnTo>
                    <a:pt x="107" y="122"/>
                  </a:lnTo>
                  <a:lnTo>
                    <a:pt x="93" y="125"/>
                  </a:lnTo>
                  <a:lnTo>
                    <a:pt x="96" y="131"/>
                  </a:lnTo>
                  <a:lnTo>
                    <a:pt x="88" y="215"/>
                  </a:lnTo>
                  <a:lnTo>
                    <a:pt x="101" y="225"/>
                  </a:lnTo>
                  <a:lnTo>
                    <a:pt x="67" y="225"/>
                  </a:lnTo>
                  <a:lnTo>
                    <a:pt x="33" y="225"/>
                  </a:lnTo>
                  <a:lnTo>
                    <a:pt x="0" y="225"/>
                  </a:lnTo>
                  <a:lnTo>
                    <a:pt x="0" y="258"/>
                  </a:lnTo>
                  <a:lnTo>
                    <a:pt x="0" y="293"/>
                  </a:lnTo>
                  <a:lnTo>
                    <a:pt x="0" y="340"/>
                  </a:lnTo>
                  <a:lnTo>
                    <a:pt x="2" y="394"/>
                  </a:lnTo>
                  <a:lnTo>
                    <a:pt x="54" y="443"/>
                  </a:lnTo>
                  <a:lnTo>
                    <a:pt x="96" y="433"/>
                  </a:lnTo>
                  <a:lnTo>
                    <a:pt x="129" y="439"/>
                  </a:lnTo>
                  <a:lnTo>
                    <a:pt x="144" y="453"/>
                  </a:lnTo>
                  <a:lnTo>
                    <a:pt x="178" y="460"/>
                  </a:lnTo>
                  <a:lnTo>
                    <a:pt x="203" y="457"/>
                  </a:lnTo>
                  <a:lnTo>
                    <a:pt x="212" y="464"/>
                  </a:lnTo>
                  <a:lnTo>
                    <a:pt x="222" y="462"/>
                  </a:lnTo>
                  <a:lnTo>
                    <a:pt x="227" y="45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82" name="Freeform 121"/>
            <p:cNvSpPr>
              <a:spLocks noChangeAspect="1"/>
            </p:cNvSpPr>
            <p:nvPr/>
          </p:nvSpPr>
          <p:spPr bwMode="gray">
            <a:xfrm>
              <a:off x="5692775" y="4406901"/>
              <a:ext cx="241300" cy="387350"/>
            </a:xfrm>
            <a:custGeom>
              <a:avLst/>
              <a:gdLst>
                <a:gd name="T0" fmla="*/ 7 w 490"/>
                <a:gd name="T1" fmla="*/ 3 h 794"/>
                <a:gd name="T2" fmla="*/ 8 w 490"/>
                <a:gd name="T3" fmla="*/ 2 h 794"/>
                <a:gd name="T4" fmla="*/ 9 w 490"/>
                <a:gd name="T5" fmla="*/ 2 h 794"/>
                <a:gd name="T6" fmla="*/ 11 w 490"/>
                <a:gd name="T7" fmla="*/ 2 h 794"/>
                <a:gd name="T8" fmla="*/ 11 w 490"/>
                <a:gd name="T9" fmla="*/ 1 h 794"/>
                <a:gd name="T10" fmla="*/ 12 w 490"/>
                <a:gd name="T11" fmla="*/ 1 h 794"/>
                <a:gd name="T12" fmla="*/ 14 w 490"/>
                <a:gd name="T13" fmla="*/ 0 h 794"/>
                <a:gd name="T14" fmla="*/ 15 w 490"/>
                <a:gd name="T15" fmla="*/ 0 h 794"/>
                <a:gd name="T16" fmla="*/ 15 w 490"/>
                <a:gd name="T17" fmla="*/ 1 h 794"/>
                <a:gd name="T18" fmla="*/ 14 w 490"/>
                <a:gd name="T19" fmla="*/ 3 h 794"/>
                <a:gd name="T20" fmla="*/ 14 w 490"/>
                <a:gd name="T21" fmla="*/ 4 h 794"/>
                <a:gd name="T22" fmla="*/ 15 w 490"/>
                <a:gd name="T23" fmla="*/ 5 h 794"/>
                <a:gd name="T24" fmla="*/ 15 w 490"/>
                <a:gd name="T25" fmla="*/ 6 h 794"/>
                <a:gd name="T26" fmla="*/ 15 w 490"/>
                <a:gd name="T27" fmla="*/ 6 h 794"/>
                <a:gd name="T28" fmla="*/ 15 w 490"/>
                <a:gd name="T29" fmla="*/ 7 h 794"/>
                <a:gd name="T30" fmla="*/ 14 w 490"/>
                <a:gd name="T31" fmla="*/ 8 h 794"/>
                <a:gd name="T32" fmla="*/ 13 w 490"/>
                <a:gd name="T33" fmla="*/ 8 h 794"/>
                <a:gd name="T34" fmla="*/ 12 w 490"/>
                <a:gd name="T35" fmla="*/ 9 h 794"/>
                <a:gd name="T36" fmla="*/ 11 w 490"/>
                <a:gd name="T37" fmla="*/ 9 h 794"/>
                <a:gd name="T38" fmla="*/ 9 w 490"/>
                <a:gd name="T39" fmla="*/ 10 h 794"/>
                <a:gd name="T40" fmla="*/ 9 w 490"/>
                <a:gd name="T41" fmla="*/ 11 h 794"/>
                <a:gd name="T42" fmla="*/ 8 w 490"/>
                <a:gd name="T43" fmla="*/ 12 h 794"/>
                <a:gd name="T44" fmla="*/ 8 w 490"/>
                <a:gd name="T45" fmla="*/ 11 h 794"/>
                <a:gd name="T46" fmla="*/ 7 w 490"/>
                <a:gd name="T47" fmla="*/ 13 h 794"/>
                <a:gd name="T48" fmla="*/ 6 w 490"/>
                <a:gd name="T49" fmla="*/ 14 h 794"/>
                <a:gd name="T50" fmla="*/ 7 w 490"/>
                <a:gd name="T51" fmla="*/ 15 h 794"/>
                <a:gd name="T52" fmla="*/ 7 w 490"/>
                <a:gd name="T53" fmla="*/ 16 h 794"/>
                <a:gd name="T54" fmla="*/ 7 w 490"/>
                <a:gd name="T55" fmla="*/ 18 h 794"/>
                <a:gd name="T56" fmla="*/ 7 w 490"/>
                <a:gd name="T57" fmla="*/ 19 h 794"/>
                <a:gd name="T58" fmla="*/ 7 w 490"/>
                <a:gd name="T59" fmla="*/ 19 h 794"/>
                <a:gd name="T60" fmla="*/ 7 w 490"/>
                <a:gd name="T61" fmla="*/ 20 h 794"/>
                <a:gd name="T62" fmla="*/ 4 w 490"/>
                <a:gd name="T63" fmla="*/ 21 h 794"/>
                <a:gd name="T64" fmla="*/ 4 w 490"/>
                <a:gd name="T65" fmla="*/ 22 h 794"/>
                <a:gd name="T66" fmla="*/ 4 w 490"/>
                <a:gd name="T67" fmla="*/ 23 h 794"/>
                <a:gd name="T68" fmla="*/ 3 w 490"/>
                <a:gd name="T69" fmla="*/ 22 h 794"/>
                <a:gd name="T70" fmla="*/ 2 w 490"/>
                <a:gd name="T71" fmla="*/ 17 h 794"/>
                <a:gd name="T72" fmla="*/ 3 w 490"/>
                <a:gd name="T73" fmla="*/ 16 h 794"/>
                <a:gd name="T74" fmla="*/ 4 w 490"/>
                <a:gd name="T75" fmla="*/ 12 h 794"/>
                <a:gd name="T76" fmla="*/ 4 w 490"/>
                <a:gd name="T77" fmla="*/ 10 h 794"/>
                <a:gd name="T78" fmla="*/ 3 w 490"/>
                <a:gd name="T79" fmla="*/ 8 h 794"/>
                <a:gd name="T80" fmla="*/ 0 w 490"/>
                <a:gd name="T81" fmla="*/ 8 h 794"/>
                <a:gd name="T82" fmla="*/ 0 w 490"/>
                <a:gd name="T83" fmla="*/ 6 h 794"/>
                <a:gd name="T84" fmla="*/ 2 w 490"/>
                <a:gd name="T85" fmla="*/ 6 h 794"/>
                <a:gd name="T86" fmla="*/ 4 w 490"/>
                <a:gd name="T87" fmla="*/ 5 h 794"/>
                <a:gd name="T88" fmla="*/ 6 w 490"/>
                <a:gd name="T89" fmla="*/ 6 h 794"/>
                <a:gd name="T90" fmla="*/ 6 w 490"/>
                <a:gd name="T91" fmla="*/ 7 h 794"/>
                <a:gd name="T92" fmla="*/ 6 w 490"/>
                <a:gd name="T93" fmla="*/ 8 h 794"/>
                <a:gd name="T94" fmla="*/ 7 w 490"/>
                <a:gd name="T95" fmla="*/ 9 h 794"/>
                <a:gd name="T96" fmla="*/ 7 w 490"/>
                <a:gd name="T97" fmla="*/ 9 h 794"/>
                <a:gd name="T98" fmla="*/ 7 w 490"/>
                <a:gd name="T99" fmla="*/ 8 h 794"/>
                <a:gd name="T100" fmla="*/ 8 w 490"/>
                <a:gd name="T101" fmla="*/ 7 h 794"/>
                <a:gd name="T102" fmla="*/ 8 w 490"/>
                <a:gd name="T103" fmla="*/ 6 h 794"/>
                <a:gd name="T104" fmla="*/ 7 w 490"/>
                <a:gd name="T105" fmla="*/ 4 h 794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490"/>
                <a:gd name="T160" fmla="*/ 0 h 794"/>
                <a:gd name="T161" fmla="*/ 490 w 490"/>
                <a:gd name="T162" fmla="*/ 794 h 794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490" h="794">
                  <a:moveTo>
                    <a:pt x="223" y="147"/>
                  </a:moveTo>
                  <a:lnTo>
                    <a:pt x="216" y="96"/>
                  </a:lnTo>
                  <a:lnTo>
                    <a:pt x="228" y="54"/>
                  </a:lnTo>
                  <a:lnTo>
                    <a:pt x="263" y="56"/>
                  </a:lnTo>
                  <a:lnTo>
                    <a:pt x="277" y="51"/>
                  </a:lnTo>
                  <a:lnTo>
                    <a:pt x="296" y="62"/>
                  </a:lnTo>
                  <a:lnTo>
                    <a:pt x="319" y="54"/>
                  </a:lnTo>
                  <a:lnTo>
                    <a:pt x="351" y="54"/>
                  </a:lnTo>
                  <a:lnTo>
                    <a:pt x="365" y="42"/>
                  </a:lnTo>
                  <a:lnTo>
                    <a:pt x="385" y="39"/>
                  </a:lnTo>
                  <a:lnTo>
                    <a:pt x="398" y="46"/>
                  </a:lnTo>
                  <a:lnTo>
                    <a:pt x="413" y="44"/>
                  </a:lnTo>
                  <a:lnTo>
                    <a:pt x="460" y="28"/>
                  </a:lnTo>
                  <a:lnTo>
                    <a:pt x="481" y="8"/>
                  </a:lnTo>
                  <a:lnTo>
                    <a:pt x="482" y="0"/>
                  </a:lnTo>
                  <a:lnTo>
                    <a:pt x="486" y="8"/>
                  </a:lnTo>
                  <a:lnTo>
                    <a:pt x="490" y="14"/>
                  </a:lnTo>
                  <a:lnTo>
                    <a:pt x="490" y="29"/>
                  </a:lnTo>
                  <a:lnTo>
                    <a:pt x="475" y="65"/>
                  </a:lnTo>
                  <a:lnTo>
                    <a:pt x="478" y="113"/>
                  </a:lnTo>
                  <a:lnTo>
                    <a:pt x="473" y="119"/>
                  </a:lnTo>
                  <a:lnTo>
                    <a:pt x="478" y="125"/>
                  </a:lnTo>
                  <a:lnTo>
                    <a:pt x="478" y="180"/>
                  </a:lnTo>
                  <a:lnTo>
                    <a:pt x="484" y="180"/>
                  </a:lnTo>
                  <a:lnTo>
                    <a:pt x="487" y="184"/>
                  </a:lnTo>
                  <a:lnTo>
                    <a:pt x="484" y="192"/>
                  </a:lnTo>
                  <a:lnTo>
                    <a:pt x="490" y="195"/>
                  </a:lnTo>
                  <a:lnTo>
                    <a:pt x="490" y="201"/>
                  </a:lnTo>
                  <a:lnTo>
                    <a:pt x="475" y="227"/>
                  </a:lnTo>
                  <a:lnTo>
                    <a:pt x="482" y="229"/>
                  </a:lnTo>
                  <a:lnTo>
                    <a:pt x="481" y="242"/>
                  </a:lnTo>
                  <a:lnTo>
                    <a:pt x="455" y="269"/>
                  </a:lnTo>
                  <a:lnTo>
                    <a:pt x="441" y="277"/>
                  </a:lnTo>
                  <a:lnTo>
                    <a:pt x="447" y="281"/>
                  </a:lnTo>
                  <a:lnTo>
                    <a:pt x="443" y="289"/>
                  </a:lnTo>
                  <a:lnTo>
                    <a:pt x="416" y="305"/>
                  </a:lnTo>
                  <a:lnTo>
                    <a:pt x="411" y="313"/>
                  </a:lnTo>
                  <a:lnTo>
                    <a:pt x="376" y="323"/>
                  </a:lnTo>
                  <a:lnTo>
                    <a:pt x="339" y="340"/>
                  </a:lnTo>
                  <a:lnTo>
                    <a:pt x="314" y="359"/>
                  </a:lnTo>
                  <a:lnTo>
                    <a:pt x="313" y="367"/>
                  </a:lnTo>
                  <a:lnTo>
                    <a:pt x="297" y="373"/>
                  </a:lnTo>
                  <a:lnTo>
                    <a:pt x="305" y="378"/>
                  </a:lnTo>
                  <a:lnTo>
                    <a:pt x="283" y="403"/>
                  </a:lnTo>
                  <a:lnTo>
                    <a:pt x="280" y="403"/>
                  </a:lnTo>
                  <a:lnTo>
                    <a:pt x="277" y="393"/>
                  </a:lnTo>
                  <a:lnTo>
                    <a:pt x="271" y="407"/>
                  </a:lnTo>
                  <a:lnTo>
                    <a:pt x="223" y="452"/>
                  </a:lnTo>
                  <a:lnTo>
                    <a:pt x="213" y="454"/>
                  </a:lnTo>
                  <a:lnTo>
                    <a:pt x="211" y="487"/>
                  </a:lnTo>
                  <a:lnTo>
                    <a:pt x="226" y="501"/>
                  </a:lnTo>
                  <a:lnTo>
                    <a:pt x="228" y="506"/>
                  </a:lnTo>
                  <a:lnTo>
                    <a:pt x="243" y="565"/>
                  </a:lnTo>
                  <a:lnTo>
                    <a:pt x="246" y="562"/>
                  </a:lnTo>
                  <a:lnTo>
                    <a:pt x="250" y="565"/>
                  </a:lnTo>
                  <a:lnTo>
                    <a:pt x="249" y="616"/>
                  </a:lnTo>
                  <a:lnTo>
                    <a:pt x="237" y="655"/>
                  </a:lnTo>
                  <a:lnTo>
                    <a:pt x="238" y="664"/>
                  </a:lnTo>
                  <a:lnTo>
                    <a:pt x="249" y="648"/>
                  </a:lnTo>
                  <a:lnTo>
                    <a:pt x="245" y="662"/>
                  </a:lnTo>
                  <a:lnTo>
                    <a:pt x="228" y="687"/>
                  </a:lnTo>
                  <a:lnTo>
                    <a:pt x="216" y="696"/>
                  </a:lnTo>
                  <a:lnTo>
                    <a:pt x="162" y="715"/>
                  </a:lnTo>
                  <a:lnTo>
                    <a:pt x="127" y="737"/>
                  </a:lnTo>
                  <a:lnTo>
                    <a:pt x="111" y="757"/>
                  </a:lnTo>
                  <a:lnTo>
                    <a:pt x="122" y="770"/>
                  </a:lnTo>
                  <a:lnTo>
                    <a:pt x="131" y="761"/>
                  </a:lnTo>
                  <a:lnTo>
                    <a:pt x="128" y="794"/>
                  </a:lnTo>
                  <a:lnTo>
                    <a:pt x="93" y="792"/>
                  </a:lnTo>
                  <a:lnTo>
                    <a:pt x="90" y="745"/>
                  </a:lnTo>
                  <a:lnTo>
                    <a:pt x="85" y="667"/>
                  </a:lnTo>
                  <a:lnTo>
                    <a:pt x="68" y="586"/>
                  </a:lnTo>
                  <a:lnTo>
                    <a:pt x="73" y="562"/>
                  </a:lnTo>
                  <a:lnTo>
                    <a:pt x="94" y="542"/>
                  </a:lnTo>
                  <a:lnTo>
                    <a:pt x="130" y="455"/>
                  </a:lnTo>
                  <a:lnTo>
                    <a:pt x="122" y="408"/>
                  </a:lnTo>
                  <a:lnTo>
                    <a:pt x="135" y="373"/>
                  </a:lnTo>
                  <a:lnTo>
                    <a:pt x="135" y="334"/>
                  </a:lnTo>
                  <a:lnTo>
                    <a:pt x="128" y="294"/>
                  </a:lnTo>
                  <a:lnTo>
                    <a:pt x="119" y="288"/>
                  </a:lnTo>
                  <a:lnTo>
                    <a:pt x="59" y="264"/>
                  </a:lnTo>
                  <a:lnTo>
                    <a:pt x="11" y="260"/>
                  </a:lnTo>
                  <a:lnTo>
                    <a:pt x="11" y="246"/>
                  </a:lnTo>
                  <a:lnTo>
                    <a:pt x="0" y="220"/>
                  </a:lnTo>
                  <a:lnTo>
                    <a:pt x="35" y="209"/>
                  </a:lnTo>
                  <a:lnTo>
                    <a:pt x="71" y="196"/>
                  </a:lnTo>
                  <a:lnTo>
                    <a:pt x="111" y="181"/>
                  </a:lnTo>
                  <a:lnTo>
                    <a:pt x="145" y="172"/>
                  </a:lnTo>
                  <a:lnTo>
                    <a:pt x="165" y="196"/>
                  </a:lnTo>
                  <a:lnTo>
                    <a:pt x="201" y="192"/>
                  </a:lnTo>
                  <a:lnTo>
                    <a:pt x="207" y="196"/>
                  </a:lnTo>
                  <a:lnTo>
                    <a:pt x="211" y="230"/>
                  </a:lnTo>
                  <a:lnTo>
                    <a:pt x="198" y="260"/>
                  </a:lnTo>
                  <a:lnTo>
                    <a:pt x="204" y="276"/>
                  </a:lnTo>
                  <a:lnTo>
                    <a:pt x="237" y="306"/>
                  </a:lnTo>
                  <a:lnTo>
                    <a:pt x="233" y="317"/>
                  </a:lnTo>
                  <a:lnTo>
                    <a:pt x="243" y="317"/>
                  </a:lnTo>
                  <a:lnTo>
                    <a:pt x="245" y="302"/>
                  </a:lnTo>
                  <a:lnTo>
                    <a:pt x="240" y="289"/>
                  </a:lnTo>
                  <a:lnTo>
                    <a:pt x="243" y="276"/>
                  </a:lnTo>
                  <a:lnTo>
                    <a:pt x="267" y="263"/>
                  </a:lnTo>
                  <a:lnTo>
                    <a:pt x="272" y="238"/>
                  </a:lnTo>
                  <a:lnTo>
                    <a:pt x="267" y="227"/>
                  </a:lnTo>
                  <a:lnTo>
                    <a:pt x="272" y="212"/>
                  </a:lnTo>
                  <a:lnTo>
                    <a:pt x="267" y="196"/>
                  </a:lnTo>
                  <a:lnTo>
                    <a:pt x="223" y="14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83" name="Freeform 122"/>
            <p:cNvSpPr>
              <a:spLocks noChangeAspect="1"/>
            </p:cNvSpPr>
            <p:nvPr/>
          </p:nvSpPr>
          <p:spPr bwMode="gray">
            <a:xfrm>
              <a:off x="5756275" y="4386263"/>
              <a:ext cx="69850" cy="174625"/>
            </a:xfrm>
            <a:custGeom>
              <a:avLst/>
              <a:gdLst>
                <a:gd name="T0" fmla="*/ 3 w 145"/>
                <a:gd name="T1" fmla="*/ 5 h 363"/>
                <a:gd name="T2" fmla="*/ 3 w 145"/>
                <a:gd name="T3" fmla="*/ 6 h 363"/>
                <a:gd name="T4" fmla="*/ 3 w 145"/>
                <a:gd name="T5" fmla="*/ 6 h 363"/>
                <a:gd name="T6" fmla="*/ 3 w 145"/>
                <a:gd name="T7" fmla="*/ 7 h 363"/>
                <a:gd name="T8" fmla="*/ 3 w 145"/>
                <a:gd name="T9" fmla="*/ 6 h 363"/>
                <a:gd name="T10" fmla="*/ 2 w 145"/>
                <a:gd name="T11" fmla="*/ 6 h 363"/>
                <a:gd name="T12" fmla="*/ 2 w 145"/>
                <a:gd name="T13" fmla="*/ 6 h 363"/>
                <a:gd name="T14" fmla="*/ 2 w 145"/>
                <a:gd name="T15" fmla="*/ 6 h 363"/>
                <a:gd name="T16" fmla="*/ 2 w 145"/>
                <a:gd name="T17" fmla="*/ 5 h 363"/>
                <a:gd name="T18" fmla="*/ 2 w 145"/>
                <a:gd name="T19" fmla="*/ 5 h 363"/>
                <a:gd name="T20" fmla="*/ 2 w 145"/>
                <a:gd name="T21" fmla="*/ 4 h 363"/>
                <a:gd name="T22" fmla="*/ 2 w 145"/>
                <a:gd name="T23" fmla="*/ 3 h 363"/>
                <a:gd name="T24" fmla="*/ 2 w 145"/>
                <a:gd name="T25" fmla="*/ 2 h 363"/>
                <a:gd name="T26" fmla="*/ 2 w 145"/>
                <a:gd name="T27" fmla="*/ 1 h 363"/>
                <a:gd name="T28" fmla="*/ 2 w 145"/>
                <a:gd name="T29" fmla="*/ 0 h 363"/>
                <a:gd name="T30" fmla="*/ 1 w 145"/>
                <a:gd name="T31" fmla="*/ 0 h 363"/>
                <a:gd name="T32" fmla="*/ 1 w 145"/>
                <a:gd name="T33" fmla="*/ 0 h 363"/>
                <a:gd name="T34" fmla="*/ 0 w 145"/>
                <a:gd name="T35" fmla="*/ 0 h 363"/>
                <a:gd name="T36" fmla="*/ 0 w 145"/>
                <a:gd name="T37" fmla="*/ 0 h 363"/>
                <a:gd name="T38" fmla="*/ 1 w 145"/>
                <a:gd name="T39" fmla="*/ 0 h 363"/>
                <a:gd name="T40" fmla="*/ 1 w 145"/>
                <a:gd name="T41" fmla="*/ 1 h 363"/>
                <a:gd name="T42" fmla="*/ 1 w 145"/>
                <a:gd name="T43" fmla="*/ 2 h 363"/>
                <a:gd name="T44" fmla="*/ 1 w 145"/>
                <a:gd name="T45" fmla="*/ 2 h 363"/>
                <a:gd name="T46" fmla="*/ 1 w 145"/>
                <a:gd name="T47" fmla="*/ 3 h 363"/>
                <a:gd name="T48" fmla="*/ 1 w 145"/>
                <a:gd name="T49" fmla="*/ 4 h 363"/>
                <a:gd name="T50" fmla="*/ 1 w 145"/>
                <a:gd name="T51" fmla="*/ 4 h 363"/>
                <a:gd name="T52" fmla="*/ 0 w 145"/>
                <a:gd name="T53" fmla="*/ 4 h 363"/>
                <a:gd name="T54" fmla="*/ 0 w 145"/>
                <a:gd name="T55" fmla="*/ 5 h 363"/>
                <a:gd name="T56" fmla="*/ 0 w 145"/>
                <a:gd name="T57" fmla="*/ 5 h 363"/>
                <a:gd name="T58" fmla="*/ 0 w 145"/>
                <a:gd name="T59" fmla="*/ 6 h 363"/>
                <a:gd name="T60" fmla="*/ 1 w 145"/>
                <a:gd name="T61" fmla="*/ 6 h 363"/>
                <a:gd name="T62" fmla="*/ 1 w 145"/>
                <a:gd name="T63" fmla="*/ 7 h 363"/>
                <a:gd name="T64" fmla="*/ 2 w 145"/>
                <a:gd name="T65" fmla="*/ 7 h 363"/>
                <a:gd name="T66" fmla="*/ 2 w 145"/>
                <a:gd name="T67" fmla="*/ 7 h 363"/>
                <a:gd name="T68" fmla="*/ 2 w 145"/>
                <a:gd name="T69" fmla="*/ 8 h 363"/>
                <a:gd name="T70" fmla="*/ 2 w 145"/>
                <a:gd name="T71" fmla="*/ 8 h 363"/>
                <a:gd name="T72" fmla="*/ 2 w 145"/>
                <a:gd name="T73" fmla="*/ 9 h 363"/>
                <a:gd name="T74" fmla="*/ 3 w 145"/>
                <a:gd name="T75" fmla="*/ 10 h 363"/>
                <a:gd name="T76" fmla="*/ 3 w 145"/>
                <a:gd name="T77" fmla="*/ 10 h 363"/>
                <a:gd name="T78" fmla="*/ 3 w 145"/>
                <a:gd name="T79" fmla="*/ 10 h 363"/>
                <a:gd name="T80" fmla="*/ 3 w 145"/>
                <a:gd name="T81" fmla="*/ 10 h 363"/>
                <a:gd name="T82" fmla="*/ 3 w 145"/>
                <a:gd name="T83" fmla="*/ 9 h 363"/>
                <a:gd name="T84" fmla="*/ 3 w 145"/>
                <a:gd name="T85" fmla="*/ 9 h 363"/>
                <a:gd name="T86" fmla="*/ 4 w 145"/>
                <a:gd name="T87" fmla="*/ 8 h 363"/>
                <a:gd name="T88" fmla="*/ 4 w 145"/>
                <a:gd name="T89" fmla="*/ 8 h 363"/>
                <a:gd name="T90" fmla="*/ 4 w 145"/>
                <a:gd name="T91" fmla="*/ 8 h 363"/>
                <a:gd name="T92" fmla="*/ 4 w 145"/>
                <a:gd name="T93" fmla="*/ 7 h 363"/>
                <a:gd name="T94" fmla="*/ 4 w 145"/>
                <a:gd name="T95" fmla="*/ 7 h 363"/>
                <a:gd name="T96" fmla="*/ 3 w 145"/>
                <a:gd name="T97" fmla="*/ 5 h 363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w 145"/>
                <a:gd name="T148" fmla="*/ 0 h 363"/>
                <a:gd name="T149" fmla="*/ 145 w 145"/>
                <a:gd name="T150" fmla="*/ 363 h 363"/>
              </a:gdLst>
              <a:ahLst/>
              <a:cxnLst>
                <a:cxn ang="T98">
                  <a:pos x="T0" y="T1"/>
                </a:cxn>
                <a:cxn ang="T99">
                  <a:pos x="T2" y="T3"/>
                </a:cxn>
                <a:cxn ang="T100">
                  <a:pos x="T4" y="T5"/>
                </a:cxn>
                <a:cxn ang="T101">
                  <a:pos x="T6" y="T7"/>
                </a:cxn>
                <a:cxn ang="T102">
                  <a:pos x="T8" y="T9"/>
                </a:cxn>
                <a:cxn ang="T103">
                  <a:pos x="T10" y="T11"/>
                </a:cxn>
                <a:cxn ang="T104">
                  <a:pos x="T12" y="T13"/>
                </a:cxn>
                <a:cxn ang="T105">
                  <a:pos x="T14" y="T15"/>
                </a:cxn>
                <a:cxn ang="T106">
                  <a:pos x="T16" y="T17"/>
                </a:cxn>
                <a:cxn ang="T107">
                  <a:pos x="T18" y="T19"/>
                </a:cxn>
                <a:cxn ang="T108">
                  <a:pos x="T20" y="T21"/>
                </a:cxn>
                <a:cxn ang="T109">
                  <a:pos x="T22" y="T23"/>
                </a:cxn>
                <a:cxn ang="T110">
                  <a:pos x="T24" y="T25"/>
                </a:cxn>
                <a:cxn ang="T111">
                  <a:pos x="T26" y="T27"/>
                </a:cxn>
                <a:cxn ang="T112">
                  <a:pos x="T28" y="T29"/>
                </a:cxn>
                <a:cxn ang="T113">
                  <a:pos x="T30" y="T31"/>
                </a:cxn>
                <a:cxn ang="T114">
                  <a:pos x="T32" y="T33"/>
                </a:cxn>
                <a:cxn ang="T115">
                  <a:pos x="T34" y="T35"/>
                </a:cxn>
                <a:cxn ang="T116">
                  <a:pos x="T36" y="T37"/>
                </a:cxn>
                <a:cxn ang="T117">
                  <a:pos x="T38" y="T39"/>
                </a:cxn>
                <a:cxn ang="T118">
                  <a:pos x="T40" y="T41"/>
                </a:cxn>
                <a:cxn ang="T119">
                  <a:pos x="T42" y="T43"/>
                </a:cxn>
                <a:cxn ang="T120">
                  <a:pos x="T44" y="T45"/>
                </a:cxn>
                <a:cxn ang="T121">
                  <a:pos x="T46" y="T47"/>
                </a:cxn>
                <a:cxn ang="T122">
                  <a:pos x="T48" y="T49"/>
                </a:cxn>
                <a:cxn ang="T123">
                  <a:pos x="T50" y="T51"/>
                </a:cxn>
                <a:cxn ang="T124">
                  <a:pos x="T52" y="T53"/>
                </a:cxn>
                <a:cxn ang="T125">
                  <a:pos x="T54" y="T55"/>
                </a:cxn>
                <a:cxn ang="T126">
                  <a:pos x="T56" y="T57"/>
                </a:cxn>
                <a:cxn ang="T127">
                  <a:pos x="T58" y="T59"/>
                </a:cxn>
                <a:cxn ang="T128">
                  <a:pos x="T60" y="T61"/>
                </a:cxn>
                <a:cxn ang="T129">
                  <a:pos x="T62" y="T63"/>
                </a:cxn>
                <a:cxn ang="T130">
                  <a:pos x="T64" y="T65"/>
                </a:cxn>
                <a:cxn ang="T131">
                  <a:pos x="T66" y="T67"/>
                </a:cxn>
                <a:cxn ang="T132">
                  <a:pos x="T68" y="T69"/>
                </a:cxn>
                <a:cxn ang="T133">
                  <a:pos x="T70" y="T71"/>
                </a:cxn>
                <a:cxn ang="T134">
                  <a:pos x="T72" y="T73"/>
                </a:cxn>
                <a:cxn ang="T135">
                  <a:pos x="T74" y="T75"/>
                </a:cxn>
                <a:cxn ang="T136">
                  <a:pos x="T76" y="T77"/>
                </a:cxn>
                <a:cxn ang="T137">
                  <a:pos x="T78" y="T79"/>
                </a:cxn>
                <a:cxn ang="T138">
                  <a:pos x="T80" y="T81"/>
                </a:cxn>
                <a:cxn ang="T139">
                  <a:pos x="T82" y="T83"/>
                </a:cxn>
                <a:cxn ang="T140">
                  <a:pos x="T84" y="T85"/>
                </a:cxn>
                <a:cxn ang="T141">
                  <a:pos x="T86" y="T87"/>
                </a:cxn>
                <a:cxn ang="T142">
                  <a:pos x="T88" y="T89"/>
                </a:cxn>
                <a:cxn ang="T143">
                  <a:pos x="T90" y="T91"/>
                </a:cxn>
                <a:cxn ang="T144">
                  <a:pos x="T92" y="T93"/>
                </a:cxn>
                <a:cxn ang="T145">
                  <a:pos x="T94" y="T95"/>
                </a:cxn>
                <a:cxn ang="T146">
                  <a:pos x="T96" y="T97"/>
                </a:cxn>
              </a:cxnLst>
              <a:rect l="T147" t="T148" r="T149" b="T150"/>
              <a:pathLst>
                <a:path w="145" h="363">
                  <a:moveTo>
                    <a:pt x="96" y="193"/>
                  </a:moveTo>
                  <a:lnTo>
                    <a:pt x="96" y="204"/>
                  </a:lnTo>
                  <a:lnTo>
                    <a:pt x="105" y="209"/>
                  </a:lnTo>
                  <a:lnTo>
                    <a:pt x="113" y="236"/>
                  </a:lnTo>
                  <a:lnTo>
                    <a:pt x="96" y="219"/>
                  </a:lnTo>
                  <a:lnTo>
                    <a:pt x="93" y="227"/>
                  </a:lnTo>
                  <a:lnTo>
                    <a:pt x="82" y="224"/>
                  </a:lnTo>
                  <a:lnTo>
                    <a:pt x="82" y="205"/>
                  </a:lnTo>
                  <a:lnTo>
                    <a:pt x="74" y="193"/>
                  </a:lnTo>
                  <a:lnTo>
                    <a:pt x="68" y="158"/>
                  </a:lnTo>
                  <a:lnTo>
                    <a:pt x="57" y="137"/>
                  </a:lnTo>
                  <a:lnTo>
                    <a:pt x="69" y="108"/>
                  </a:lnTo>
                  <a:lnTo>
                    <a:pt x="68" y="48"/>
                  </a:lnTo>
                  <a:lnTo>
                    <a:pt x="52" y="26"/>
                  </a:lnTo>
                  <a:lnTo>
                    <a:pt x="55" y="12"/>
                  </a:lnTo>
                  <a:lnTo>
                    <a:pt x="46" y="7"/>
                  </a:lnTo>
                  <a:lnTo>
                    <a:pt x="34" y="10"/>
                  </a:lnTo>
                  <a:lnTo>
                    <a:pt x="11" y="0"/>
                  </a:lnTo>
                  <a:lnTo>
                    <a:pt x="12" y="12"/>
                  </a:lnTo>
                  <a:lnTo>
                    <a:pt x="20" y="12"/>
                  </a:lnTo>
                  <a:lnTo>
                    <a:pt x="25" y="18"/>
                  </a:lnTo>
                  <a:lnTo>
                    <a:pt x="42" y="60"/>
                  </a:lnTo>
                  <a:lnTo>
                    <a:pt x="29" y="69"/>
                  </a:lnTo>
                  <a:lnTo>
                    <a:pt x="23" y="100"/>
                  </a:lnTo>
                  <a:lnTo>
                    <a:pt x="23" y="131"/>
                  </a:lnTo>
                  <a:lnTo>
                    <a:pt x="34" y="144"/>
                  </a:lnTo>
                  <a:lnTo>
                    <a:pt x="12" y="154"/>
                  </a:lnTo>
                  <a:lnTo>
                    <a:pt x="11" y="178"/>
                  </a:lnTo>
                  <a:lnTo>
                    <a:pt x="0" y="201"/>
                  </a:lnTo>
                  <a:lnTo>
                    <a:pt x="8" y="213"/>
                  </a:lnTo>
                  <a:lnTo>
                    <a:pt x="18" y="218"/>
                  </a:lnTo>
                  <a:lnTo>
                    <a:pt x="38" y="242"/>
                  </a:lnTo>
                  <a:lnTo>
                    <a:pt x="74" y="238"/>
                  </a:lnTo>
                  <a:lnTo>
                    <a:pt x="80" y="242"/>
                  </a:lnTo>
                  <a:lnTo>
                    <a:pt x="84" y="276"/>
                  </a:lnTo>
                  <a:lnTo>
                    <a:pt x="71" y="306"/>
                  </a:lnTo>
                  <a:lnTo>
                    <a:pt x="77" y="322"/>
                  </a:lnTo>
                  <a:lnTo>
                    <a:pt x="110" y="352"/>
                  </a:lnTo>
                  <a:lnTo>
                    <a:pt x="106" y="363"/>
                  </a:lnTo>
                  <a:lnTo>
                    <a:pt x="116" y="363"/>
                  </a:lnTo>
                  <a:lnTo>
                    <a:pt x="118" y="348"/>
                  </a:lnTo>
                  <a:lnTo>
                    <a:pt x="113" y="335"/>
                  </a:lnTo>
                  <a:lnTo>
                    <a:pt x="116" y="322"/>
                  </a:lnTo>
                  <a:lnTo>
                    <a:pt x="140" y="309"/>
                  </a:lnTo>
                  <a:lnTo>
                    <a:pt x="145" y="284"/>
                  </a:lnTo>
                  <a:lnTo>
                    <a:pt x="140" y="273"/>
                  </a:lnTo>
                  <a:lnTo>
                    <a:pt x="145" y="258"/>
                  </a:lnTo>
                  <a:lnTo>
                    <a:pt x="140" y="242"/>
                  </a:lnTo>
                  <a:lnTo>
                    <a:pt x="96" y="19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84" name="Freeform 123"/>
            <p:cNvSpPr>
              <a:spLocks noChangeAspect="1"/>
            </p:cNvSpPr>
            <p:nvPr/>
          </p:nvSpPr>
          <p:spPr bwMode="gray">
            <a:xfrm>
              <a:off x="5781675" y="4070351"/>
              <a:ext cx="179388" cy="207963"/>
            </a:xfrm>
            <a:custGeom>
              <a:avLst/>
              <a:gdLst>
                <a:gd name="T0" fmla="*/ 0 w 366"/>
                <a:gd name="T1" fmla="*/ 7 h 423"/>
                <a:gd name="T2" fmla="*/ 0 w 366"/>
                <a:gd name="T3" fmla="*/ 7 h 423"/>
                <a:gd name="T4" fmla="*/ 0 w 366"/>
                <a:gd name="T5" fmla="*/ 7 h 423"/>
                <a:gd name="T6" fmla="*/ 1 w 366"/>
                <a:gd name="T7" fmla="*/ 7 h 423"/>
                <a:gd name="T8" fmla="*/ 1 w 366"/>
                <a:gd name="T9" fmla="*/ 7 h 423"/>
                <a:gd name="T10" fmla="*/ 1 w 366"/>
                <a:gd name="T11" fmla="*/ 7 h 423"/>
                <a:gd name="T12" fmla="*/ 1 w 366"/>
                <a:gd name="T13" fmla="*/ 7 h 423"/>
                <a:gd name="T14" fmla="*/ 1 w 366"/>
                <a:gd name="T15" fmla="*/ 7 h 423"/>
                <a:gd name="T16" fmla="*/ 1 w 366"/>
                <a:gd name="T17" fmla="*/ 7 h 423"/>
                <a:gd name="T18" fmla="*/ 1 w 366"/>
                <a:gd name="T19" fmla="*/ 7 h 423"/>
                <a:gd name="T20" fmla="*/ 0 w 366"/>
                <a:gd name="T21" fmla="*/ 7 h 423"/>
                <a:gd name="T22" fmla="*/ 0 w 366"/>
                <a:gd name="T23" fmla="*/ 7 h 423"/>
                <a:gd name="T24" fmla="*/ 0 w 366"/>
                <a:gd name="T25" fmla="*/ 6 h 423"/>
                <a:gd name="T26" fmla="*/ 0 w 366"/>
                <a:gd name="T27" fmla="*/ 6 h 423"/>
                <a:gd name="T28" fmla="*/ 1 w 366"/>
                <a:gd name="T29" fmla="*/ 4 h 423"/>
                <a:gd name="T30" fmla="*/ 2 w 366"/>
                <a:gd name="T31" fmla="*/ 3 h 423"/>
                <a:gd name="T32" fmla="*/ 1 w 366"/>
                <a:gd name="T33" fmla="*/ 2 h 423"/>
                <a:gd name="T34" fmla="*/ 1 w 366"/>
                <a:gd name="T35" fmla="*/ 2 h 423"/>
                <a:gd name="T36" fmla="*/ 1 w 366"/>
                <a:gd name="T37" fmla="*/ 1 h 423"/>
                <a:gd name="T38" fmla="*/ 0 w 366"/>
                <a:gd name="T39" fmla="*/ 1 h 423"/>
                <a:gd name="T40" fmla="*/ 1 w 366"/>
                <a:gd name="T41" fmla="*/ 0 h 423"/>
                <a:gd name="T42" fmla="*/ 2 w 366"/>
                <a:gd name="T43" fmla="*/ 0 h 423"/>
                <a:gd name="T44" fmla="*/ 4 w 366"/>
                <a:gd name="T45" fmla="*/ 0 h 423"/>
                <a:gd name="T46" fmla="*/ 5 w 366"/>
                <a:gd name="T47" fmla="*/ 1 h 423"/>
                <a:gd name="T48" fmla="*/ 7 w 366"/>
                <a:gd name="T49" fmla="*/ 2 h 423"/>
                <a:gd name="T50" fmla="*/ 7 w 366"/>
                <a:gd name="T51" fmla="*/ 2 h 423"/>
                <a:gd name="T52" fmla="*/ 8 w 366"/>
                <a:gd name="T53" fmla="*/ 1 h 423"/>
                <a:gd name="T54" fmla="*/ 8 w 366"/>
                <a:gd name="T55" fmla="*/ 1 h 423"/>
                <a:gd name="T56" fmla="*/ 9 w 366"/>
                <a:gd name="T57" fmla="*/ 1 h 423"/>
                <a:gd name="T58" fmla="*/ 10 w 366"/>
                <a:gd name="T59" fmla="*/ 1 h 423"/>
                <a:gd name="T60" fmla="*/ 11 w 366"/>
                <a:gd name="T61" fmla="*/ 1 h 423"/>
                <a:gd name="T62" fmla="*/ 10 w 366"/>
                <a:gd name="T63" fmla="*/ 2 h 423"/>
                <a:gd name="T64" fmla="*/ 10 w 366"/>
                <a:gd name="T65" fmla="*/ 2 h 423"/>
                <a:gd name="T66" fmla="*/ 10 w 366"/>
                <a:gd name="T67" fmla="*/ 4 h 423"/>
                <a:gd name="T68" fmla="*/ 10 w 366"/>
                <a:gd name="T69" fmla="*/ 5 h 423"/>
                <a:gd name="T70" fmla="*/ 10 w 366"/>
                <a:gd name="T71" fmla="*/ 6 h 423"/>
                <a:gd name="T72" fmla="*/ 10 w 366"/>
                <a:gd name="T73" fmla="*/ 7 h 423"/>
                <a:gd name="T74" fmla="*/ 10 w 366"/>
                <a:gd name="T75" fmla="*/ 9 h 423"/>
                <a:gd name="T76" fmla="*/ 10 w 366"/>
                <a:gd name="T77" fmla="*/ 9 h 423"/>
                <a:gd name="T78" fmla="*/ 10 w 366"/>
                <a:gd name="T79" fmla="*/ 9 h 423"/>
                <a:gd name="T80" fmla="*/ 9 w 366"/>
                <a:gd name="T81" fmla="*/ 10 h 423"/>
                <a:gd name="T82" fmla="*/ 9 w 366"/>
                <a:gd name="T83" fmla="*/ 10 h 423"/>
                <a:gd name="T84" fmla="*/ 9 w 366"/>
                <a:gd name="T85" fmla="*/ 10 h 423"/>
                <a:gd name="T86" fmla="*/ 8 w 366"/>
                <a:gd name="T87" fmla="*/ 12 h 423"/>
                <a:gd name="T88" fmla="*/ 7 w 366"/>
                <a:gd name="T89" fmla="*/ 13 h 423"/>
                <a:gd name="T90" fmla="*/ 6 w 366"/>
                <a:gd name="T91" fmla="*/ 11 h 423"/>
                <a:gd name="T92" fmla="*/ 5 w 366"/>
                <a:gd name="T93" fmla="*/ 10 h 423"/>
                <a:gd name="T94" fmla="*/ 0 w 366"/>
                <a:gd name="T95" fmla="*/ 7 h 423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366"/>
                <a:gd name="T145" fmla="*/ 0 h 423"/>
                <a:gd name="T146" fmla="*/ 366 w 366"/>
                <a:gd name="T147" fmla="*/ 423 h 423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366" h="423">
                  <a:moveTo>
                    <a:pt x="13" y="256"/>
                  </a:moveTo>
                  <a:lnTo>
                    <a:pt x="5" y="247"/>
                  </a:lnTo>
                  <a:lnTo>
                    <a:pt x="13" y="237"/>
                  </a:lnTo>
                  <a:lnTo>
                    <a:pt x="22" y="237"/>
                  </a:lnTo>
                  <a:lnTo>
                    <a:pt x="29" y="231"/>
                  </a:lnTo>
                  <a:lnTo>
                    <a:pt x="39" y="227"/>
                  </a:lnTo>
                  <a:lnTo>
                    <a:pt x="39" y="223"/>
                  </a:lnTo>
                  <a:lnTo>
                    <a:pt x="29" y="222"/>
                  </a:lnTo>
                  <a:lnTo>
                    <a:pt x="21" y="223"/>
                  </a:lnTo>
                  <a:lnTo>
                    <a:pt x="16" y="227"/>
                  </a:lnTo>
                  <a:lnTo>
                    <a:pt x="10" y="227"/>
                  </a:lnTo>
                  <a:lnTo>
                    <a:pt x="7" y="220"/>
                  </a:lnTo>
                  <a:lnTo>
                    <a:pt x="2" y="214"/>
                  </a:lnTo>
                  <a:lnTo>
                    <a:pt x="2" y="202"/>
                  </a:lnTo>
                  <a:lnTo>
                    <a:pt x="46" y="143"/>
                  </a:lnTo>
                  <a:lnTo>
                    <a:pt x="50" y="113"/>
                  </a:lnTo>
                  <a:lnTo>
                    <a:pt x="46" y="84"/>
                  </a:lnTo>
                  <a:lnTo>
                    <a:pt x="25" y="67"/>
                  </a:lnTo>
                  <a:lnTo>
                    <a:pt x="17" y="30"/>
                  </a:lnTo>
                  <a:lnTo>
                    <a:pt x="0" y="24"/>
                  </a:lnTo>
                  <a:lnTo>
                    <a:pt x="24" y="2"/>
                  </a:lnTo>
                  <a:lnTo>
                    <a:pt x="87" y="0"/>
                  </a:lnTo>
                  <a:lnTo>
                    <a:pt x="124" y="4"/>
                  </a:lnTo>
                  <a:lnTo>
                    <a:pt x="180" y="39"/>
                  </a:lnTo>
                  <a:lnTo>
                    <a:pt x="229" y="51"/>
                  </a:lnTo>
                  <a:lnTo>
                    <a:pt x="249" y="51"/>
                  </a:lnTo>
                  <a:lnTo>
                    <a:pt x="270" y="41"/>
                  </a:lnTo>
                  <a:lnTo>
                    <a:pt x="283" y="27"/>
                  </a:lnTo>
                  <a:lnTo>
                    <a:pt x="315" y="19"/>
                  </a:lnTo>
                  <a:lnTo>
                    <a:pt x="342" y="33"/>
                  </a:lnTo>
                  <a:lnTo>
                    <a:pt x="366" y="33"/>
                  </a:lnTo>
                  <a:lnTo>
                    <a:pt x="347" y="62"/>
                  </a:lnTo>
                  <a:lnTo>
                    <a:pt x="325" y="83"/>
                  </a:lnTo>
                  <a:lnTo>
                    <a:pt x="325" y="126"/>
                  </a:lnTo>
                  <a:lnTo>
                    <a:pt x="325" y="168"/>
                  </a:lnTo>
                  <a:lnTo>
                    <a:pt x="325" y="210"/>
                  </a:lnTo>
                  <a:lnTo>
                    <a:pt x="325" y="253"/>
                  </a:lnTo>
                  <a:lnTo>
                    <a:pt x="350" y="287"/>
                  </a:lnTo>
                  <a:lnTo>
                    <a:pt x="339" y="299"/>
                  </a:lnTo>
                  <a:lnTo>
                    <a:pt x="327" y="304"/>
                  </a:lnTo>
                  <a:lnTo>
                    <a:pt x="319" y="322"/>
                  </a:lnTo>
                  <a:lnTo>
                    <a:pt x="304" y="328"/>
                  </a:lnTo>
                  <a:lnTo>
                    <a:pt x="296" y="335"/>
                  </a:lnTo>
                  <a:lnTo>
                    <a:pt x="265" y="409"/>
                  </a:lnTo>
                  <a:lnTo>
                    <a:pt x="249" y="423"/>
                  </a:lnTo>
                  <a:lnTo>
                    <a:pt x="185" y="384"/>
                  </a:lnTo>
                  <a:lnTo>
                    <a:pt x="175" y="349"/>
                  </a:lnTo>
                  <a:lnTo>
                    <a:pt x="13" y="25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85" name="Freeform 124"/>
            <p:cNvSpPr>
              <a:spLocks noChangeAspect="1"/>
            </p:cNvSpPr>
            <p:nvPr/>
          </p:nvSpPr>
          <p:spPr bwMode="gray">
            <a:xfrm>
              <a:off x="5278438" y="4303713"/>
              <a:ext cx="284163" cy="280988"/>
            </a:xfrm>
            <a:custGeom>
              <a:avLst/>
              <a:gdLst>
                <a:gd name="T0" fmla="*/ 8 w 582"/>
                <a:gd name="T1" fmla="*/ 16 h 574"/>
                <a:gd name="T2" fmla="*/ 5 w 582"/>
                <a:gd name="T3" fmla="*/ 16 h 574"/>
                <a:gd name="T4" fmla="*/ 2 w 582"/>
                <a:gd name="T5" fmla="*/ 15 h 574"/>
                <a:gd name="T6" fmla="*/ 2 w 582"/>
                <a:gd name="T7" fmla="*/ 15 h 574"/>
                <a:gd name="T8" fmla="*/ 1 w 582"/>
                <a:gd name="T9" fmla="*/ 15 h 574"/>
                <a:gd name="T10" fmla="*/ 0 w 582"/>
                <a:gd name="T11" fmla="*/ 15 h 574"/>
                <a:gd name="T12" fmla="*/ 0 w 582"/>
                <a:gd name="T13" fmla="*/ 14 h 574"/>
                <a:gd name="T14" fmla="*/ 1 w 582"/>
                <a:gd name="T15" fmla="*/ 13 h 574"/>
                <a:gd name="T16" fmla="*/ 1 w 582"/>
                <a:gd name="T17" fmla="*/ 10 h 574"/>
                <a:gd name="T18" fmla="*/ 2 w 582"/>
                <a:gd name="T19" fmla="*/ 10 h 574"/>
                <a:gd name="T20" fmla="*/ 3 w 582"/>
                <a:gd name="T21" fmla="*/ 9 h 574"/>
                <a:gd name="T22" fmla="*/ 3 w 582"/>
                <a:gd name="T23" fmla="*/ 7 h 574"/>
                <a:gd name="T24" fmla="*/ 3 w 582"/>
                <a:gd name="T25" fmla="*/ 6 h 574"/>
                <a:gd name="T26" fmla="*/ 2 w 582"/>
                <a:gd name="T27" fmla="*/ 5 h 574"/>
                <a:gd name="T28" fmla="*/ 2 w 582"/>
                <a:gd name="T29" fmla="*/ 3 h 574"/>
                <a:gd name="T30" fmla="*/ 1 w 582"/>
                <a:gd name="T31" fmla="*/ 1 h 574"/>
                <a:gd name="T32" fmla="*/ 3 w 582"/>
                <a:gd name="T33" fmla="*/ 0 h 574"/>
                <a:gd name="T34" fmla="*/ 5 w 582"/>
                <a:gd name="T35" fmla="*/ 0 h 574"/>
                <a:gd name="T36" fmla="*/ 7 w 582"/>
                <a:gd name="T37" fmla="*/ 0 h 574"/>
                <a:gd name="T38" fmla="*/ 8 w 582"/>
                <a:gd name="T39" fmla="*/ 3 h 574"/>
                <a:gd name="T40" fmla="*/ 10 w 582"/>
                <a:gd name="T41" fmla="*/ 3 h 574"/>
                <a:gd name="T42" fmla="*/ 11 w 582"/>
                <a:gd name="T43" fmla="*/ 2 h 574"/>
                <a:gd name="T44" fmla="*/ 12 w 582"/>
                <a:gd name="T45" fmla="*/ 2 h 574"/>
                <a:gd name="T46" fmla="*/ 14 w 582"/>
                <a:gd name="T47" fmla="*/ 2 h 574"/>
                <a:gd name="T48" fmla="*/ 14 w 582"/>
                <a:gd name="T49" fmla="*/ 5 h 574"/>
                <a:gd name="T50" fmla="*/ 14 w 582"/>
                <a:gd name="T51" fmla="*/ 7 h 574"/>
                <a:gd name="T52" fmla="*/ 15 w 582"/>
                <a:gd name="T53" fmla="*/ 7 h 574"/>
                <a:gd name="T54" fmla="*/ 17 w 582"/>
                <a:gd name="T55" fmla="*/ 7 h 574"/>
                <a:gd name="T56" fmla="*/ 17 w 582"/>
                <a:gd name="T57" fmla="*/ 7 h 574"/>
                <a:gd name="T58" fmla="*/ 17 w 582"/>
                <a:gd name="T59" fmla="*/ 10 h 574"/>
                <a:gd name="T60" fmla="*/ 15 w 582"/>
                <a:gd name="T61" fmla="*/ 10 h 574"/>
                <a:gd name="T62" fmla="*/ 14 w 582"/>
                <a:gd name="T63" fmla="*/ 11 h 574"/>
                <a:gd name="T64" fmla="*/ 14 w 582"/>
                <a:gd name="T65" fmla="*/ 13 h 574"/>
                <a:gd name="T66" fmla="*/ 16 w 582"/>
                <a:gd name="T67" fmla="*/ 16 h 574"/>
                <a:gd name="T68" fmla="*/ 11 w 582"/>
                <a:gd name="T69" fmla="*/ 16 h 574"/>
                <a:gd name="T70" fmla="*/ 10 w 582"/>
                <a:gd name="T71" fmla="*/ 16 h 574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582"/>
                <a:gd name="T109" fmla="*/ 0 h 574"/>
                <a:gd name="T110" fmla="*/ 582 w 582"/>
                <a:gd name="T111" fmla="*/ 574 h 574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582" h="574">
                  <a:moveTo>
                    <a:pt x="310" y="540"/>
                  </a:moveTo>
                  <a:lnTo>
                    <a:pt x="260" y="540"/>
                  </a:lnTo>
                  <a:lnTo>
                    <a:pt x="207" y="540"/>
                  </a:lnTo>
                  <a:lnTo>
                    <a:pt x="156" y="540"/>
                  </a:lnTo>
                  <a:lnTo>
                    <a:pt x="105" y="540"/>
                  </a:lnTo>
                  <a:lnTo>
                    <a:pt x="78" y="518"/>
                  </a:lnTo>
                  <a:lnTo>
                    <a:pt x="71" y="518"/>
                  </a:lnTo>
                  <a:lnTo>
                    <a:pt x="51" y="518"/>
                  </a:lnTo>
                  <a:lnTo>
                    <a:pt x="29" y="532"/>
                  </a:lnTo>
                  <a:lnTo>
                    <a:pt x="20" y="526"/>
                  </a:lnTo>
                  <a:lnTo>
                    <a:pt x="2" y="539"/>
                  </a:lnTo>
                  <a:lnTo>
                    <a:pt x="0" y="506"/>
                  </a:lnTo>
                  <a:lnTo>
                    <a:pt x="5" y="515"/>
                  </a:lnTo>
                  <a:lnTo>
                    <a:pt x="5" y="472"/>
                  </a:lnTo>
                  <a:lnTo>
                    <a:pt x="12" y="466"/>
                  </a:lnTo>
                  <a:lnTo>
                    <a:pt x="20" y="438"/>
                  </a:lnTo>
                  <a:lnTo>
                    <a:pt x="36" y="371"/>
                  </a:lnTo>
                  <a:lnTo>
                    <a:pt x="45" y="350"/>
                  </a:lnTo>
                  <a:lnTo>
                    <a:pt x="58" y="337"/>
                  </a:lnTo>
                  <a:lnTo>
                    <a:pt x="58" y="327"/>
                  </a:lnTo>
                  <a:lnTo>
                    <a:pt x="75" y="319"/>
                  </a:lnTo>
                  <a:lnTo>
                    <a:pt x="90" y="299"/>
                  </a:lnTo>
                  <a:lnTo>
                    <a:pt x="96" y="277"/>
                  </a:lnTo>
                  <a:lnTo>
                    <a:pt x="99" y="243"/>
                  </a:lnTo>
                  <a:lnTo>
                    <a:pt x="102" y="235"/>
                  </a:lnTo>
                  <a:lnTo>
                    <a:pt x="99" y="220"/>
                  </a:lnTo>
                  <a:lnTo>
                    <a:pt x="78" y="195"/>
                  </a:lnTo>
                  <a:lnTo>
                    <a:pt x="68" y="156"/>
                  </a:lnTo>
                  <a:lnTo>
                    <a:pt x="78" y="139"/>
                  </a:lnTo>
                  <a:lnTo>
                    <a:pt x="75" y="114"/>
                  </a:lnTo>
                  <a:lnTo>
                    <a:pt x="56" y="58"/>
                  </a:lnTo>
                  <a:lnTo>
                    <a:pt x="33" y="20"/>
                  </a:lnTo>
                  <a:lnTo>
                    <a:pt x="78" y="2"/>
                  </a:lnTo>
                  <a:lnTo>
                    <a:pt x="112" y="2"/>
                  </a:lnTo>
                  <a:lnTo>
                    <a:pt x="146" y="0"/>
                  </a:lnTo>
                  <a:lnTo>
                    <a:pt x="180" y="0"/>
                  </a:lnTo>
                  <a:lnTo>
                    <a:pt x="215" y="0"/>
                  </a:lnTo>
                  <a:lnTo>
                    <a:pt x="231" y="14"/>
                  </a:lnTo>
                  <a:lnTo>
                    <a:pt x="246" y="70"/>
                  </a:lnTo>
                  <a:lnTo>
                    <a:pt x="274" y="104"/>
                  </a:lnTo>
                  <a:lnTo>
                    <a:pt x="285" y="107"/>
                  </a:lnTo>
                  <a:lnTo>
                    <a:pt x="325" y="99"/>
                  </a:lnTo>
                  <a:lnTo>
                    <a:pt x="356" y="101"/>
                  </a:lnTo>
                  <a:lnTo>
                    <a:pt x="367" y="54"/>
                  </a:lnTo>
                  <a:lnTo>
                    <a:pt x="424" y="50"/>
                  </a:lnTo>
                  <a:lnTo>
                    <a:pt x="424" y="68"/>
                  </a:lnTo>
                  <a:lnTo>
                    <a:pt x="464" y="68"/>
                  </a:lnTo>
                  <a:lnTo>
                    <a:pt x="469" y="79"/>
                  </a:lnTo>
                  <a:lnTo>
                    <a:pt x="475" y="142"/>
                  </a:lnTo>
                  <a:lnTo>
                    <a:pt x="471" y="168"/>
                  </a:lnTo>
                  <a:lnTo>
                    <a:pt x="484" y="220"/>
                  </a:lnTo>
                  <a:lnTo>
                    <a:pt x="480" y="246"/>
                  </a:lnTo>
                  <a:lnTo>
                    <a:pt x="493" y="254"/>
                  </a:lnTo>
                  <a:lnTo>
                    <a:pt x="503" y="241"/>
                  </a:lnTo>
                  <a:lnTo>
                    <a:pt x="532" y="240"/>
                  </a:lnTo>
                  <a:lnTo>
                    <a:pt x="565" y="240"/>
                  </a:lnTo>
                  <a:lnTo>
                    <a:pt x="574" y="234"/>
                  </a:lnTo>
                  <a:lnTo>
                    <a:pt x="577" y="240"/>
                  </a:lnTo>
                  <a:lnTo>
                    <a:pt x="569" y="324"/>
                  </a:lnTo>
                  <a:lnTo>
                    <a:pt x="582" y="334"/>
                  </a:lnTo>
                  <a:lnTo>
                    <a:pt x="548" y="334"/>
                  </a:lnTo>
                  <a:lnTo>
                    <a:pt x="514" y="334"/>
                  </a:lnTo>
                  <a:lnTo>
                    <a:pt x="481" y="334"/>
                  </a:lnTo>
                  <a:lnTo>
                    <a:pt x="481" y="368"/>
                  </a:lnTo>
                  <a:lnTo>
                    <a:pt x="481" y="402"/>
                  </a:lnTo>
                  <a:lnTo>
                    <a:pt x="481" y="449"/>
                  </a:lnTo>
                  <a:lnTo>
                    <a:pt x="483" y="503"/>
                  </a:lnTo>
                  <a:lnTo>
                    <a:pt x="535" y="552"/>
                  </a:lnTo>
                  <a:lnTo>
                    <a:pt x="454" y="574"/>
                  </a:lnTo>
                  <a:lnTo>
                    <a:pt x="390" y="560"/>
                  </a:lnTo>
                  <a:lnTo>
                    <a:pt x="344" y="562"/>
                  </a:lnTo>
                  <a:lnTo>
                    <a:pt x="328" y="557"/>
                  </a:lnTo>
                  <a:lnTo>
                    <a:pt x="310" y="54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86" name="Freeform 125"/>
            <p:cNvSpPr>
              <a:spLocks noChangeAspect="1"/>
            </p:cNvSpPr>
            <p:nvPr/>
          </p:nvSpPr>
          <p:spPr bwMode="gray">
            <a:xfrm>
              <a:off x="5581650" y="4525963"/>
              <a:ext cx="179388" cy="165100"/>
            </a:xfrm>
            <a:custGeom>
              <a:avLst/>
              <a:gdLst>
                <a:gd name="T0" fmla="*/ 3 w 361"/>
                <a:gd name="T1" fmla="*/ 3 h 342"/>
                <a:gd name="T2" fmla="*/ 3 w 361"/>
                <a:gd name="T3" fmla="*/ 3 h 342"/>
                <a:gd name="T4" fmla="*/ 3 w 361"/>
                <a:gd name="T5" fmla="*/ 2 h 342"/>
                <a:gd name="T6" fmla="*/ 4 w 361"/>
                <a:gd name="T7" fmla="*/ 2 h 342"/>
                <a:gd name="T8" fmla="*/ 4 w 361"/>
                <a:gd name="T9" fmla="*/ 2 h 342"/>
                <a:gd name="T10" fmla="*/ 5 w 361"/>
                <a:gd name="T11" fmla="*/ 2 h 342"/>
                <a:gd name="T12" fmla="*/ 5 w 361"/>
                <a:gd name="T13" fmla="*/ 2 h 342"/>
                <a:gd name="T14" fmla="*/ 5 w 361"/>
                <a:gd name="T15" fmla="*/ 2 h 342"/>
                <a:gd name="T16" fmla="*/ 5 w 361"/>
                <a:gd name="T17" fmla="*/ 1 h 342"/>
                <a:gd name="T18" fmla="*/ 5 w 361"/>
                <a:gd name="T19" fmla="*/ 1 h 342"/>
                <a:gd name="T20" fmla="*/ 5 w 361"/>
                <a:gd name="T21" fmla="*/ 1 h 342"/>
                <a:gd name="T22" fmla="*/ 7 w 361"/>
                <a:gd name="T23" fmla="*/ 0 h 342"/>
                <a:gd name="T24" fmla="*/ 7 w 361"/>
                <a:gd name="T25" fmla="*/ 0 h 342"/>
                <a:gd name="T26" fmla="*/ 7 w 361"/>
                <a:gd name="T27" fmla="*/ 0 h 342"/>
                <a:gd name="T28" fmla="*/ 7 w 361"/>
                <a:gd name="T29" fmla="*/ 1 h 342"/>
                <a:gd name="T30" fmla="*/ 9 w 361"/>
                <a:gd name="T31" fmla="*/ 1 h 342"/>
                <a:gd name="T32" fmla="*/ 11 w 361"/>
                <a:gd name="T33" fmla="*/ 1 h 342"/>
                <a:gd name="T34" fmla="*/ 11 w 361"/>
                <a:gd name="T35" fmla="*/ 2 h 342"/>
                <a:gd name="T36" fmla="*/ 11 w 361"/>
                <a:gd name="T37" fmla="*/ 2 h 342"/>
                <a:gd name="T38" fmla="*/ 11 w 361"/>
                <a:gd name="T39" fmla="*/ 4 h 342"/>
                <a:gd name="T40" fmla="*/ 11 w 361"/>
                <a:gd name="T41" fmla="*/ 5 h 342"/>
                <a:gd name="T42" fmla="*/ 11 w 361"/>
                <a:gd name="T43" fmla="*/ 6 h 342"/>
                <a:gd name="T44" fmla="*/ 10 w 361"/>
                <a:gd name="T45" fmla="*/ 9 h 342"/>
                <a:gd name="T46" fmla="*/ 9 w 361"/>
                <a:gd name="T47" fmla="*/ 9 h 342"/>
                <a:gd name="T48" fmla="*/ 9 w 361"/>
                <a:gd name="T49" fmla="*/ 10 h 342"/>
                <a:gd name="T50" fmla="*/ 8 w 361"/>
                <a:gd name="T51" fmla="*/ 9 h 342"/>
                <a:gd name="T52" fmla="*/ 8 w 361"/>
                <a:gd name="T53" fmla="*/ 9 h 342"/>
                <a:gd name="T54" fmla="*/ 7 w 361"/>
                <a:gd name="T55" fmla="*/ 9 h 342"/>
                <a:gd name="T56" fmla="*/ 6 w 361"/>
                <a:gd name="T57" fmla="*/ 9 h 342"/>
                <a:gd name="T58" fmla="*/ 6 w 361"/>
                <a:gd name="T59" fmla="*/ 9 h 342"/>
                <a:gd name="T60" fmla="*/ 5 w 361"/>
                <a:gd name="T61" fmla="*/ 9 h 342"/>
                <a:gd name="T62" fmla="*/ 4 w 361"/>
                <a:gd name="T63" fmla="*/ 9 h 342"/>
                <a:gd name="T64" fmla="*/ 4 w 361"/>
                <a:gd name="T65" fmla="*/ 8 h 342"/>
                <a:gd name="T66" fmla="*/ 4 w 361"/>
                <a:gd name="T67" fmla="*/ 7 h 342"/>
                <a:gd name="T68" fmla="*/ 3 w 361"/>
                <a:gd name="T69" fmla="*/ 6 h 342"/>
                <a:gd name="T70" fmla="*/ 2 w 361"/>
                <a:gd name="T71" fmla="*/ 6 h 342"/>
                <a:gd name="T72" fmla="*/ 1 w 361"/>
                <a:gd name="T73" fmla="*/ 5 h 342"/>
                <a:gd name="T74" fmla="*/ 1 w 361"/>
                <a:gd name="T75" fmla="*/ 4 h 342"/>
                <a:gd name="T76" fmla="*/ 0 w 361"/>
                <a:gd name="T77" fmla="*/ 3 h 342"/>
                <a:gd name="T78" fmla="*/ 0 w 361"/>
                <a:gd name="T79" fmla="*/ 3 h 342"/>
                <a:gd name="T80" fmla="*/ 1 w 361"/>
                <a:gd name="T81" fmla="*/ 3 h 342"/>
                <a:gd name="T82" fmla="*/ 2 w 361"/>
                <a:gd name="T83" fmla="*/ 3 h 342"/>
                <a:gd name="T84" fmla="*/ 2 w 361"/>
                <a:gd name="T85" fmla="*/ 3 h 342"/>
                <a:gd name="T86" fmla="*/ 3 w 361"/>
                <a:gd name="T87" fmla="*/ 3 h 342"/>
                <a:gd name="T88" fmla="*/ 3 w 361"/>
                <a:gd name="T89" fmla="*/ 3 h 342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w 361"/>
                <a:gd name="T136" fmla="*/ 0 h 342"/>
                <a:gd name="T137" fmla="*/ 361 w 361"/>
                <a:gd name="T138" fmla="*/ 342 h 342"/>
              </a:gdLst>
              <a:ahLst/>
              <a:cxnLst>
                <a:cxn ang="T90">
                  <a:pos x="T0" y="T1"/>
                </a:cxn>
                <a:cxn ang="T91">
                  <a:pos x="T2" y="T3"/>
                </a:cxn>
                <a:cxn ang="T92">
                  <a:pos x="T4" y="T5"/>
                </a:cxn>
                <a:cxn ang="T93">
                  <a:pos x="T6" y="T7"/>
                </a:cxn>
                <a:cxn ang="T94">
                  <a:pos x="T8" y="T9"/>
                </a:cxn>
                <a:cxn ang="T95">
                  <a:pos x="T10" y="T11"/>
                </a:cxn>
                <a:cxn ang="T96">
                  <a:pos x="T12" y="T13"/>
                </a:cxn>
                <a:cxn ang="T97">
                  <a:pos x="T14" y="T15"/>
                </a:cxn>
                <a:cxn ang="T98">
                  <a:pos x="T16" y="T17"/>
                </a:cxn>
                <a:cxn ang="T99">
                  <a:pos x="T18" y="T19"/>
                </a:cxn>
                <a:cxn ang="T100">
                  <a:pos x="T20" y="T21"/>
                </a:cxn>
                <a:cxn ang="T101">
                  <a:pos x="T22" y="T23"/>
                </a:cxn>
                <a:cxn ang="T102">
                  <a:pos x="T24" y="T25"/>
                </a:cxn>
                <a:cxn ang="T103">
                  <a:pos x="T26" y="T27"/>
                </a:cxn>
                <a:cxn ang="T104">
                  <a:pos x="T28" y="T29"/>
                </a:cxn>
                <a:cxn ang="T105">
                  <a:pos x="T30" y="T31"/>
                </a:cxn>
                <a:cxn ang="T106">
                  <a:pos x="T32" y="T33"/>
                </a:cxn>
                <a:cxn ang="T107">
                  <a:pos x="T34" y="T35"/>
                </a:cxn>
                <a:cxn ang="T108">
                  <a:pos x="T36" y="T37"/>
                </a:cxn>
                <a:cxn ang="T109">
                  <a:pos x="T38" y="T39"/>
                </a:cxn>
                <a:cxn ang="T110">
                  <a:pos x="T40" y="T41"/>
                </a:cxn>
                <a:cxn ang="T111">
                  <a:pos x="T42" y="T43"/>
                </a:cxn>
                <a:cxn ang="T112">
                  <a:pos x="T44" y="T45"/>
                </a:cxn>
                <a:cxn ang="T113">
                  <a:pos x="T46" y="T47"/>
                </a:cxn>
                <a:cxn ang="T114">
                  <a:pos x="T48" y="T49"/>
                </a:cxn>
                <a:cxn ang="T115">
                  <a:pos x="T50" y="T51"/>
                </a:cxn>
                <a:cxn ang="T116">
                  <a:pos x="T52" y="T53"/>
                </a:cxn>
                <a:cxn ang="T117">
                  <a:pos x="T54" y="T55"/>
                </a:cxn>
                <a:cxn ang="T118">
                  <a:pos x="T56" y="T57"/>
                </a:cxn>
                <a:cxn ang="T119">
                  <a:pos x="T58" y="T59"/>
                </a:cxn>
                <a:cxn ang="T120">
                  <a:pos x="T60" y="T61"/>
                </a:cxn>
                <a:cxn ang="T121">
                  <a:pos x="T62" y="T63"/>
                </a:cxn>
                <a:cxn ang="T122">
                  <a:pos x="T64" y="T65"/>
                </a:cxn>
                <a:cxn ang="T123">
                  <a:pos x="T66" y="T67"/>
                </a:cxn>
                <a:cxn ang="T124">
                  <a:pos x="T68" y="T69"/>
                </a:cxn>
                <a:cxn ang="T125">
                  <a:pos x="T70" y="T71"/>
                </a:cxn>
                <a:cxn ang="T126">
                  <a:pos x="T72" y="T73"/>
                </a:cxn>
                <a:cxn ang="T127">
                  <a:pos x="T74" y="T75"/>
                </a:cxn>
                <a:cxn ang="T128">
                  <a:pos x="T76" y="T77"/>
                </a:cxn>
                <a:cxn ang="T129">
                  <a:pos x="T78" y="T79"/>
                </a:cxn>
                <a:cxn ang="T130">
                  <a:pos x="T80" y="T81"/>
                </a:cxn>
                <a:cxn ang="T131">
                  <a:pos x="T82" y="T83"/>
                </a:cxn>
                <a:cxn ang="T132">
                  <a:pos x="T84" y="T85"/>
                </a:cxn>
                <a:cxn ang="T133">
                  <a:pos x="T86" y="T87"/>
                </a:cxn>
                <a:cxn ang="T134">
                  <a:pos x="T88" y="T89"/>
                </a:cxn>
              </a:cxnLst>
              <a:rect l="T135" t="T136" r="T137" b="T138"/>
              <a:pathLst>
                <a:path w="361" h="342">
                  <a:moveTo>
                    <a:pt x="83" y="109"/>
                  </a:moveTo>
                  <a:lnTo>
                    <a:pt x="95" y="104"/>
                  </a:lnTo>
                  <a:lnTo>
                    <a:pt x="115" y="83"/>
                  </a:lnTo>
                  <a:lnTo>
                    <a:pt x="132" y="73"/>
                  </a:lnTo>
                  <a:lnTo>
                    <a:pt x="133" y="64"/>
                  </a:lnTo>
                  <a:lnTo>
                    <a:pt x="150" y="58"/>
                  </a:lnTo>
                  <a:lnTo>
                    <a:pt x="164" y="61"/>
                  </a:lnTo>
                  <a:lnTo>
                    <a:pt x="172" y="52"/>
                  </a:lnTo>
                  <a:lnTo>
                    <a:pt x="161" y="45"/>
                  </a:lnTo>
                  <a:lnTo>
                    <a:pt x="163" y="39"/>
                  </a:lnTo>
                  <a:lnTo>
                    <a:pt x="164" y="19"/>
                  </a:lnTo>
                  <a:lnTo>
                    <a:pt x="210" y="0"/>
                  </a:lnTo>
                  <a:lnTo>
                    <a:pt x="223" y="5"/>
                  </a:lnTo>
                  <a:lnTo>
                    <a:pt x="237" y="2"/>
                  </a:lnTo>
                  <a:lnTo>
                    <a:pt x="237" y="16"/>
                  </a:lnTo>
                  <a:lnTo>
                    <a:pt x="285" y="20"/>
                  </a:lnTo>
                  <a:lnTo>
                    <a:pt x="345" y="44"/>
                  </a:lnTo>
                  <a:lnTo>
                    <a:pt x="354" y="50"/>
                  </a:lnTo>
                  <a:lnTo>
                    <a:pt x="361" y="90"/>
                  </a:lnTo>
                  <a:lnTo>
                    <a:pt x="361" y="129"/>
                  </a:lnTo>
                  <a:lnTo>
                    <a:pt x="348" y="164"/>
                  </a:lnTo>
                  <a:lnTo>
                    <a:pt x="356" y="211"/>
                  </a:lnTo>
                  <a:lnTo>
                    <a:pt x="320" y="298"/>
                  </a:lnTo>
                  <a:lnTo>
                    <a:pt x="299" y="318"/>
                  </a:lnTo>
                  <a:lnTo>
                    <a:pt x="294" y="342"/>
                  </a:lnTo>
                  <a:lnTo>
                    <a:pt x="278" y="327"/>
                  </a:lnTo>
                  <a:lnTo>
                    <a:pt x="261" y="321"/>
                  </a:lnTo>
                  <a:lnTo>
                    <a:pt x="229" y="321"/>
                  </a:lnTo>
                  <a:lnTo>
                    <a:pt x="201" y="313"/>
                  </a:lnTo>
                  <a:lnTo>
                    <a:pt x="193" y="316"/>
                  </a:lnTo>
                  <a:lnTo>
                    <a:pt x="163" y="301"/>
                  </a:lnTo>
                  <a:lnTo>
                    <a:pt x="141" y="299"/>
                  </a:lnTo>
                  <a:lnTo>
                    <a:pt x="127" y="288"/>
                  </a:lnTo>
                  <a:lnTo>
                    <a:pt x="119" y="242"/>
                  </a:lnTo>
                  <a:lnTo>
                    <a:pt x="79" y="211"/>
                  </a:lnTo>
                  <a:lnTo>
                    <a:pt x="67" y="208"/>
                  </a:lnTo>
                  <a:lnTo>
                    <a:pt x="41" y="183"/>
                  </a:lnTo>
                  <a:lnTo>
                    <a:pt x="22" y="146"/>
                  </a:lnTo>
                  <a:lnTo>
                    <a:pt x="3" y="118"/>
                  </a:lnTo>
                  <a:lnTo>
                    <a:pt x="0" y="106"/>
                  </a:lnTo>
                  <a:lnTo>
                    <a:pt x="34" y="113"/>
                  </a:lnTo>
                  <a:lnTo>
                    <a:pt x="59" y="110"/>
                  </a:lnTo>
                  <a:lnTo>
                    <a:pt x="68" y="117"/>
                  </a:lnTo>
                  <a:lnTo>
                    <a:pt x="78" y="115"/>
                  </a:lnTo>
                  <a:lnTo>
                    <a:pt x="83" y="10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87" name="Freeform 126"/>
            <p:cNvSpPr>
              <a:spLocks noChangeAspect="1"/>
            </p:cNvSpPr>
            <p:nvPr/>
          </p:nvSpPr>
          <p:spPr bwMode="gray">
            <a:xfrm>
              <a:off x="5465763" y="4576763"/>
              <a:ext cx="211138" cy="217488"/>
            </a:xfrm>
            <a:custGeom>
              <a:avLst/>
              <a:gdLst>
                <a:gd name="T0" fmla="*/ 12 w 437"/>
                <a:gd name="T1" fmla="*/ 6 h 449"/>
                <a:gd name="T2" fmla="*/ 12 w 437"/>
                <a:gd name="T3" fmla="*/ 5 h 449"/>
                <a:gd name="T4" fmla="*/ 11 w 437"/>
                <a:gd name="T5" fmla="*/ 5 h 449"/>
                <a:gd name="T6" fmla="*/ 10 w 437"/>
                <a:gd name="T7" fmla="*/ 5 h 449"/>
                <a:gd name="T8" fmla="*/ 10 w 437"/>
                <a:gd name="T9" fmla="*/ 4 h 449"/>
                <a:gd name="T10" fmla="*/ 9 w 437"/>
                <a:gd name="T11" fmla="*/ 3 h 449"/>
                <a:gd name="T12" fmla="*/ 9 w 437"/>
                <a:gd name="T13" fmla="*/ 3 h 449"/>
                <a:gd name="T14" fmla="*/ 8 w 437"/>
                <a:gd name="T15" fmla="*/ 2 h 449"/>
                <a:gd name="T16" fmla="*/ 8 w 437"/>
                <a:gd name="T17" fmla="*/ 1 h 449"/>
                <a:gd name="T18" fmla="*/ 7 w 437"/>
                <a:gd name="T19" fmla="*/ 0 h 449"/>
                <a:gd name="T20" fmla="*/ 7 w 437"/>
                <a:gd name="T21" fmla="*/ 0 h 449"/>
                <a:gd name="T22" fmla="*/ 6 w 437"/>
                <a:gd name="T23" fmla="*/ 0 h 449"/>
                <a:gd name="T24" fmla="*/ 6 w 437"/>
                <a:gd name="T25" fmla="*/ 0 h 449"/>
                <a:gd name="T26" fmla="*/ 5 w 437"/>
                <a:gd name="T27" fmla="*/ 1 h 449"/>
                <a:gd name="T28" fmla="*/ 5 w 437"/>
                <a:gd name="T29" fmla="*/ 1 h 449"/>
                <a:gd name="T30" fmla="*/ 5 w 437"/>
                <a:gd name="T31" fmla="*/ 1 h 449"/>
                <a:gd name="T32" fmla="*/ 4 w 437"/>
                <a:gd name="T33" fmla="*/ 0 h 449"/>
                <a:gd name="T34" fmla="*/ 2 w 437"/>
                <a:gd name="T35" fmla="*/ 1 h 449"/>
                <a:gd name="T36" fmla="*/ 2 w 437"/>
                <a:gd name="T37" fmla="*/ 2 h 449"/>
                <a:gd name="T38" fmla="*/ 2 w 437"/>
                <a:gd name="T39" fmla="*/ 3 h 449"/>
                <a:gd name="T40" fmla="*/ 2 w 437"/>
                <a:gd name="T41" fmla="*/ 4 h 449"/>
                <a:gd name="T42" fmla="*/ 2 w 437"/>
                <a:gd name="T43" fmla="*/ 6 h 449"/>
                <a:gd name="T44" fmla="*/ 0 w 437"/>
                <a:gd name="T45" fmla="*/ 6 h 449"/>
                <a:gd name="T46" fmla="*/ 0 w 437"/>
                <a:gd name="T47" fmla="*/ 6 h 449"/>
                <a:gd name="T48" fmla="*/ 0 w 437"/>
                <a:gd name="T49" fmla="*/ 8 h 449"/>
                <a:gd name="T50" fmla="*/ 0 w 437"/>
                <a:gd name="T51" fmla="*/ 10 h 449"/>
                <a:gd name="T52" fmla="*/ 1 w 437"/>
                <a:gd name="T53" fmla="*/ 11 h 449"/>
                <a:gd name="T54" fmla="*/ 1 w 437"/>
                <a:gd name="T55" fmla="*/ 12 h 449"/>
                <a:gd name="T56" fmla="*/ 1 w 437"/>
                <a:gd name="T57" fmla="*/ 13 h 449"/>
                <a:gd name="T58" fmla="*/ 1 w 437"/>
                <a:gd name="T59" fmla="*/ 13 h 449"/>
                <a:gd name="T60" fmla="*/ 2 w 437"/>
                <a:gd name="T61" fmla="*/ 13 h 449"/>
                <a:gd name="T62" fmla="*/ 3 w 437"/>
                <a:gd name="T63" fmla="*/ 13 h 449"/>
                <a:gd name="T64" fmla="*/ 5 w 437"/>
                <a:gd name="T65" fmla="*/ 11 h 449"/>
                <a:gd name="T66" fmla="*/ 5 w 437"/>
                <a:gd name="T67" fmla="*/ 11 h 449"/>
                <a:gd name="T68" fmla="*/ 6 w 437"/>
                <a:gd name="T69" fmla="*/ 11 h 449"/>
                <a:gd name="T70" fmla="*/ 7 w 437"/>
                <a:gd name="T71" fmla="*/ 11 h 449"/>
                <a:gd name="T72" fmla="*/ 8 w 437"/>
                <a:gd name="T73" fmla="*/ 10 h 449"/>
                <a:gd name="T74" fmla="*/ 9 w 437"/>
                <a:gd name="T75" fmla="*/ 9 h 449"/>
                <a:gd name="T76" fmla="*/ 9 w 437"/>
                <a:gd name="T77" fmla="*/ 9 h 449"/>
                <a:gd name="T78" fmla="*/ 10 w 437"/>
                <a:gd name="T79" fmla="*/ 8 h 449"/>
                <a:gd name="T80" fmla="*/ 11 w 437"/>
                <a:gd name="T81" fmla="*/ 7 h 449"/>
                <a:gd name="T82" fmla="*/ 12 w 437"/>
                <a:gd name="T83" fmla="*/ 6 h 449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w 437"/>
                <a:gd name="T127" fmla="*/ 0 h 449"/>
                <a:gd name="T128" fmla="*/ 437 w 437"/>
                <a:gd name="T129" fmla="*/ 449 h 449"/>
              </a:gdLst>
              <a:ahLst/>
              <a:cxnLst>
                <a:cxn ang="T84">
                  <a:pos x="T0" y="T1"/>
                </a:cxn>
                <a:cxn ang="T85">
                  <a:pos x="T2" y="T3"/>
                </a:cxn>
                <a:cxn ang="T86">
                  <a:pos x="T4" y="T5"/>
                </a:cxn>
                <a:cxn ang="T87">
                  <a:pos x="T6" y="T7"/>
                </a:cxn>
                <a:cxn ang="T88">
                  <a:pos x="T8" y="T9"/>
                </a:cxn>
                <a:cxn ang="T89">
                  <a:pos x="T10" y="T11"/>
                </a:cxn>
                <a:cxn ang="T90">
                  <a:pos x="T12" y="T13"/>
                </a:cxn>
                <a:cxn ang="T91">
                  <a:pos x="T14" y="T15"/>
                </a:cxn>
                <a:cxn ang="T92">
                  <a:pos x="T16" y="T17"/>
                </a:cxn>
                <a:cxn ang="T93">
                  <a:pos x="T18" y="T19"/>
                </a:cxn>
                <a:cxn ang="T94">
                  <a:pos x="T20" y="T21"/>
                </a:cxn>
                <a:cxn ang="T95">
                  <a:pos x="T22" y="T23"/>
                </a:cxn>
                <a:cxn ang="T96">
                  <a:pos x="T24" y="T25"/>
                </a:cxn>
                <a:cxn ang="T97">
                  <a:pos x="T26" y="T27"/>
                </a:cxn>
                <a:cxn ang="T98">
                  <a:pos x="T28" y="T29"/>
                </a:cxn>
                <a:cxn ang="T99">
                  <a:pos x="T30" y="T31"/>
                </a:cxn>
                <a:cxn ang="T100">
                  <a:pos x="T32" y="T33"/>
                </a:cxn>
                <a:cxn ang="T101">
                  <a:pos x="T34" y="T35"/>
                </a:cxn>
                <a:cxn ang="T102">
                  <a:pos x="T36" y="T37"/>
                </a:cxn>
                <a:cxn ang="T103">
                  <a:pos x="T38" y="T39"/>
                </a:cxn>
                <a:cxn ang="T104">
                  <a:pos x="T40" y="T41"/>
                </a:cxn>
                <a:cxn ang="T105">
                  <a:pos x="T42" y="T43"/>
                </a:cxn>
                <a:cxn ang="T106">
                  <a:pos x="T44" y="T45"/>
                </a:cxn>
                <a:cxn ang="T107">
                  <a:pos x="T46" y="T47"/>
                </a:cxn>
                <a:cxn ang="T108">
                  <a:pos x="T48" y="T49"/>
                </a:cxn>
                <a:cxn ang="T109">
                  <a:pos x="T50" y="T51"/>
                </a:cxn>
                <a:cxn ang="T110">
                  <a:pos x="T52" y="T53"/>
                </a:cxn>
                <a:cxn ang="T111">
                  <a:pos x="T54" y="T55"/>
                </a:cxn>
                <a:cxn ang="T112">
                  <a:pos x="T56" y="T57"/>
                </a:cxn>
                <a:cxn ang="T113">
                  <a:pos x="T58" y="T59"/>
                </a:cxn>
                <a:cxn ang="T114">
                  <a:pos x="T60" y="T61"/>
                </a:cxn>
                <a:cxn ang="T115">
                  <a:pos x="T62" y="T63"/>
                </a:cxn>
                <a:cxn ang="T116">
                  <a:pos x="T64" y="T65"/>
                </a:cxn>
                <a:cxn ang="T117">
                  <a:pos x="T66" y="T67"/>
                </a:cxn>
                <a:cxn ang="T118">
                  <a:pos x="T68" y="T69"/>
                </a:cxn>
                <a:cxn ang="T119">
                  <a:pos x="T70" y="T71"/>
                </a:cxn>
                <a:cxn ang="T120">
                  <a:pos x="T72" y="T73"/>
                </a:cxn>
                <a:cxn ang="T121">
                  <a:pos x="T74" y="T75"/>
                </a:cxn>
                <a:cxn ang="T122">
                  <a:pos x="T76" y="T77"/>
                </a:cxn>
                <a:cxn ang="T123">
                  <a:pos x="T78" y="T79"/>
                </a:cxn>
                <a:cxn ang="T124">
                  <a:pos x="T80" y="T81"/>
                </a:cxn>
                <a:cxn ang="T125">
                  <a:pos x="T82" y="T83"/>
                </a:cxn>
              </a:cxnLst>
              <a:rect l="T126" t="T127" r="T128" b="T129"/>
              <a:pathLst>
                <a:path w="437" h="449">
                  <a:moveTo>
                    <a:pt x="437" y="212"/>
                  </a:moveTo>
                  <a:lnTo>
                    <a:pt x="407" y="197"/>
                  </a:lnTo>
                  <a:lnTo>
                    <a:pt x="385" y="195"/>
                  </a:lnTo>
                  <a:lnTo>
                    <a:pt x="371" y="184"/>
                  </a:lnTo>
                  <a:lnTo>
                    <a:pt x="363" y="138"/>
                  </a:lnTo>
                  <a:lnTo>
                    <a:pt x="323" y="107"/>
                  </a:lnTo>
                  <a:lnTo>
                    <a:pt x="311" y="104"/>
                  </a:lnTo>
                  <a:lnTo>
                    <a:pt x="285" y="79"/>
                  </a:lnTo>
                  <a:lnTo>
                    <a:pt x="266" y="42"/>
                  </a:lnTo>
                  <a:lnTo>
                    <a:pt x="247" y="14"/>
                  </a:lnTo>
                  <a:lnTo>
                    <a:pt x="244" y="2"/>
                  </a:lnTo>
                  <a:lnTo>
                    <a:pt x="229" y="0"/>
                  </a:lnTo>
                  <a:lnTo>
                    <a:pt x="219" y="9"/>
                  </a:lnTo>
                  <a:lnTo>
                    <a:pt x="196" y="16"/>
                  </a:lnTo>
                  <a:lnTo>
                    <a:pt x="170" y="42"/>
                  </a:lnTo>
                  <a:lnTo>
                    <a:pt x="161" y="19"/>
                  </a:lnTo>
                  <a:lnTo>
                    <a:pt x="139" y="14"/>
                  </a:lnTo>
                  <a:lnTo>
                    <a:pt x="48" y="34"/>
                  </a:lnTo>
                  <a:lnTo>
                    <a:pt x="48" y="81"/>
                  </a:lnTo>
                  <a:lnTo>
                    <a:pt x="48" y="115"/>
                  </a:lnTo>
                  <a:lnTo>
                    <a:pt x="48" y="155"/>
                  </a:lnTo>
                  <a:lnTo>
                    <a:pt x="48" y="204"/>
                  </a:lnTo>
                  <a:lnTo>
                    <a:pt x="6" y="203"/>
                  </a:lnTo>
                  <a:lnTo>
                    <a:pt x="0" y="206"/>
                  </a:lnTo>
                  <a:lnTo>
                    <a:pt x="0" y="277"/>
                  </a:lnTo>
                  <a:lnTo>
                    <a:pt x="0" y="342"/>
                  </a:lnTo>
                  <a:lnTo>
                    <a:pt x="43" y="389"/>
                  </a:lnTo>
                  <a:lnTo>
                    <a:pt x="45" y="407"/>
                  </a:lnTo>
                  <a:lnTo>
                    <a:pt x="36" y="435"/>
                  </a:lnTo>
                  <a:lnTo>
                    <a:pt x="40" y="443"/>
                  </a:lnTo>
                  <a:lnTo>
                    <a:pt x="77" y="449"/>
                  </a:lnTo>
                  <a:lnTo>
                    <a:pt x="105" y="441"/>
                  </a:lnTo>
                  <a:lnTo>
                    <a:pt x="159" y="378"/>
                  </a:lnTo>
                  <a:lnTo>
                    <a:pt x="181" y="376"/>
                  </a:lnTo>
                  <a:lnTo>
                    <a:pt x="224" y="392"/>
                  </a:lnTo>
                  <a:lnTo>
                    <a:pt x="260" y="384"/>
                  </a:lnTo>
                  <a:lnTo>
                    <a:pt x="277" y="350"/>
                  </a:lnTo>
                  <a:lnTo>
                    <a:pt x="312" y="317"/>
                  </a:lnTo>
                  <a:lnTo>
                    <a:pt x="327" y="297"/>
                  </a:lnTo>
                  <a:lnTo>
                    <a:pt x="352" y="266"/>
                  </a:lnTo>
                  <a:lnTo>
                    <a:pt x="383" y="243"/>
                  </a:lnTo>
                  <a:lnTo>
                    <a:pt x="437" y="21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88" name="Freeform 127"/>
            <p:cNvSpPr>
              <a:spLocks noChangeAspect="1"/>
            </p:cNvSpPr>
            <p:nvPr/>
          </p:nvSpPr>
          <p:spPr bwMode="gray">
            <a:xfrm>
              <a:off x="5280025" y="4554538"/>
              <a:ext cx="301625" cy="295275"/>
            </a:xfrm>
            <a:custGeom>
              <a:avLst/>
              <a:gdLst>
                <a:gd name="T0" fmla="*/ 9 w 623"/>
                <a:gd name="T1" fmla="*/ 1 h 605"/>
                <a:gd name="T2" fmla="*/ 7 w 623"/>
                <a:gd name="T3" fmla="*/ 1 h 605"/>
                <a:gd name="T4" fmla="*/ 6 w 623"/>
                <a:gd name="T5" fmla="*/ 1 h 605"/>
                <a:gd name="T6" fmla="*/ 4 w 623"/>
                <a:gd name="T7" fmla="*/ 1 h 605"/>
                <a:gd name="T8" fmla="*/ 3 w 623"/>
                <a:gd name="T9" fmla="*/ 1 h 605"/>
                <a:gd name="T10" fmla="*/ 2 w 623"/>
                <a:gd name="T11" fmla="*/ 0 h 605"/>
                <a:gd name="T12" fmla="*/ 2 w 623"/>
                <a:gd name="T13" fmla="*/ 0 h 605"/>
                <a:gd name="T14" fmla="*/ 2 w 623"/>
                <a:gd name="T15" fmla="*/ 0 h 605"/>
                <a:gd name="T16" fmla="*/ 1 w 623"/>
                <a:gd name="T17" fmla="*/ 0 h 605"/>
                <a:gd name="T18" fmla="*/ 1 w 623"/>
                <a:gd name="T19" fmla="*/ 0 h 605"/>
                <a:gd name="T20" fmla="*/ 0 w 623"/>
                <a:gd name="T21" fmla="*/ 1 h 605"/>
                <a:gd name="T22" fmla="*/ 0 w 623"/>
                <a:gd name="T23" fmla="*/ 2 h 605"/>
                <a:gd name="T24" fmla="*/ 1 w 623"/>
                <a:gd name="T25" fmla="*/ 4 h 605"/>
                <a:gd name="T26" fmla="*/ 2 w 623"/>
                <a:gd name="T27" fmla="*/ 6 h 605"/>
                <a:gd name="T28" fmla="*/ 4 w 623"/>
                <a:gd name="T29" fmla="*/ 8 h 605"/>
                <a:gd name="T30" fmla="*/ 4 w 623"/>
                <a:gd name="T31" fmla="*/ 10 h 605"/>
                <a:gd name="T32" fmla="*/ 4 w 623"/>
                <a:gd name="T33" fmla="*/ 12 h 605"/>
                <a:gd name="T34" fmla="*/ 4 w 623"/>
                <a:gd name="T35" fmla="*/ 13 h 605"/>
                <a:gd name="T36" fmla="*/ 5 w 623"/>
                <a:gd name="T37" fmla="*/ 15 h 605"/>
                <a:gd name="T38" fmla="*/ 5 w 623"/>
                <a:gd name="T39" fmla="*/ 16 h 605"/>
                <a:gd name="T40" fmla="*/ 6 w 623"/>
                <a:gd name="T41" fmla="*/ 17 h 605"/>
                <a:gd name="T42" fmla="*/ 6 w 623"/>
                <a:gd name="T43" fmla="*/ 17 h 605"/>
                <a:gd name="T44" fmla="*/ 7 w 623"/>
                <a:gd name="T45" fmla="*/ 17 h 605"/>
                <a:gd name="T46" fmla="*/ 7 w 623"/>
                <a:gd name="T47" fmla="*/ 16 h 605"/>
                <a:gd name="T48" fmla="*/ 8 w 623"/>
                <a:gd name="T49" fmla="*/ 17 h 605"/>
                <a:gd name="T50" fmla="*/ 8 w 623"/>
                <a:gd name="T51" fmla="*/ 17 h 605"/>
                <a:gd name="T52" fmla="*/ 8 w 623"/>
                <a:gd name="T53" fmla="*/ 18 h 605"/>
                <a:gd name="T54" fmla="*/ 10 w 623"/>
                <a:gd name="T55" fmla="*/ 18 h 605"/>
                <a:gd name="T56" fmla="*/ 11 w 623"/>
                <a:gd name="T57" fmla="*/ 17 h 605"/>
                <a:gd name="T58" fmla="*/ 11 w 623"/>
                <a:gd name="T59" fmla="*/ 14 h 605"/>
                <a:gd name="T60" fmla="*/ 11 w 623"/>
                <a:gd name="T61" fmla="*/ 13 h 605"/>
                <a:gd name="T62" fmla="*/ 11 w 623"/>
                <a:gd name="T63" fmla="*/ 11 h 605"/>
                <a:gd name="T64" fmla="*/ 11 w 623"/>
                <a:gd name="T65" fmla="*/ 9 h 605"/>
                <a:gd name="T66" fmla="*/ 11 w 623"/>
                <a:gd name="T67" fmla="*/ 7 h 605"/>
                <a:gd name="T68" fmla="*/ 11 w 623"/>
                <a:gd name="T69" fmla="*/ 7 h 605"/>
                <a:gd name="T70" fmla="*/ 12 w 623"/>
                <a:gd name="T71" fmla="*/ 7 h 605"/>
                <a:gd name="T72" fmla="*/ 12 w 623"/>
                <a:gd name="T73" fmla="*/ 6 h 605"/>
                <a:gd name="T74" fmla="*/ 12 w 623"/>
                <a:gd name="T75" fmla="*/ 5 h 605"/>
                <a:gd name="T76" fmla="*/ 12 w 623"/>
                <a:gd name="T77" fmla="*/ 4 h 605"/>
                <a:gd name="T78" fmla="*/ 12 w 623"/>
                <a:gd name="T79" fmla="*/ 2 h 605"/>
                <a:gd name="T80" fmla="*/ 15 w 623"/>
                <a:gd name="T81" fmla="*/ 2 h 605"/>
                <a:gd name="T82" fmla="*/ 15 w 623"/>
                <a:gd name="T83" fmla="*/ 2 h 605"/>
                <a:gd name="T84" fmla="*/ 16 w 623"/>
                <a:gd name="T85" fmla="*/ 2 h 605"/>
                <a:gd name="T86" fmla="*/ 16 w 623"/>
                <a:gd name="T87" fmla="*/ 2 h 605"/>
                <a:gd name="T88" fmla="*/ 17 w 623"/>
                <a:gd name="T89" fmla="*/ 2 h 605"/>
                <a:gd name="T90" fmla="*/ 17 w 623"/>
                <a:gd name="T91" fmla="*/ 1 h 605"/>
                <a:gd name="T92" fmla="*/ 18 w 623"/>
                <a:gd name="T93" fmla="*/ 1 h 605"/>
                <a:gd name="T94" fmla="*/ 17 w 623"/>
                <a:gd name="T95" fmla="*/ 1 h 605"/>
                <a:gd name="T96" fmla="*/ 16 w 623"/>
                <a:gd name="T97" fmla="*/ 1 h 605"/>
                <a:gd name="T98" fmla="*/ 15 w 623"/>
                <a:gd name="T99" fmla="*/ 1 h 605"/>
                <a:gd name="T100" fmla="*/ 13 w 623"/>
                <a:gd name="T101" fmla="*/ 2 h 605"/>
                <a:gd name="T102" fmla="*/ 11 w 623"/>
                <a:gd name="T103" fmla="*/ 1 h 605"/>
                <a:gd name="T104" fmla="*/ 10 w 623"/>
                <a:gd name="T105" fmla="*/ 1 h 605"/>
                <a:gd name="T106" fmla="*/ 9 w 623"/>
                <a:gd name="T107" fmla="*/ 1 h 605"/>
                <a:gd name="T108" fmla="*/ 9 w 623"/>
                <a:gd name="T109" fmla="*/ 1 h 605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623"/>
                <a:gd name="T166" fmla="*/ 0 h 605"/>
                <a:gd name="T167" fmla="*/ 623 w 623"/>
                <a:gd name="T168" fmla="*/ 605 h 605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623" h="605">
                  <a:moveTo>
                    <a:pt x="308" y="22"/>
                  </a:moveTo>
                  <a:lnTo>
                    <a:pt x="258" y="22"/>
                  </a:lnTo>
                  <a:lnTo>
                    <a:pt x="205" y="22"/>
                  </a:lnTo>
                  <a:lnTo>
                    <a:pt x="154" y="22"/>
                  </a:lnTo>
                  <a:lnTo>
                    <a:pt x="103" y="22"/>
                  </a:lnTo>
                  <a:lnTo>
                    <a:pt x="76" y="0"/>
                  </a:lnTo>
                  <a:lnTo>
                    <a:pt x="69" y="0"/>
                  </a:lnTo>
                  <a:lnTo>
                    <a:pt x="49" y="0"/>
                  </a:lnTo>
                  <a:lnTo>
                    <a:pt x="27" y="14"/>
                  </a:lnTo>
                  <a:lnTo>
                    <a:pt x="18" y="8"/>
                  </a:lnTo>
                  <a:lnTo>
                    <a:pt x="0" y="21"/>
                  </a:lnTo>
                  <a:lnTo>
                    <a:pt x="1" y="61"/>
                  </a:lnTo>
                  <a:lnTo>
                    <a:pt x="46" y="126"/>
                  </a:lnTo>
                  <a:lnTo>
                    <a:pt x="80" y="200"/>
                  </a:lnTo>
                  <a:lnTo>
                    <a:pt x="125" y="276"/>
                  </a:lnTo>
                  <a:lnTo>
                    <a:pt x="127" y="356"/>
                  </a:lnTo>
                  <a:lnTo>
                    <a:pt x="144" y="400"/>
                  </a:lnTo>
                  <a:lnTo>
                    <a:pt x="144" y="437"/>
                  </a:lnTo>
                  <a:lnTo>
                    <a:pt x="162" y="522"/>
                  </a:lnTo>
                  <a:lnTo>
                    <a:pt x="187" y="557"/>
                  </a:lnTo>
                  <a:lnTo>
                    <a:pt x="222" y="588"/>
                  </a:lnTo>
                  <a:lnTo>
                    <a:pt x="230" y="584"/>
                  </a:lnTo>
                  <a:lnTo>
                    <a:pt x="238" y="570"/>
                  </a:lnTo>
                  <a:lnTo>
                    <a:pt x="249" y="567"/>
                  </a:lnTo>
                  <a:lnTo>
                    <a:pt x="271" y="582"/>
                  </a:lnTo>
                  <a:lnTo>
                    <a:pt x="271" y="595"/>
                  </a:lnTo>
                  <a:lnTo>
                    <a:pt x="281" y="605"/>
                  </a:lnTo>
                  <a:lnTo>
                    <a:pt x="340" y="605"/>
                  </a:lnTo>
                  <a:lnTo>
                    <a:pt x="379" y="579"/>
                  </a:lnTo>
                  <a:lnTo>
                    <a:pt x="379" y="498"/>
                  </a:lnTo>
                  <a:lnTo>
                    <a:pt x="379" y="440"/>
                  </a:lnTo>
                  <a:lnTo>
                    <a:pt x="379" y="384"/>
                  </a:lnTo>
                  <a:lnTo>
                    <a:pt x="379" y="319"/>
                  </a:lnTo>
                  <a:lnTo>
                    <a:pt x="379" y="248"/>
                  </a:lnTo>
                  <a:lnTo>
                    <a:pt x="385" y="245"/>
                  </a:lnTo>
                  <a:lnTo>
                    <a:pt x="427" y="246"/>
                  </a:lnTo>
                  <a:lnTo>
                    <a:pt x="427" y="197"/>
                  </a:lnTo>
                  <a:lnTo>
                    <a:pt x="427" y="155"/>
                  </a:lnTo>
                  <a:lnTo>
                    <a:pt x="427" y="124"/>
                  </a:lnTo>
                  <a:lnTo>
                    <a:pt x="427" y="76"/>
                  </a:lnTo>
                  <a:lnTo>
                    <a:pt x="518" y="56"/>
                  </a:lnTo>
                  <a:lnTo>
                    <a:pt x="540" y="61"/>
                  </a:lnTo>
                  <a:lnTo>
                    <a:pt x="549" y="84"/>
                  </a:lnTo>
                  <a:lnTo>
                    <a:pt x="575" y="58"/>
                  </a:lnTo>
                  <a:lnTo>
                    <a:pt x="598" y="51"/>
                  </a:lnTo>
                  <a:lnTo>
                    <a:pt x="608" y="42"/>
                  </a:lnTo>
                  <a:lnTo>
                    <a:pt x="623" y="44"/>
                  </a:lnTo>
                  <a:lnTo>
                    <a:pt x="608" y="30"/>
                  </a:lnTo>
                  <a:lnTo>
                    <a:pt x="575" y="24"/>
                  </a:lnTo>
                  <a:lnTo>
                    <a:pt x="533" y="34"/>
                  </a:lnTo>
                  <a:lnTo>
                    <a:pt x="452" y="56"/>
                  </a:lnTo>
                  <a:lnTo>
                    <a:pt x="388" y="42"/>
                  </a:lnTo>
                  <a:lnTo>
                    <a:pt x="342" y="44"/>
                  </a:lnTo>
                  <a:lnTo>
                    <a:pt x="326" y="39"/>
                  </a:lnTo>
                  <a:lnTo>
                    <a:pt x="308" y="2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89" name="Freeform 128"/>
            <p:cNvSpPr>
              <a:spLocks noChangeAspect="1"/>
            </p:cNvSpPr>
            <p:nvPr/>
          </p:nvSpPr>
          <p:spPr bwMode="gray">
            <a:xfrm>
              <a:off x="5672138" y="4197351"/>
              <a:ext cx="39688" cy="38100"/>
            </a:xfrm>
            <a:custGeom>
              <a:avLst/>
              <a:gdLst>
                <a:gd name="T0" fmla="*/ 1 w 87"/>
                <a:gd name="T1" fmla="*/ 0 h 79"/>
                <a:gd name="T2" fmla="*/ 1 w 87"/>
                <a:gd name="T3" fmla="*/ 0 h 79"/>
                <a:gd name="T4" fmla="*/ 1 w 87"/>
                <a:gd name="T5" fmla="*/ 1 h 79"/>
                <a:gd name="T6" fmla="*/ 1 w 87"/>
                <a:gd name="T7" fmla="*/ 0 h 79"/>
                <a:gd name="T8" fmla="*/ 0 w 87"/>
                <a:gd name="T9" fmla="*/ 1 h 79"/>
                <a:gd name="T10" fmla="*/ 0 w 87"/>
                <a:gd name="T11" fmla="*/ 2 h 79"/>
                <a:gd name="T12" fmla="*/ 0 w 87"/>
                <a:gd name="T13" fmla="*/ 2 h 79"/>
                <a:gd name="T14" fmla="*/ 0 w 87"/>
                <a:gd name="T15" fmla="*/ 2 h 79"/>
                <a:gd name="T16" fmla="*/ 0 w 87"/>
                <a:gd name="T17" fmla="*/ 2 h 79"/>
                <a:gd name="T18" fmla="*/ 1 w 87"/>
                <a:gd name="T19" fmla="*/ 2 h 79"/>
                <a:gd name="T20" fmla="*/ 1 w 87"/>
                <a:gd name="T21" fmla="*/ 2 h 79"/>
                <a:gd name="T22" fmla="*/ 1 w 87"/>
                <a:gd name="T23" fmla="*/ 2 h 79"/>
                <a:gd name="T24" fmla="*/ 2 w 87"/>
                <a:gd name="T25" fmla="*/ 2 h 79"/>
                <a:gd name="T26" fmla="*/ 2 w 87"/>
                <a:gd name="T27" fmla="*/ 2 h 79"/>
                <a:gd name="T28" fmla="*/ 2 w 87"/>
                <a:gd name="T29" fmla="*/ 1 h 79"/>
                <a:gd name="T30" fmla="*/ 1 w 87"/>
                <a:gd name="T31" fmla="*/ 0 h 79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87"/>
                <a:gd name="T49" fmla="*/ 0 h 79"/>
                <a:gd name="T50" fmla="*/ 87 w 87"/>
                <a:gd name="T51" fmla="*/ 79 h 79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87" h="79">
                  <a:moveTo>
                    <a:pt x="67" y="0"/>
                  </a:moveTo>
                  <a:lnTo>
                    <a:pt x="56" y="4"/>
                  </a:lnTo>
                  <a:lnTo>
                    <a:pt x="48" y="16"/>
                  </a:lnTo>
                  <a:lnTo>
                    <a:pt x="33" y="13"/>
                  </a:lnTo>
                  <a:lnTo>
                    <a:pt x="12" y="42"/>
                  </a:lnTo>
                  <a:lnTo>
                    <a:pt x="0" y="62"/>
                  </a:lnTo>
                  <a:lnTo>
                    <a:pt x="5" y="76"/>
                  </a:lnTo>
                  <a:lnTo>
                    <a:pt x="11" y="67"/>
                  </a:lnTo>
                  <a:lnTo>
                    <a:pt x="16" y="68"/>
                  </a:lnTo>
                  <a:lnTo>
                    <a:pt x="24" y="79"/>
                  </a:lnTo>
                  <a:lnTo>
                    <a:pt x="39" y="76"/>
                  </a:lnTo>
                  <a:lnTo>
                    <a:pt x="46" y="61"/>
                  </a:lnTo>
                  <a:lnTo>
                    <a:pt x="68" y="59"/>
                  </a:lnTo>
                  <a:lnTo>
                    <a:pt x="75" y="62"/>
                  </a:lnTo>
                  <a:lnTo>
                    <a:pt x="87" y="42"/>
                  </a:lnTo>
                  <a:lnTo>
                    <a:pt x="67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90" name="Freeform 129"/>
            <p:cNvSpPr>
              <a:spLocks noChangeAspect="1"/>
            </p:cNvSpPr>
            <p:nvPr/>
          </p:nvSpPr>
          <p:spPr bwMode="gray">
            <a:xfrm>
              <a:off x="5673725" y="4225926"/>
              <a:ext cx="38100" cy="46038"/>
            </a:xfrm>
            <a:custGeom>
              <a:avLst/>
              <a:gdLst>
                <a:gd name="T0" fmla="*/ 1 w 79"/>
                <a:gd name="T1" fmla="*/ 3 h 96"/>
                <a:gd name="T2" fmla="*/ 0 w 79"/>
                <a:gd name="T3" fmla="*/ 2 h 96"/>
                <a:gd name="T4" fmla="*/ 0 w 79"/>
                <a:gd name="T5" fmla="*/ 2 h 96"/>
                <a:gd name="T6" fmla="*/ 0 w 79"/>
                <a:gd name="T7" fmla="*/ 1 h 96"/>
                <a:gd name="T8" fmla="*/ 0 w 79"/>
                <a:gd name="T9" fmla="*/ 1 h 96"/>
                <a:gd name="T10" fmla="*/ 0 w 79"/>
                <a:gd name="T11" fmla="*/ 0 h 96"/>
                <a:gd name="T12" fmla="*/ 0 w 79"/>
                <a:gd name="T13" fmla="*/ 0 h 96"/>
                <a:gd name="T14" fmla="*/ 1 w 79"/>
                <a:gd name="T15" fmla="*/ 1 h 96"/>
                <a:gd name="T16" fmla="*/ 1 w 79"/>
                <a:gd name="T17" fmla="*/ 1 h 96"/>
                <a:gd name="T18" fmla="*/ 1 w 79"/>
                <a:gd name="T19" fmla="*/ 0 h 96"/>
                <a:gd name="T20" fmla="*/ 2 w 79"/>
                <a:gd name="T21" fmla="*/ 0 h 96"/>
                <a:gd name="T22" fmla="*/ 2 w 79"/>
                <a:gd name="T23" fmla="*/ 0 h 96"/>
                <a:gd name="T24" fmla="*/ 2 w 79"/>
                <a:gd name="T25" fmla="*/ 1 h 96"/>
                <a:gd name="T26" fmla="*/ 2 w 79"/>
                <a:gd name="T27" fmla="*/ 1 h 96"/>
                <a:gd name="T28" fmla="*/ 2 w 79"/>
                <a:gd name="T29" fmla="*/ 1 h 96"/>
                <a:gd name="T30" fmla="*/ 2 w 79"/>
                <a:gd name="T31" fmla="*/ 2 h 96"/>
                <a:gd name="T32" fmla="*/ 1 w 79"/>
                <a:gd name="T33" fmla="*/ 3 h 96"/>
                <a:gd name="T34" fmla="*/ 1 w 79"/>
                <a:gd name="T35" fmla="*/ 3 h 9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w 79"/>
                <a:gd name="T55" fmla="*/ 0 h 96"/>
                <a:gd name="T56" fmla="*/ 79 w 79"/>
                <a:gd name="T57" fmla="*/ 96 h 96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T54" t="T55" r="T56" b="T57"/>
              <a:pathLst>
                <a:path w="79" h="96">
                  <a:moveTo>
                    <a:pt x="19" y="96"/>
                  </a:moveTo>
                  <a:lnTo>
                    <a:pt x="9" y="71"/>
                  </a:lnTo>
                  <a:lnTo>
                    <a:pt x="9" y="48"/>
                  </a:lnTo>
                  <a:lnTo>
                    <a:pt x="7" y="28"/>
                  </a:lnTo>
                  <a:lnTo>
                    <a:pt x="0" y="17"/>
                  </a:lnTo>
                  <a:lnTo>
                    <a:pt x="6" y="8"/>
                  </a:lnTo>
                  <a:lnTo>
                    <a:pt x="11" y="9"/>
                  </a:lnTo>
                  <a:lnTo>
                    <a:pt x="19" y="20"/>
                  </a:lnTo>
                  <a:lnTo>
                    <a:pt x="34" y="17"/>
                  </a:lnTo>
                  <a:lnTo>
                    <a:pt x="41" y="2"/>
                  </a:lnTo>
                  <a:lnTo>
                    <a:pt x="63" y="0"/>
                  </a:lnTo>
                  <a:lnTo>
                    <a:pt x="70" y="3"/>
                  </a:lnTo>
                  <a:lnTo>
                    <a:pt x="65" y="19"/>
                  </a:lnTo>
                  <a:lnTo>
                    <a:pt x="77" y="28"/>
                  </a:lnTo>
                  <a:lnTo>
                    <a:pt x="79" y="39"/>
                  </a:lnTo>
                  <a:lnTo>
                    <a:pt x="48" y="88"/>
                  </a:lnTo>
                  <a:lnTo>
                    <a:pt x="24" y="96"/>
                  </a:lnTo>
                  <a:lnTo>
                    <a:pt x="19" y="9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91" name="Freeform 130"/>
            <p:cNvSpPr>
              <a:spLocks noChangeAspect="1"/>
            </p:cNvSpPr>
            <p:nvPr/>
          </p:nvSpPr>
          <p:spPr bwMode="gray">
            <a:xfrm>
              <a:off x="5286375" y="4271963"/>
              <a:ext cx="23813" cy="33338"/>
            </a:xfrm>
            <a:custGeom>
              <a:avLst/>
              <a:gdLst>
                <a:gd name="T0" fmla="*/ 1 w 48"/>
                <a:gd name="T1" fmla="*/ 2 h 66"/>
                <a:gd name="T2" fmla="*/ 0 w 48"/>
                <a:gd name="T3" fmla="*/ 2 h 66"/>
                <a:gd name="T4" fmla="*/ 0 w 48"/>
                <a:gd name="T5" fmla="*/ 1 h 66"/>
                <a:gd name="T6" fmla="*/ 0 w 48"/>
                <a:gd name="T7" fmla="*/ 1 h 66"/>
                <a:gd name="T8" fmla="*/ 1 w 48"/>
                <a:gd name="T9" fmla="*/ 1 h 66"/>
                <a:gd name="T10" fmla="*/ 1 w 48"/>
                <a:gd name="T11" fmla="*/ 0 h 66"/>
                <a:gd name="T12" fmla="*/ 1 w 48"/>
                <a:gd name="T13" fmla="*/ 0 h 66"/>
                <a:gd name="T14" fmla="*/ 1 w 48"/>
                <a:gd name="T15" fmla="*/ 0 h 66"/>
                <a:gd name="T16" fmla="*/ 2 w 48"/>
                <a:gd name="T17" fmla="*/ 0 h 66"/>
                <a:gd name="T18" fmla="*/ 1 w 48"/>
                <a:gd name="T19" fmla="*/ 1 h 66"/>
                <a:gd name="T20" fmla="*/ 1 w 48"/>
                <a:gd name="T21" fmla="*/ 2 h 66"/>
                <a:gd name="T22" fmla="*/ 1 w 48"/>
                <a:gd name="T23" fmla="*/ 2 h 6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48"/>
                <a:gd name="T37" fmla="*/ 0 h 66"/>
                <a:gd name="T38" fmla="*/ 48 w 48"/>
                <a:gd name="T39" fmla="*/ 66 h 66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48" h="66">
                  <a:moveTo>
                    <a:pt x="16" y="66"/>
                  </a:moveTo>
                  <a:lnTo>
                    <a:pt x="8" y="61"/>
                  </a:lnTo>
                  <a:lnTo>
                    <a:pt x="5" y="36"/>
                  </a:lnTo>
                  <a:lnTo>
                    <a:pt x="0" y="30"/>
                  </a:lnTo>
                  <a:lnTo>
                    <a:pt x="20" y="17"/>
                  </a:lnTo>
                  <a:lnTo>
                    <a:pt x="28" y="5"/>
                  </a:lnTo>
                  <a:lnTo>
                    <a:pt x="36" y="0"/>
                  </a:lnTo>
                  <a:lnTo>
                    <a:pt x="42" y="4"/>
                  </a:lnTo>
                  <a:lnTo>
                    <a:pt x="48" y="13"/>
                  </a:lnTo>
                  <a:lnTo>
                    <a:pt x="29" y="27"/>
                  </a:lnTo>
                  <a:lnTo>
                    <a:pt x="24" y="63"/>
                  </a:lnTo>
                  <a:lnTo>
                    <a:pt x="16" y="6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92" name="Freeform 131"/>
            <p:cNvSpPr>
              <a:spLocks noChangeAspect="1"/>
            </p:cNvSpPr>
            <p:nvPr/>
          </p:nvSpPr>
          <p:spPr bwMode="gray">
            <a:xfrm>
              <a:off x="5627688" y="4837113"/>
              <a:ext cx="52388" cy="53975"/>
            </a:xfrm>
            <a:custGeom>
              <a:avLst/>
              <a:gdLst>
                <a:gd name="T0" fmla="*/ 3 w 107"/>
                <a:gd name="T1" fmla="*/ 1 h 110"/>
                <a:gd name="T2" fmla="*/ 3 w 107"/>
                <a:gd name="T3" fmla="*/ 2 h 110"/>
                <a:gd name="T4" fmla="*/ 2 w 107"/>
                <a:gd name="T5" fmla="*/ 2 h 110"/>
                <a:gd name="T6" fmla="*/ 2 w 107"/>
                <a:gd name="T7" fmla="*/ 3 h 110"/>
                <a:gd name="T8" fmla="*/ 2 w 107"/>
                <a:gd name="T9" fmla="*/ 3 h 110"/>
                <a:gd name="T10" fmla="*/ 1 w 107"/>
                <a:gd name="T11" fmla="*/ 3 h 110"/>
                <a:gd name="T12" fmla="*/ 1 w 107"/>
                <a:gd name="T13" fmla="*/ 3 h 110"/>
                <a:gd name="T14" fmla="*/ 0 w 107"/>
                <a:gd name="T15" fmla="*/ 2 h 110"/>
                <a:gd name="T16" fmla="*/ 1 w 107"/>
                <a:gd name="T17" fmla="*/ 1 h 110"/>
                <a:gd name="T18" fmla="*/ 2 w 107"/>
                <a:gd name="T19" fmla="*/ 0 h 110"/>
                <a:gd name="T20" fmla="*/ 2 w 107"/>
                <a:gd name="T21" fmla="*/ 0 h 110"/>
                <a:gd name="T22" fmla="*/ 2 w 107"/>
                <a:gd name="T23" fmla="*/ 0 h 110"/>
                <a:gd name="T24" fmla="*/ 3 w 107"/>
                <a:gd name="T25" fmla="*/ 1 h 110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w 107"/>
                <a:gd name="T40" fmla="*/ 0 h 110"/>
                <a:gd name="T41" fmla="*/ 107 w 107"/>
                <a:gd name="T42" fmla="*/ 110 h 110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T39" t="T40" r="T41" b="T42"/>
              <a:pathLst>
                <a:path w="107" h="110">
                  <a:moveTo>
                    <a:pt x="107" y="42"/>
                  </a:moveTo>
                  <a:lnTo>
                    <a:pt x="107" y="49"/>
                  </a:lnTo>
                  <a:lnTo>
                    <a:pt x="86" y="83"/>
                  </a:lnTo>
                  <a:lnTo>
                    <a:pt x="63" y="91"/>
                  </a:lnTo>
                  <a:lnTo>
                    <a:pt x="48" y="108"/>
                  </a:lnTo>
                  <a:lnTo>
                    <a:pt x="37" y="110"/>
                  </a:lnTo>
                  <a:lnTo>
                    <a:pt x="20" y="94"/>
                  </a:lnTo>
                  <a:lnTo>
                    <a:pt x="0" y="60"/>
                  </a:lnTo>
                  <a:lnTo>
                    <a:pt x="23" y="23"/>
                  </a:lnTo>
                  <a:lnTo>
                    <a:pt x="59" y="1"/>
                  </a:lnTo>
                  <a:lnTo>
                    <a:pt x="71" y="0"/>
                  </a:lnTo>
                  <a:lnTo>
                    <a:pt x="82" y="4"/>
                  </a:lnTo>
                  <a:lnTo>
                    <a:pt x="107" y="4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93" name="Freeform 132"/>
            <p:cNvSpPr>
              <a:spLocks noChangeAspect="1"/>
            </p:cNvSpPr>
            <p:nvPr/>
          </p:nvSpPr>
          <p:spPr bwMode="gray">
            <a:xfrm>
              <a:off x="5710238" y="4767263"/>
              <a:ext cx="26988" cy="36513"/>
            </a:xfrm>
            <a:custGeom>
              <a:avLst/>
              <a:gdLst>
                <a:gd name="T0" fmla="*/ 2 w 56"/>
                <a:gd name="T1" fmla="*/ 2 h 76"/>
                <a:gd name="T2" fmla="*/ 2 w 56"/>
                <a:gd name="T3" fmla="*/ 0 h 76"/>
                <a:gd name="T4" fmla="*/ 1 w 56"/>
                <a:gd name="T5" fmla="*/ 0 h 76"/>
                <a:gd name="T6" fmla="*/ 1 w 56"/>
                <a:gd name="T7" fmla="*/ 0 h 76"/>
                <a:gd name="T8" fmla="*/ 1 w 56"/>
                <a:gd name="T9" fmla="*/ 0 h 76"/>
                <a:gd name="T10" fmla="*/ 0 w 56"/>
                <a:gd name="T11" fmla="*/ 1 h 76"/>
                <a:gd name="T12" fmla="*/ 0 w 56"/>
                <a:gd name="T13" fmla="*/ 2 h 76"/>
                <a:gd name="T14" fmla="*/ 1 w 56"/>
                <a:gd name="T15" fmla="*/ 2 h 76"/>
                <a:gd name="T16" fmla="*/ 1 w 56"/>
                <a:gd name="T17" fmla="*/ 2 h 76"/>
                <a:gd name="T18" fmla="*/ 2 w 56"/>
                <a:gd name="T19" fmla="*/ 2 h 7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56"/>
                <a:gd name="T31" fmla="*/ 0 h 76"/>
                <a:gd name="T32" fmla="*/ 56 w 56"/>
                <a:gd name="T33" fmla="*/ 76 h 7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56" h="76">
                  <a:moveTo>
                    <a:pt x="56" y="52"/>
                  </a:moveTo>
                  <a:lnTo>
                    <a:pt x="53" y="5"/>
                  </a:lnTo>
                  <a:lnTo>
                    <a:pt x="47" y="12"/>
                  </a:lnTo>
                  <a:lnTo>
                    <a:pt x="27" y="0"/>
                  </a:lnTo>
                  <a:lnTo>
                    <a:pt x="15" y="6"/>
                  </a:lnTo>
                  <a:lnTo>
                    <a:pt x="0" y="46"/>
                  </a:lnTo>
                  <a:lnTo>
                    <a:pt x="10" y="72"/>
                  </a:lnTo>
                  <a:lnTo>
                    <a:pt x="28" y="74"/>
                  </a:lnTo>
                  <a:lnTo>
                    <a:pt x="40" y="76"/>
                  </a:lnTo>
                  <a:lnTo>
                    <a:pt x="56" y="5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94" name="Freeform 133"/>
            <p:cNvSpPr>
              <a:spLocks noChangeAspect="1"/>
            </p:cNvSpPr>
            <p:nvPr/>
          </p:nvSpPr>
          <p:spPr bwMode="gray">
            <a:xfrm>
              <a:off x="5688013" y="4083051"/>
              <a:ext cx="119063" cy="122238"/>
            </a:xfrm>
            <a:custGeom>
              <a:avLst/>
              <a:gdLst>
                <a:gd name="T0" fmla="*/ 1 w 244"/>
                <a:gd name="T1" fmla="*/ 4 h 249"/>
                <a:gd name="T2" fmla="*/ 1 w 244"/>
                <a:gd name="T3" fmla="*/ 4 h 249"/>
                <a:gd name="T4" fmla="*/ 1 w 244"/>
                <a:gd name="T5" fmla="*/ 4 h 249"/>
                <a:gd name="T6" fmla="*/ 2 w 244"/>
                <a:gd name="T7" fmla="*/ 3 h 249"/>
                <a:gd name="T8" fmla="*/ 2 w 244"/>
                <a:gd name="T9" fmla="*/ 3 h 249"/>
                <a:gd name="T10" fmla="*/ 2 w 244"/>
                <a:gd name="T11" fmla="*/ 3 h 249"/>
                <a:gd name="T12" fmla="*/ 2 w 244"/>
                <a:gd name="T13" fmla="*/ 2 h 249"/>
                <a:gd name="T14" fmla="*/ 2 w 244"/>
                <a:gd name="T15" fmla="*/ 2 h 249"/>
                <a:gd name="T16" fmla="*/ 2 w 244"/>
                <a:gd name="T17" fmla="*/ 2 h 249"/>
                <a:gd name="T18" fmla="*/ 2 w 244"/>
                <a:gd name="T19" fmla="*/ 2 h 249"/>
                <a:gd name="T20" fmla="*/ 2 w 244"/>
                <a:gd name="T21" fmla="*/ 1 h 249"/>
                <a:gd name="T22" fmla="*/ 2 w 244"/>
                <a:gd name="T23" fmla="*/ 1 h 249"/>
                <a:gd name="T24" fmla="*/ 3 w 244"/>
                <a:gd name="T25" fmla="*/ 1 h 249"/>
                <a:gd name="T26" fmla="*/ 3 w 244"/>
                <a:gd name="T27" fmla="*/ 1 h 249"/>
                <a:gd name="T28" fmla="*/ 4 w 244"/>
                <a:gd name="T29" fmla="*/ 0 h 249"/>
                <a:gd name="T30" fmla="*/ 5 w 244"/>
                <a:gd name="T31" fmla="*/ 0 h 249"/>
                <a:gd name="T32" fmla="*/ 6 w 244"/>
                <a:gd name="T33" fmla="*/ 0 h 249"/>
                <a:gd name="T34" fmla="*/ 6 w 244"/>
                <a:gd name="T35" fmla="*/ 0 h 249"/>
                <a:gd name="T36" fmla="*/ 6 w 244"/>
                <a:gd name="T37" fmla="*/ 1 h 249"/>
                <a:gd name="T38" fmla="*/ 7 w 244"/>
                <a:gd name="T39" fmla="*/ 2 h 249"/>
                <a:gd name="T40" fmla="*/ 7 w 244"/>
                <a:gd name="T41" fmla="*/ 3 h 249"/>
                <a:gd name="T42" fmla="*/ 7 w 244"/>
                <a:gd name="T43" fmla="*/ 3 h 249"/>
                <a:gd name="T44" fmla="*/ 6 w 244"/>
                <a:gd name="T45" fmla="*/ 5 h 249"/>
                <a:gd name="T46" fmla="*/ 6 w 244"/>
                <a:gd name="T47" fmla="*/ 5 h 249"/>
                <a:gd name="T48" fmla="*/ 6 w 244"/>
                <a:gd name="T49" fmla="*/ 5 h 249"/>
                <a:gd name="T50" fmla="*/ 5 w 244"/>
                <a:gd name="T51" fmla="*/ 5 h 249"/>
                <a:gd name="T52" fmla="*/ 5 w 244"/>
                <a:gd name="T53" fmla="*/ 5 h 249"/>
                <a:gd name="T54" fmla="*/ 5 w 244"/>
                <a:gd name="T55" fmla="*/ 5 h 249"/>
                <a:gd name="T56" fmla="*/ 4 w 244"/>
                <a:gd name="T57" fmla="*/ 6 h 249"/>
                <a:gd name="T58" fmla="*/ 4 w 244"/>
                <a:gd name="T59" fmla="*/ 5 h 249"/>
                <a:gd name="T60" fmla="*/ 4 w 244"/>
                <a:gd name="T61" fmla="*/ 5 h 249"/>
                <a:gd name="T62" fmla="*/ 4 w 244"/>
                <a:gd name="T63" fmla="*/ 5 h 249"/>
                <a:gd name="T64" fmla="*/ 4 w 244"/>
                <a:gd name="T65" fmla="*/ 5 h 249"/>
                <a:gd name="T66" fmla="*/ 4 w 244"/>
                <a:gd name="T67" fmla="*/ 6 h 249"/>
                <a:gd name="T68" fmla="*/ 4 w 244"/>
                <a:gd name="T69" fmla="*/ 5 h 249"/>
                <a:gd name="T70" fmla="*/ 3 w 244"/>
                <a:gd name="T71" fmla="*/ 6 h 249"/>
                <a:gd name="T72" fmla="*/ 3 w 244"/>
                <a:gd name="T73" fmla="*/ 6 h 249"/>
                <a:gd name="T74" fmla="*/ 3 w 244"/>
                <a:gd name="T75" fmla="*/ 6 h 249"/>
                <a:gd name="T76" fmla="*/ 3 w 244"/>
                <a:gd name="T77" fmla="*/ 6 h 249"/>
                <a:gd name="T78" fmla="*/ 3 w 244"/>
                <a:gd name="T79" fmla="*/ 6 h 249"/>
                <a:gd name="T80" fmla="*/ 3 w 244"/>
                <a:gd name="T81" fmla="*/ 7 h 249"/>
                <a:gd name="T82" fmla="*/ 3 w 244"/>
                <a:gd name="T83" fmla="*/ 7 h 249"/>
                <a:gd name="T84" fmla="*/ 1 w 244"/>
                <a:gd name="T85" fmla="*/ 7 h 249"/>
                <a:gd name="T86" fmla="*/ 1 w 244"/>
                <a:gd name="T87" fmla="*/ 7 h 249"/>
                <a:gd name="T88" fmla="*/ 1 w 244"/>
                <a:gd name="T89" fmla="*/ 7 h 249"/>
                <a:gd name="T90" fmla="*/ 0 w 244"/>
                <a:gd name="T91" fmla="*/ 7 h 249"/>
                <a:gd name="T92" fmla="*/ 0 w 244"/>
                <a:gd name="T93" fmla="*/ 6 h 249"/>
                <a:gd name="T94" fmla="*/ 0 w 244"/>
                <a:gd name="T95" fmla="*/ 6 h 249"/>
                <a:gd name="T96" fmla="*/ 0 w 244"/>
                <a:gd name="T97" fmla="*/ 5 h 249"/>
                <a:gd name="T98" fmla="*/ 1 w 244"/>
                <a:gd name="T99" fmla="*/ 4 h 249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244"/>
                <a:gd name="T151" fmla="*/ 0 h 249"/>
                <a:gd name="T152" fmla="*/ 244 w 244"/>
                <a:gd name="T153" fmla="*/ 249 h 249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244" h="249">
                  <a:moveTo>
                    <a:pt x="37" y="130"/>
                  </a:moveTo>
                  <a:lnTo>
                    <a:pt x="37" y="137"/>
                  </a:lnTo>
                  <a:lnTo>
                    <a:pt x="42" y="139"/>
                  </a:lnTo>
                  <a:lnTo>
                    <a:pt x="59" y="119"/>
                  </a:lnTo>
                  <a:lnTo>
                    <a:pt x="72" y="110"/>
                  </a:lnTo>
                  <a:lnTo>
                    <a:pt x="77" y="102"/>
                  </a:lnTo>
                  <a:lnTo>
                    <a:pt x="76" y="86"/>
                  </a:lnTo>
                  <a:lnTo>
                    <a:pt x="72" y="86"/>
                  </a:lnTo>
                  <a:lnTo>
                    <a:pt x="55" y="76"/>
                  </a:lnTo>
                  <a:lnTo>
                    <a:pt x="51" y="64"/>
                  </a:lnTo>
                  <a:lnTo>
                    <a:pt x="55" y="20"/>
                  </a:lnTo>
                  <a:lnTo>
                    <a:pt x="60" y="17"/>
                  </a:lnTo>
                  <a:lnTo>
                    <a:pt x="102" y="15"/>
                  </a:lnTo>
                  <a:lnTo>
                    <a:pt x="106" y="21"/>
                  </a:lnTo>
                  <a:lnTo>
                    <a:pt x="142" y="13"/>
                  </a:lnTo>
                  <a:lnTo>
                    <a:pt x="173" y="13"/>
                  </a:lnTo>
                  <a:lnTo>
                    <a:pt x="194" y="0"/>
                  </a:lnTo>
                  <a:lnTo>
                    <a:pt x="211" y="6"/>
                  </a:lnTo>
                  <a:lnTo>
                    <a:pt x="219" y="43"/>
                  </a:lnTo>
                  <a:lnTo>
                    <a:pt x="240" y="60"/>
                  </a:lnTo>
                  <a:lnTo>
                    <a:pt x="244" y="89"/>
                  </a:lnTo>
                  <a:lnTo>
                    <a:pt x="240" y="119"/>
                  </a:lnTo>
                  <a:lnTo>
                    <a:pt x="196" y="178"/>
                  </a:lnTo>
                  <a:lnTo>
                    <a:pt x="194" y="178"/>
                  </a:lnTo>
                  <a:lnTo>
                    <a:pt x="185" y="176"/>
                  </a:lnTo>
                  <a:lnTo>
                    <a:pt x="179" y="179"/>
                  </a:lnTo>
                  <a:lnTo>
                    <a:pt x="168" y="174"/>
                  </a:lnTo>
                  <a:lnTo>
                    <a:pt x="164" y="171"/>
                  </a:lnTo>
                  <a:lnTo>
                    <a:pt x="151" y="184"/>
                  </a:lnTo>
                  <a:lnTo>
                    <a:pt x="145" y="181"/>
                  </a:lnTo>
                  <a:lnTo>
                    <a:pt x="137" y="181"/>
                  </a:lnTo>
                  <a:lnTo>
                    <a:pt x="133" y="178"/>
                  </a:lnTo>
                  <a:lnTo>
                    <a:pt x="131" y="182"/>
                  </a:lnTo>
                  <a:lnTo>
                    <a:pt x="127" y="184"/>
                  </a:lnTo>
                  <a:lnTo>
                    <a:pt x="122" y="182"/>
                  </a:lnTo>
                  <a:lnTo>
                    <a:pt x="119" y="190"/>
                  </a:lnTo>
                  <a:lnTo>
                    <a:pt x="110" y="193"/>
                  </a:lnTo>
                  <a:lnTo>
                    <a:pt x="102" y="195"/>
                  </a:lnTo>
                  <a:lnTo>
                    <a:pt x="100" y="198"/>
                  </a:lnTo>
                  <a:lnTo>
                    <a:pt x="102" y="203"/>
                  </a:lnTo>
                  <a:lnTo>
                    <a:pt x="91" y="227"/>
                  </a:lnTo>
                  <a:lnTo>
                    <a:pt x="96" y="232"/>
                  </a:lnTo>
                  <a:lnTo>
                    <a:pt x="34" y="233"/>
                  </a:lnTo>
                  <a:lnTo>
                    <a:pt x="23" y="237"/>
                  </a:lnTo>
                  <a:lnTo>
                    <a:pt x="15" y="249"/>
                  </a:lnTo>
                  <a:lnTo>
                    <a:pt x="0" y="246"/>
                  </a:lnTo>
                  <a:lnTo>
                    <a:pt x="1" y="204"/>
                  </a:lnTo>
                  <a:lnTo>
                    <a:pt x="1" y="193"/>
                  </a:lnTo>
                  <a:lnTo>
                    <a:pt x="8" y="167"/>
                  </a:lnTo>
                  <a:lnTo>
                    <a:pt x="37" y="13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95" name="Freeform 134"/>
            <p:cNvSpPr>
              <a:spLocks noChangeAspect="1"/>
            </p:cNvSpPr>
            <p:nvPr/>
          </p:nvSpPr>
          <p:spPr bwMode="gray">
            <a:xfrm>
              <a:off x="6059488" y="4386263"/>
              <a:ext cx="6350" cy="1588"/>
            </a:xfrm>
            <a:custGeom>
              <a:avLst/>
              <a:gdLst>
                <a:gd name="T0" fmla="*/ 0 w 11"/>
                <a:gd name="T1" fmla="*/ 0 h 6"/>
                <a:gd name="T2" fmla="*/ 0 w 11"/>
                <a:gd name="T3" fmla="*/ 0 h 6"/>
                <a:gd name="T4" fmla="*/ 0 w 11"/>
                <a:gd name="T5" fmla="*/ 0 h 6"/>
                <a:gd name="T6" fmla="*/ 0 w 11"/>
                <a:gd name="T7" fmla="*/ 0 h 6"/>
                <a:gd name="T8" fmla="*/ 0 w 11"/>
                <a:gd name="T9" fmla="*/ 0 h 6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1"/>
                <a:gd name="T16" fmla="*/ 0 h 6"/>
                <a:gd name="T17" fmla="*/ 11 w 11"/>
                <a:gd name="T18" fmla="*/ 6 h 6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1" h="6">
                  <a:moveTo>
                    <a:pt x="4" y="2"/>
                  </a:moveTo>
                  <a:lnTo>
                    <a:pt x="0" y="4"/>
                  </a:lnTo>
                  <a:lnTo>
                    <a:pt x="4" y="6"/>
                  </a:lnTo>
                  <a:lnTo>
                    <a:pt x="11" y="0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96" name="Freeform 135"/>
            <p:cNvSpPr>
              <a:spLocks noChangeAspect="1"/>
            </p:cNvSpPr>
            <p:nvPr/>
          </p:nvSpPr>
          <p:spPr bwMode="gray">
            <a:xfrm>
              <a:off x="5988050" y="4448176"/>
              <a:ext cx="160338" cy="315913"/>
            </a:xfrm>
            <a:custGeom>
              <a:avLst/>
              <a:gdLst>
                <a:gd name="T0" fmla="*/ 2 w 329"/>
                <a:gd name="T1" fmla="*/ 5 h 652"/>
                <a:gd name="T2" fmla="*/ 2 w 329"/>
                <a:gd name="T3" fmla="*/ 5 h 652"/>
                <a:gd name="T4" fmla="*/ 3 w 329"/>
                <a:gd name="T5" fmla="*/ 5 h 652"/>
                <a:gd name="T6" fmla="*/ 3 w 329"/>
                <a:gd name="T7" fmla="*/ 5 h 652"/>
                <a:gd name="T8" fmla="*/ 4 w 329"/>
                <a:gd name="T9" fmla="*/ 5 h 652"/>
                <a:gd name="T10" fmla="*/ 5 w 329"/>
                <a:gd name="T11" fmla="*/ 5 h 652"/>
                <a:gd name="T12" fmla="*/ 4 w 329"/>
                <a:gd name="T13" fmla="*/ 5 h 652"/>
                <a:gd name="T14" fmla="*/ 5 w 329"/>
                <a:gd name="T15" fmla="*/ 4 h 652"/>
                <a:gd name="T16" fmla="*/ 5 w 329"/>
                <a:gd name="T17" fmla="*/ 4 h 652"/>
                <a:gd name="T18" fmla="*/ 5 w 329"/>
                <a:gd name="T19" fmla="*/ 4 h 652"/>
                <a:gd name="T20" fmla="*/ 6 w 329"/>
                <a:gd name="T21" fmla="*/ 4 h 652"/>
                <a:gd name="T22" fmla="*/ 6 w 329"/>
                <a:gd name="T23" fmla="*/ 3 h 652"/>
                <a:gd name="T24" fmla="*/ 6 w 329"/>
                <a:gd name="T25" fmla="*/ 2 h 652"/>
                <a:gd name="T26" fmla="*/ 6 w 329"/>
                <a:gd name="T27" fmla="*/ 2 h 652"/>
                <a:gd name="T28" fmla="*/ 6 w 329"/>
                <a:gd name="T29" fmla="*/ 2 h 652"/>
                <a:gd name="T30" fmla="*/ 7 w 329"/>
                <a:gd name="T31" fmla="*/ 2 h 652"/>
                <a:gd name="T32" fmla="*/ 7 w 329"/>
                <a:gd name="T33" fmla="*/ 2 h 652"/>
                <a:gd name="T34" fmla="*/ 7 w 329"/>
                <a:gd name="T35" fmla="*/ 0 h 652"/>
                <a:gd name="T36" fmla="*/ 8 w 329"/>
                <a:gd name="T37" fmla="*/ 0 h 652"/>
                <a:gd name="T38" fmla="*/ 10 w 329"/>
                <a:gd name="T39" fmla="*/ 4 h 652"/>
                <a:gd name="T40" fmla="*/ 9 w 329"/>
                <a:gd name="T41" fmla="*/ 5 h 652"/>
                <a:gd name="T42" fmla="*/ 9 w 329"/>
                <a:gd name="T43" fmla="*/ 4 h 652"/>
                <a:gd name="T44" fmla="*/ 9 w 329"/>
                <a:gd name="T45" fmla="*/ 6 h 652"/>
                <a:gd name="T46" fmla="*/ 8 w 329"/>
                <a:gd name="T47" fmla="*/ 9 h 652"/>
                <a:gd name="T48" fmla="*/ 6 w 329"/>
                <a:gd name="T49" fmla="*/ 16 h 652"/>
                <a:gd name="T50" fmla="*/ 5 w 329"/>
                <a:gd name="T51" fmla="*/ 18 h 652"/>
                <a:gd name="T52" fmla="*/ 4 w 329"/>
                <a:gd name="T53" fmla="*/ 18 h 652"/>
                <a:gd name="T54" fmla="*/ 1 w 329"/>
                <a:gd name="T55" fmla="*/ 18 h 652"/>
                <a:gd name="T56" fmla="*/ 1 w 329"/>
                <a:gd name="T57" fmla="*/ 16 h 652"/>
                <a:gd name="T58" fmla="*/ 1 w 329"/>
                <a:gd name="T59" fmla="*/ 15 h 652"/>
                <a:gd name="T60" fmla="*/ 0 w 329"/>
                <a:gd name="T61" fmla="*/ 13 h 652"/>
                <a:gd name="T62" fmla="*/ 1 w 329"/>
                <a:gd name="T63" fmla="*/ 13 h 652"/>
                <a:gd name="T64" fmla="*/ 1 w 329"/>
                <a:gd name="T65" fmla="*/ 12 h 652"/>
                <a:gd name="T66" fmla="*/ 2 w 329"/>
                <a:gd name="T67" fmla="*/ 10 h 652"/>
                <a:gd name="T68" fmla="*/ 1 w 329"/>
                <a:gd name="T69" fmla="*/ 8 h 652"/>
                <a:gd name="T70" fmla="*/ 2 w 329"/>
                <a:gd name="T71" fmla="*/ 6 h 652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329"/>
                <a:gd name="T109" fmla="*/ 0 h 652"/>
                <a:gd name="T110" fmla="*/ 329 w 329"/>
                <a:gd name="T111" fmla="*/ 652 h 652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329" h="652">
                  <a:moveTo>
                    <a:pt x="54" y="192"/>
                  </a:moveTo>
                  <a:lnTo>
                    <a:pt x="60" y="187"/>
                  </a:lnTo>
                  <a:lnTo>
                    <a:pt x="78" y="187"/>
                  </a:lnTo>
                  <a:lnTo>
                    <a:pt x="89" y="179"/>
                  </a:lnTo>
                  <a:lnTo>
                    <a:pt x="95" y="184"/>
                  </a:lnTo>
                  <a:lnTo>
                    <a:pt x="100" y="179"/>
                  </a:lnTo>
                  <a:lnTo>
                    <a:pt x="105" y="181"/>
                  </a:lnTo>
                  <a:lnTo>
                    <a:pt x="110" y="170"/>
                  </a:lnTo>
                  <a:lnTo>
                    <a:pt x="123" y="170"/>
                  </a:lnTo>
                  <a:lnTo>
                    <a:pt x="129" y="166"/>
                  </a:lnTo>
                  <a:lnTo>
                    <a:pt x="143" y="183"/>
                  </a:lnTo>
                  <a:lnTo>
                    <a:pt x="156" y="183"/>
                  </a:lnTo>
                  <a:lnTo>
                    <a:pt x="146" y="167"/>
                  </a:lnTo>
                  <a:lnTo>
                    <a:pt x="146" y="159"/>
                  </a:lnTo>
                  <a:lnTo>
                    <a:pt x="165" y="144"/>
                  </a:lnTo>
                  <a:lnTo>
                    <a:pt x="171" y="147"/>
                  </a:lnTo>
                  <a:lnTo>
                    <a:pt x="173" y="157"/>
                  </a:lnTo>
                  <a:lnTo>
                    <a:pt x="183" y="155"/>
                  </a:lnTo>
                  <a:lnTo>
                    <a:pt x="176" y="141"/>
                  </a:lnTo>
                  <a:lnTo>
                    <a:pt x="186" y="124"/>
                  </a:lnTo>
                  <a:lnTo>
                    <a:pt x="193" y="116"/>
                  </a:lnTo>
                  <a:lnTo>
                    <a:pt x="193" y="133"/>
                  </a:lnTo>
                  <a:lnTo>
                    <a:pt x="207" y="116"/>
                  </a:lnTo>
                  <a:lnTo>
                    <a:pt x="219" y="116"/>
                  </a:lnTo>
                  <a:lnTo>
                    <a:pt x="203" y="105"/>
                  </a:lnTo>
                  <a:lnTo>
                    <a:pt x="213" y="90"/>
                  </a:lnTo>
                  <a:lnTo>
                    <a:pt x="219" y="95"/>
                  </a:lnTo>
                  <a:lnTo>
                    <a:pt x="213" y="67"/>
                  </a:lnTo>
                  <a:lnTo>
                    <a:pt x="215" y="64"/>
                  </a:lnTo>
                  <a:lnTo>
                    <a:pt x="224" y="67"/>
                  </a:lnTo>
                  <a:lnTo>
                    <a:pt x="228" y="76"/>
                  </a:lnTo>
                  <a:lnTo>
                    <a:pt x="241" y="51"/>
                  </a:lnTo>
                  <a:lnTo>
                    <a:pt x="245" y="56"/>
                  </a:lnTo>
                  <a:lnTo>
                    <a:pt x="254" y="51"/>
                  </a:lnTo>
                  <a:lnTo>
                    <a:pt x="259" y="20"/>
                  </a:lnTo>
                  <a:lnTo>
                    <a:pt x="254" y="11"/>
                  </a:lnTo>
                  <a:lnTo>
                    <a:pt x="258" y="13"/>
                  </a:lnTo>
                  <a:lnTo>
                    <a:pt x="273" y="0"/>
                  </a:lnTo>
                  <a:lnTo>
                    <a:pt x="304" y="39"/>
                  </a:lnTo>
                  <a:lnTo>
                    <a:pt x="329" y="152"/>
                  </a:lnTo>
                  <a:lnTo>
                    <a:pt x="324" y="175"/>
                  </a:lnTo>
                  <a:lnTo>
                    <a:pt x="317" y="175"/>
                  </a:lnTo>
                  <a:lnTo>
                    <a:pt x="309" y="152"/>
                  </a:lnTo>
                  <a:lnTo>
                    <a:pt x="300" y="153"/>
                  </a:lnTo>
                  <a:lnTo>
                    <a:pt x="298" y="186"/>
                  </a:lnTo>
                  <a:lnTo>
                    <a:pt x="303" y="209"/>
                  </a:lnTo>
                  <a:lnTo>
                    <a:pt x="287" y="237"/>
                  </a:lnTo>
                  <a:lnTo>
                    <a:pt x="278" y="306"/>
                  </a:lnTo>
                  <a:lnTo>
                    <a:pt x="242" y="407"/>
                  </a:lnTo>
                  <a:lnTo>
                    <a:pt x="199" y="574"/>
                  </a:lnTo>
                  <a:lnTo>
                    <a:pt x="188" y="599"/>
                  </a:lnTo>
                  <a:lnTo>
                    <a:pt x="177" y="618"/>
                  </a:lnTo>
                  <a:lnTo>
                    <a:pt x="160" y="628"/>
                  </a:lnTo>
                  <a:lnTo>
                    <a:pt x="126" y="633"/>
                  </a:lnTo>
                  <a:lnTo>
                    <a:pt x="89" y="652"/>
                  </a:lnTo>
                  <a:lnTo>
                    <a:pt x="41" y="618"/>
                  </a:lnTo>
                  <a:lnTo>
                    <a:pt x="29" y="599"/>
                  </a:lnTo>
                  <a:lnTo>
                    <a:pt x="21" y="568"/>
                  </a:lnTo>
                  <a:lnTo>
                    <a:pt x="24" y="548"/>
                  </a:lnTo>
                  <a:lnTo>
                    <a:pt x="15" y="523"/>
                  </a:lnTo>
                  <a:lnTo>
                    <a:pt x="1" y="503"/>
                  </a:lnTo>
                  <a:lnTo>
                    <a:pt x="0" y="466"/>
                  </a:lnTo>
                  <a:lnTo>
                    <a:pt x="12" y="441"/>
                  </a:lnTo>
                  <a:lnTo>
                    <a:pt x="18" y="435"/>
                  </a:lnTo>
                  <a:lnTo>
                    <a:pt x="26" y="432"/>
                  </a:lnTo>
                  <a:lnTo>
                    <a:pt x="32" y="409"/>
                  </a:lnTo>
                  <a:lnTo>
                    <a:pt x="60" y="364"/>
                  </a:lnTo>
                  <a:lnTo>
                    <a:pt x="61" y="352"/>
                  </a:lnTo>
                  <a:lnTo>
                    <a:pt x="46" y="314"/>
                  </a:lnTo>
                  <a:lnTo>
                    <a:pt x="41" y="265"/>
                  </a:lnTo>
                  <a:lnTo>
                    <a:pt x="32" y="252"/>
                  </a:lnTo>
                  <a:lnTo>
                    <a:pt x="54" y="206"/>
                  </a:lnTo>
                  <a:lnTo>
                    <a:pt x="54" y="19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97" name="Freeform 136"/>
            <p:cNvSpPr>
              <a:spLocks noChangeAspect="1"/>
            </p:cNvSpPr>
            <p:nvPr/>
          </p:nvSpPr>
          <p:spPr bwMode="gray">
            <a:xfrm>
              <a:off x="5164138" y="4164013"/>
              <a:ext cx="6350" cy="7938"/>
            </a:xfrm>
            <a:custGeom>
              <a:avLst/>
              <a:gdLst>
                <a:gd name="T0" fmla="*/ 0 w 14"/>
                <a:gd name="T1" fmla="*/ 0 h 17"/>
                <a:gd name="T2" fmla="*/ 0 w 14"/>
                <a:gd name="T3" fmla="*/ 0 h 17"/>
                <a:gd name="T4" fmla="*/ 0 w 14"/>
                <a:gd name="T5" fmla="*/ 0 h 17"/>
                <a:gd name="T6" fmla="*/ 0 w 14"/>
                <a:gd name="T7" fmla="*/ 0 h 17"/>
                <a:gd name="T8" fmla="*/ 0 w 14"/>
                <a:gd name="T9" fmla="*/ 0 h 17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4"/>
                <a:gd name="T16" fmla="*/ 0 h 17"/>
                <a:gd name="T17" fmla="*/ 14 w 14"/>
                <a:gd name="T18" fmla="*/ 17 h 17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4" h="17">
                  <a:moveTo>
                    <a:pt x="7" y="0"/>
                  </a:moveTo>
                  <a:lnTo>
                    <a:pt x="14" y="9"/>
                  </a:lnTo>
                  <a:lnTo>
                    <a:pt x="5" y="17"/>
                  </a:lnTo>
                  <a:lnTo>
                    <a:pt x="0" y="8"/>
                  </a:lnTo>
                  <a:lnTo>
                    <a:pt x="7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98" name="Freeform 137"/>
            <p:cNvSpPr>
              <a:spLocks noChangeAspect="1"/>
            </p:cNvSpPr>
            <p:nvPr/>
          </p:nvSpPr>
          <p:spPr bwMode="gray">
            <a:xfrm>
              <a:off x="5570538" y="3429001"/>
              <a:ext cx="252413" cy="247650"/>
            </a:xfrm>
            <a:custGeom>
              <a:avLst/>
              <a:gdLst>
                <a:gd name="T0" fmla="*/ 13 w 515"/>
                <a:gd name="T1" fmla="*/ 1 h 508"/>
                <a:gd name="T2" fmla="*/ 12 w 515"/>
                <a:gd name="T3" fmla="*/ 1 h 508"/>
                <a:gd name="T4" fmla="*/ 11 w 515"/>
                <a:gd name="T5" fmla="*/ 1 h 508"/>
                <a:gd name="T6" fmla="*/ 10 w 515"/>
                <a:gd name="T7" fmla="*/ 1 h 508"/>
                <a:gd name="T8" fmla="*/ 10 w 515"/>
                <a:gd name="T9" fmla="*/ 0 h 508"/>
                <a:gd name="T10" fmla="*/ 9 w 515"/>
                <a:gd name="T11" fmla="*/ 0 h 508"/>
                <a:gd name="T12" fmla="*/ 8 w 515"/>
                <a:gd name="T13" fmla="*/ 1 h 508"/>
                <a:gd name="T14" fmla="*/ 8 w 515"/>
                <a:gd name="T15" fmla="*/ 0 h 508"/>
                <a:gd name="T16" fmla="*/ 3 w 515"/>
                <a:gd name="T17" fmla="*/ 0 h 508"/>
                <a:gd name="T18" fmla="*/ 1 w 515"/>
                <a:gd name="T19" fmla="*/ 0 h 508"/>
                <a:gd name="T20" fmla="*/ 1 w 515"/>
                <a:gd name="T21" fmla="*/ 0 h 508"/>
                <a:gd name="T22" fmla="*/ 0 w 515"/>
                <a:gd name="T23" fmla="*/ 2 h 508"/>
                <a:gd name="T24" fmla="*/ 0 w 515"/>
                <a:gd name="T25" fmla="*/ 3 h 508"/>
                <a:gd name="T26" fmla="*/ 0 w 515"/>
                <a:gd name="T27" fmla="*/ 3 h 508"/>
                <a:gd name="T28" fmla="*/ 1 w 515"/>
                <a:gd name="T29" fmla="*/ 5 h 508"/>
                <a:gd name="T30" fmla="*/ 1 w 515"/>
                <a:gd name="T31" fmla="*/ 8 h 508"/>
                <a:gd name="T32" fmla="*/ 1 w 515"/>
                <a:gd name="T33" fmla="*/ 10 h 508"/>
                <a:gd name="T34" fmla="*/ 1 w 515"/>
                <a:gd name="T35" fmla="*/ 13 h 508"/>
                <a:gd name="T36" fmla="*/ 2 w 515"/>
                <a:gd name="T37" fmla="*/ 14 h 508"/>
                <a:gd name="T38" fmla="*/ 4 w 515"/>
                <a:gd name="T39" fmla="*/ 14 h 508"/>
                <a:gd name="T40" fmla="*/ 6 w 515"/>
                <a:gd name="T41" fmla="*/ 14 h 508"/>
                <a:gd name="T42" fmla="*/ 8 w 515"/>
                <a:gd name="T43" fmla="*/ 14 h 508"/>
                <a:gd name="T44" fmla="*/ 9 w 515"/>
                <a:gd name="T45" fmla="*/ 14 h 508"/>
                <a:gd name="T46" fmla="*/ 9 w 515"/>
                <a:gd name="T47" fmla="*/ 14 h 508"/>
                <a:gd name="T48" fmla="*/ 12 w 515"/>
                <a:gd name="T49" fmla="*/ 14 h 508"/>
                <a:gd name="T50" fmla="*/ 13 w 515"/>
                <a:gd name="T51" fmla="*/ 15 h 508"/>
                <a:gd name="T52" fmla="*/ 14 w 515"/>
                <a:gd name="T53" fmla="*/ 14 h 508"/>
                <a:gd name="T54" fmla="*/ 15 w 515"/>
                <a:gd name="T55" fmla="*/ 13 h 508"/>
                <a:gd name="T56" fmla="*/ 15 w 515"/>
                <a:gd name="T57" fmla="*/ 12 h 508"/>
                <a:gd name="T58" fmla="*/ 14 w 515"/>
                <a:gd name="T59" fmla="*/ 11 h 508"/>
                <a:gd name="T60" fmla="*/ 12 w 515"/>
                <a:gd name="T61" fmla="*/ 7 h 508"/>
                <a:gd name="T62" fmla="*/ 12 w 515"/>
                <a:gd name="T63" fmla="*/ 6 h 508"/>
                <a:gd name="T64" fmla="*/ 11 w 515"/>
                <a:gd name="T65" fmla="*/ 4 h 508"/>
                <a:gd name="T66" fmla="*/ 10 w 515"/>
                <a:gd name="T67" fmla="*/ 3 h 508"/>
                <a:gd name="T68" fmla="*/ 11 w 515"/>
                <a:gd name="T69" fmla="*/ 3 h 508"/>
                <a:gd name="T70" fmla="*/ 12 w 515"/>
                <a:gd name="T71" fmla="*/ 5 h 508"/>
                <a:gd name="T72" fmla="*/ 13 w 515"/>
                <a:gd name="T73" fmla="*/ 6 h 508"/>
                <a:gd name="T74" fmla="*/ 14 w 515"/>
                <a:gd name="T75" fmla="*/ 3 h 508"/>
                <a:gd name="T76" fmla="*/ 13 w 515"/>
                <a:gd name="T77" fmla="*/ 2 h 508"/>
                <a:gd name="T78" fmla="*/ 13 w 515"/>
                <a:gd name="T79" fmla="*/ 1 h 508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515"/>
                <a:gd name="T121" fmla="*/ 0 h 508"/>
                <a:gd name="T122" fmla="*/ 515 w 515"/>
                <a:gd name="T123" fmla="*/ 508 h 508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515" h="508">
                  <a:moveTo>
                    <a:pt x="441" y="25"/>
                  </a:moveTo>
                  <a:lnTo>
                    <a:pt x="438" y="17"/>
                  </a:lnTo>
                  <a:lnTo>
                    <a:pt x="413" y="30"/>
                  </a:lnTo>
                  <a:lnTo>
                    <a:pt x="394" y="33"/>
                  </a:lnTo>
                  <a:lnTo>
                    <a:pt x="390" y="29"/>
                  </a:lnTo>
                  <a:lnTo>
                    <a:pt x="367" y="33"/>
                  </a:lnTo>
                  <a:lnTo>
                    <a:pt x="360" y="24"/>
                  </a:lnTo>
                  <a:lnTo>
                    <a:pt x="350" y="21"/>
                  </a:lnTo>
                  <a:lnTo>
                    <a:pt x="350" y="22"/>
                  </a:lnTo>
                  <a:lnTo>
                    <a:pt x="336" y="5"/>
                  </a:lnTo>
                  <a:lnTo>
                    <a:pt x="326" y="8"/>
                  </a:lnTo>
                  <a:lnTo>
                    <a:pt x="304" y="8"/>
                  </a:lnTo>
                  <a:lnTo>
                    <a:pt x="297" y="7"/>
                  </a:lnTo>
                  <a:lnTo>
                    <a:pt x="274" y="17"/>
                  </a:lnTo>
                  <a:lnTo>
                    <a:pt x="282" y="7"/>
                  </a:lnTo>
                  <a:lnTo>
                    <a:pt x="261" y="10"/>
                  </a:lnTo>
                  <a:lnTo>
                    <a:pt x="201" y="44"/>
                  </a:lnTo>
                  <a:lnTo>
                    <a:pt x="104" y="10"/>
                  </a:lnTo>
                  <a:lnTo>
                    <a:pt x="57" y="2"/>
                  </a:lnTo>
                  <a:lnTo>
                    <a:pt x="29" y="7"/>
                  </a:lnTo>
                  <a:lnTo>
                    <a:pt x="21" y="0"/>
                  </a:lnTo>
                  <a:lnTo>
                    <a:pt x="16" y="2"/>
                  </a:lnTo>
                  <a:lnTo>
                    <a:pt x="6" y="17"/>
                  </a:lnTo>
                  <a:lnTo>
                    <a:pt x="11" y="69"/>
                  </a:lnTo>
                  <a:lnTo>
                    <a:pt x="0" y="83"/>
                  </a:lnTo>
                  <a:lnTo>
                    <a:pt x="1" y="100"/>
                  </a:lnTo>
                  <a:lnTo>
                    <a:pt x="9" y="112"/>
                  </a:lnTo>
                  <a:lnTo>
                    <a:pt x="6" y="122"/>
                  </a:lnTo>
                  <a:lnTo>
                    <a:pt x="21" y="137"/>
                  </a:lnTo>
                  <a:lnTo>
                    <a:pt x="21" y="183"/>
                  </a:lnTo>
                  <a:lnTo>
                    <a:pt x="21" y="228"/>
                  </a:lnTo>
                  <a:lnTo>
                    <a:pt x="21" y="274"/>
                  </a:lnTo>
                  <a:lnTo>
                    <a:pt x="21" y="318"/>
                  </a:lnTo>
                  <a:lnTo>
                    <a:pt x="21" y="364"/>
                  </a:lnTo>
                  <a:lnTo>
                    <a:pt x="21" y="408"/>
                  </a:lnTo>
                  <a:lnTo>
                    <a:pt x="21" y="452"/>
                  </a:lnTo>
                  <a:lnTo>
                    <a:pt x="21" y="496"/>
                  </a:lnTo>
                  <a:lnTo>
                    <a:pt x="57" y="496"/>
                  </a:lnTo>
                  <a:lnTo>
                    <a:pt x="93" y="496"/>
                  </a:lnTo>
                  <a:lnTo>
                    <a:pt x="128" y="496"/>
                  </a:lnTo>
                  <a:lnTo>
                    <a:pt x="165" y="496"/>
                  </a:lnTo>
                  <a:lnTo>
                    <a:pt x="201" y="496"/>
                  </a:lnTo>
                  <a:lnTo>
                    <a:pt x="236" y="496"/>
                  </a:lnTo>
                  <a:lnTo>
                    <a:pt x="272" y="496"/>
                  </a:lnTo>
                  <a:lnTo>
                    <a:pt x="308" y="496"/>
                  </a:lnTo>
                  <a:lnTo>
                    <a:pt x="314" y="486"/>
                  </a:lnTo>
                  <a:lnTo>
                    <a:pt x="319" y="486"/>
                  </a:lnTo>
                  <a:lnTo>
                    <a:pt x="316" y="496"/>
                  </a:lnTo>
                  <a:lnTo>
                    <a:pt x="356" y="496"/>
                  </a:lnTo>
                  <a:lnTo>
                    <a:pt x="397" y="496"/>
                  </a:lnTo>
                  <a:lnTo>
                    <a:pt x="414" y="508"/>
                  </a:lnTo>
                  <a:lnTo>
                    <a:pt x="436" y="506"/>
                  </a:lnTo>
                  <a:lnTo>
                    <a:pt x="441" y="486"/>
                  </a:lnTo>
                  <a:lnTo>
                    <a:pt x="467" y="479"/>
                  </a:lnTo>
                  <a:lnTo>
                    <a:pt x="478" y="454"/>
                  </a:lnTo>
                  <a:lnTo>
                    <a:pt x="489" y="457"/>
                  </a:lnTo>
                  <a:lnTo>
                    <a:pt x="507" y="442"/>
                  </a:lnTo>
                  <a:lnTo>
                    <a:pt x="501" y="401"/>
                  </a:lnTo>
                  <a:lnTo>
                    <a:pt x="515" y="400"/>
                  </a:lnTo>
                  <a:lnTo>
                    <a:pt x="487" y="372"/>
                  </a:lnTo>
                  <a:lnTo>
                    <a:pt x="434" y="271"/>
                  </a:lnTo>
                  <a:lnTo>
                    <a:pt x="425" y="234"/>
                  </a:lnTo>
                  <a:lnTo>
                    <a:pt x="413" y="215"/>
                  </a:lnTo>
                  <a:lnTo>
                    <a:pt x="410" y="194"/>
                  </a:lnTo>
                  <a:lnTo>
                    <a:pt x="385" y="171"/>
                  </a:lnTo>
                  <a:lnTo>
                    <a:pt x="373" y="148"/>
                  </a:lnTo>
                  <a:lnTo>
                    <a:pt x="370" y="126"/>
                  </a:lnTo>
                  <a:lnTo>
                    <a:pt x="360" y="109"/>
                  </a:lnTo>
                  <a:lnTo>
                    <a:pt x="367" y="86"/>
                  </a:lnTo>
                  <a:lnTo>
                    <a:pt x="377" y="114"/>
                  </a:lnTo>
                  <a:lnTo>
                    <a:pt x="397" y="148"/>
                  </a:lnTo>
                  <a:lnTo>
                    <a:pt x="400" y="163"/>
                  </a:lnTo>
                  <a:lnTo>
                    <a:pt x="436" y="203"/>
                  </a:lnTo>
                  <a:lnTo>
                    <a:pt x="453" y="197"/>
                  </a:lnTo>
                  <a:lnTo>
                    <a:pt x="455" y="177"/>
                  </a:lnTo>
                  <a:lnTo>
                    <a:pt x="473" y="120"/>
                  </a:lnTo>
                  <a:lnTo>
                    <a:pt x="463" y="95"/>
                  </a:lnTo>
                  <a:lnTo>
                    <a:pt x="455" y="69"/>
                  </a:lnTo>
                  <a:lnTo>
                    <a:pt x="447" y="44"/>
                  </a:lnTo>
                  <a:lnTo>
                    <a:pt x="441" y="2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799" name="Freeform 138"/>
            <p:cNvSpPr>
              <a:spLocks noChangeAspect="1"/>
            </p:cNvSpPr>
            <p:nvPr/>
          </p:nvSpPr>
          <p:spPr bwMode="gray">
            <a:xfrm>
              <a:off x="5019675" y="3633788"/>
              <a:ext cx="358775" cy="276225"/>
            </a:xfrm>
            <a:custGeom>
              <a:avLst/>
              <a:gdLst>
                <a:gd name="T0" fmla="*/ 6 w 735"/>
                <a:gd name="T1" fmla="*/ 7 h 567"/>
                <a:gd name="T2" fmla="*/ 6 w 735"/>
                <a:gd name="T3" fmla="*/ 10 h 567"/>
                <a:gd name="T4" fmla="*/ 5 w 735"/>
                <a:gd name="T5" fmla="*/ 11 h 567"/>
                <a:gd name="T6" fmla="*/ 3 w 735"/>
                <a:gd name="T7" fmla="*/ 11 h 567"/>
                <a:gd name="T8" fmla="*/ 1 w 735"/>
                <a:gd name="T9" fmla="*/ 12 h 567"/>
                <a:gd name="T10" fmla="*/ 0 w 735"/>
                <a:gd name="T11" fmla="*/ 13 h 567"/>
                <a:gd name="T12" fmla="*/ 0 w 735"/>
                <a:gd name="T13" fmla="*/ 13 h 567"/>
                <a:gd name="T14" fmla="*/ 2 w 735"/>
                <a:gd name="T15" fmla="*/ 15 h 567"/>
                <a:gd name="T16" fmla="*/ 2 w 735"/>
                <a:gd name="T17" fmla="*/ 15 h 567"/>
                <a:gd name="T18" fmla="*/ 3 w 735"/>
                <a:gd name="T19" fmla="*/ 15 h 567"/>
                <a:gd name="T20" fmla="*/ 3 w 735"/>
                <a:gd name="T21" fmla="*/ 16 h 567"/>
                <a:gd name="T22" fmla="*/ 3 w 735"/>
                <a:gd name="T23" fmla="*/ 16 h 567"/>
                <a:gd name="T24" fmla="*/ 4 w 735"/>
                <a:gd name="T25" fmla="*/ 16 h 567"/>
                <a:gd name="T26" fmla="*/ 5 w 735"/>
                <a:gd name="T27" fmla="*/ 15 h 567"/>
                <a:gd name="T28" fmla="*/ 6 w 735"/>
                <a:gd name="T29" fmla="*/ 14 h 567"/>
                <a:gd name="T30" fmla="*/ 7 w 735"/>
                <a:gd name="T31" fmla="*/ 14 h 567"/>
                <a:gd name="T32" fmla="*/ 9 w 735"/>
                <a:gd name="T33" fmla="*/ 15 h 567"/>
                <a:gd name="T34" fmla="*/ 10 w 735"/>
                <a:gd name="T35" fmla="*/ 14 h 567"/>
                <a:gd name="T36" fmla="*/ 12 w 735"/>
                <a:gd name="T37" fmla="*/ 15 h 567"/>
                <a:gd name="T38" fmla="*/ 13 w 735"/>
                <a:gd name="T39" fmla="*/ 15 h 567"/>
                <a:gd name="T40" fmla="*/ 15 w 735"/>
                <a:gd name="T41" fmla="*/ 14 h 567"/>
                <a:gd name="T42" fmla="*/ 17 w 735"/>
                <a:gd name="T43" fmla="*/ 14 h 567"/>
                <a:gd name="T44" fmla="*/ 18 w 735"/>
                <a:gd name="T45" fmla="*/ 14 h 567"/>
                <a:gd name="T46" fmla="*/ 18 w 735"/>
                <a:gd name="T47" fmla="*/ 13 h 567"/>
                <a:gd name="T48" fmla="*/ 18 w 735"/>
                <a:gd name="T49" fmla="*/ 12 h 567"/>
                <a:gd name="T50" fmla="*/ 21 w 735"/>
                <a:gd name="T51" fmla="*/ 9 h 567"/>
                <a:gd name="T52" fmla="*/ 21 w 735"/>
                <a:gd name="T53" fmla="*/ 5 h 567"/>
                <a:gd name="T54" fmla="*/ 21 w 735"/>
                <a:gd name="T55" fmla="*/ 4 h 567"/>
                <a:gd name="T56" fmla="*/ 20 w 735"/>
                <a:gd name="T57" fmla="*/ 1 h 567"/>
                <a:gd name="T58" fmla="*/ 19 w 735"/>
                <a:gd name="T59" fmla="*/ 1 h 567"/>
                <a:gd name="T60" fmla="*/ 16 w 735"/>
                <a:gd name="T61" fmla="*/ 0 h 567"/>
                <a:gd name="T62" fmla="*/ 14 w 735"/>
                <a:gd name="T63" fmla="*/ 1 h 567"/>
                <a:gd name="T64" fmla="*/ 13 w 735"/>
                <a:gd name="T65" fmla="*/ 2 h 567"/>
                <a:gd name="T66" fmla="*/ 12 w 735"/>
                <a:gd name="T67" fmla="*/ 2 h 567"/>
                <a:gd name="T68" fmla="*/ 10 w 735"/>
                <a:gd name="T69" fmla="*/ 3 h 567"/>
                <a:gd name="T70" fmla="*/ 9 w 735"/>
                <a:gd name="T71" fmla="*/ 5 h 567"/>
                <a:gd name="T72" fmla="*/ 8 w 735"/>
                <a:gd name="T73" fmla="*/ 6 h 567"/>
                <a:gd name="T74" fmla="*/ 6 w 735"/>
                <a:gd name="T75" fmla="*/ 6 h 567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w 735"/>
                <a:gd name="T115" fmla="*/ 0 h 567"/>
                <a:gd name="T116" fmla="*/ 735 w 735"/>
                <a:gd name="T117" fmla="*/ 567 h 567"/>
              </a:gdLst>
              <a:ahLst/>
              <a:cxnLst>
                <a:cxn ang="T76">
                  <a:pos x="T0" y="T1"/>
                </a:cxn>
                <a:cxn ang="T77">
                  <a:pos x="T2" y="T3"/>
                </a:cxn>
                <a:cxn ang="T78">
                  <a:pos x="T4" y="T5"/>
                </a:cxn>
                <a:cxn ang="T79">
                  <a:pos x="T6" y="T7"/>
                </a:cxn>
                <a:cxn ang="T80">
                  <a:pos x="T8" y="T9"/>
                </a:cxn>
                <a:cxn ang="T81">
                  <a:pos x="T10" y="T11"/>
                </a:cxn>
                <a:cxn ang="T82">
                  <a:pos x="T12" y="T13"/>
                </a:cxn>
                <a:cxn ang="T83">
                  <a:pos x="T14" y="T15"/>
                </a:cxn>
                <a:cxn ang="T84">
                  <a:pos x="T16" y="T17"/>
                </a:cxn>
                <a:cxn ang="T85">
                  <a:pos x="T18" y="T19"/>
                </a:cxn>
                <a:cxn ang="T86">
                  <a:pos x="T20" y="T21"/>
                </a:cxn>
                <a:cxn ang="T87">
                  <a:pos x="T22" y="T23"/>
                </a:cxn>
                <a:cxn ang="T88">
                  <a:pos x="T24" y="T25"/>
                </a:cxn>
                <a:cxn ang="T89">
                  <a:pos x="T26" y="T27"/>
                </a:cxn>
                <a:cxn ang="T90">
                  <a:pos x="T28" y="T29"/>
                </a:cxn>
                <a:cxn ang="T91">
                  <a:pos x="T30" y="T31"/>
                </a:cxn>
                <a:cxn ang="T92">
                  <a:pos x="T32" y="T33"/>
                </a:cxn>
                <a:cxn ang="T93">
                  <a:pos x="T34" y="T35"/>
                </a:cxn>
                <a:cxn ang="T94">
                  <a:pos x="T36" y="T37"/>
                </a:cxn>
                <a:cxn ang="T95">
                  <a:pos x="T38" y="T39"/>
                </a:cxn>
                <a:cxn ang="T96">
                  <a:pos x="T40" y="T41"/>
                </a:cxn>
                <a:cxn ang="T97">
                  <a:pos x="T42" y="T43"/>
                </a:cxn>
                <a:cxn ang="T98">
                  <a:pos x="T44" y="T45"/>
                </a:cxn>
                <a:cxn ang="T99">
                  <a:pos x="T46" y="T47"/>
                </a:cxn>
                <a:cxn ang="T100">
                  <a:pos x="T48" y="T49"/>
                </a:cxn>
                <a:cxn ang="T101">
                  <a:pos x="T50" y="T51"/>
                </a:cxn>
                <a:cxn ang="T102">
                  <a:pos x="T52" y="T53"/>
                </a:cxn>
                <a:cxn ang="T103">
                  <a:pos x="T54" y="T55"/>
                </a:cxn>
                <a:cxn ang="T104">
                  <a:pos x="T56" y="T57"/>
                </a:cxn>
                <a:cxn ang="T105">
                  <a:pos x="T58" y="T59"/>
                </a:cxn>
                <a:cxn ang="T106">
                  <a:pos x="T60" y="T61"/>
                </a:cxn>
                <a:cxn ang="T107">
                  <a:pos x="T62" y="T63"/>
                </a:cxn>
                <a:cxn ang="T108">
                  <a:pos x="T64" y="T65"/>
                </a:cxn>
                <a:cxn ang="T109">
                  <a:pos x="T66" y="T67"/>
                </a:cxn>
                <a:cxn ang="T110">
                  <a:pos x="T68" y="T69"/>
                </a:cxn>
                <a:cxn ang="T111">
                  <a:pos x="T70" y="T71"/>
                </a:cxn>
                <a:cxn ang="T112">
                  <a:pos x="T72" y="T73"/>
                </a:cxn>
                <a:cxn ang="T113">
                  <a:pos x="T74" y="T75"/>
                </a:cxn>
              </a:cxnLst>
              <a:rect l="T114" t="T115" r="T116" b="T117"/>
              <a:pathLst>
                <a:path w="735" h="567">
                  <a:moveTo>
                    <a:pt x="189" y="213"/>
                  </a:moveTo>
                  <a:lnTo>
                    <a:pt x="189" y="251"/>
                  </a:lnTo>
                  <a:lnTo>
                    <a:pt x="189" y="289"/>
                  </a:lnTo>
                  <a:lnTo>
                    <a:pt x="189" y="327"/>
                  </a:lnTo>
                  <a:lnTo>
                    <a:pt x="190" y="364"/>
                  </a:lnTo>
                  <a:lnTo>
                    <a:pt x="176" y="368"/>
                  </a:lnTo>
                  <a:lnTo>
                    <a:pt x="156" y="396"/>
                  </a:lnTo>
                  <a:lnTo>
                    <a:pt x="109" y="396"/>
                  </a:lnTo>
                  <a:lnTo>
                    <a:pt x="59" y="396"/>
                  </a:lnTo>
                  <a:lnTo>
                    <a:pt x="36" y="413"/>
                  </a:lnTo>
                  <a:lnTo>
                    <a:pt x="6" y="413"/>
                  </a:lnTo>
                  <a:lnTo>
                    <a:pt x="0" y="435"/>
                  </a:lnTo>
                  <a:lnTo>
                    <a:pt x="11" y="444"/>
                  </a:lnTo>
                  <a:lnTo>
                    <a:pt x="14" y="461"/>
                  </a:lnTo>
                  <a:lnTo>
                    <a:pt x="37" y="484"/>
                  </a:lnTo>
                  <a:lnTo>
                    <a:pt x="62" y="520"/>
                  </a:lnTo>
                  <a:lnTo>
                    <a:pt x="75" y="526"/>
                  </a:lnTo>
                  <a:lnTo>
                    <a:pt x="87" y="520"/>
                  </a:lnTo>
                  <a:lnTo>
                    <a:pt x="96" y="523"/>
                  </a:lnTo>
                  <a:lnTo>
                    <a:pt x="102" y="534"/>
                  </a:lnTo>
                  <a:lnTo>
                    <a:pt x="93" y="537"/>
                  </a:lnTo>
                  <a:lnTo>
                    <a:pt x="93" y="542"/>
                  </a:lnTo>
                  <a:lnTo>
                    <a:pt x="107" y="557"/>
                  </a:lnTo>
                  <a:lnTo>
                    <a:pt x="114" y="554"/>
                  </a:lnTo>
                  <a:lnTo>
                    <a:pt x="107" y="542"/>
                  </a:lnTo>
                  <a:lnTo>
                    <a:pt x="127" y="537"/>
                  </a:lnTo>
                  <a:lnTo>
                    <a:pt x="163" y="567"/>
                  </a:lnTo>
                  <a:lnTo>
                    <a:pt x="163" y="534"/>
                  </a:lnTo>
                  <a:lnTo>
                    <a:pt x="180" y="517"/>
                  </a:lnTo>
                  <a:lnTo>
                    <a:pt x="189" y="486"/>
                  </a:lnTo>
                  <a:lnTo>
                    <a:pt x="218" y="472"/>
                  </a:lnTo>
                  <a:lnTo>
                    <a:pt x="258" y="469"/>
                  </a:lnTo>
                  <a:lnTo>
                    <a:pt x="291" y="486"/>
                  </a:lnTo>
                  <a:lnTo>
                    <a:pt x="319" y="509"/>
                  </a:lnTo>
                  <a:lnTo>
                    <a:pt x="325" y="509"/>
                  </a:lnTo>
                  <a:lnTo>
                    <a:pt x="345" y="494"/>
                  </a:lnTo>
                  <a:lnTo>
                    <a:pt x="363" y="492"/>
                  </a:lnTo>
                  <a:lnTo>
                    <a:pt x="396" y="511"/>
                  </a:lnTo>
                  <a:lnTo>
                    <a:pt x="427" y="518"/>
                  </a:lnTo>
                  <a:lnTo>
                    <a:pt x="438" y="517"/>
                  </a:lnTo>
                  <a:lnTo>
                    <a:pt x="472" y="492"/>
                  </a:lnTo>
                  <a:lnTo>
                    <a:pt x="534" y="489"/>
                  </a:lnTo>
                  <a:lnTo>
                    <a:pt x="566" y="500"/>
                  </a:lnTo>
                  <a:lnTo>
                    <a:pt x="586" y="483"/>
                  </a:lnTo>
                  <a:lnTo>
                    <a:pt x="597" y="483"/>
                  </a:lnTo>
                  <a:lnTo>
                    <a:pt x="605" y="469"/>
                  </a:lnTo>
                  <a:lnTo>
                    <a:pt x="620" y="469"/>
                  </a:lnTo>
                  <a:lnTo>
                    <a:pt x="616" y="444"/>
                  </a:lnTo>
                  <a:lnTo>
                    <a:pt x="614" y="433"/>
                  </a:lnTo>
                  <a:lnTo>
                    <a:pt x="624" y="428"/>
                  </a:lnTo>
                  <a:lnTo>
                    <a:pt x="628" y="410"/>
                  </a:lnTo>
                  <a:lnTo>
                    <a:pt x="707" y="322"/>
                  </a:lnTo>
                  <a:lnTo>
                    <a:pt x="712" y="238"/>
                  </a:lnTo>
                  <a:lnTo>
                    <a:pt x="724" y="173"/>
                  </a:lnTo>
                  <a:lnTo>
                    <a:pt x="735" y="152"/>
                  </a:lnTo>
                  <a:lnTo>
                    <a:pt x="705" y="132"/>
                  </a:lnTo>
                  <a:lnTo>
                    <a:pt x="691" y="99"/>
                  </a:lnTo>
                  <a:lnTo>
                    <a:pt x="690" y="23"/>
                  </a:lnTo>
                  <a:lnTo>
                    <a:pt x="676" y="27"/>
                  </a:lnTo>
                  <a:lnTo>
                    <a:pt x="668" y="17"/>
                  </a:lnTo>
                  <a:lnTo>
                    <a:pt x="641" y="2"/>
                  </a:lnTo>
                  <a:lnTo>
                    <a:pt x="537" y="0"/>
                  </a:lnTo>
                  <a:lnTo>
                    <a:pt x="517" y="15"/>
                  </a:lnTo>
                  <a:lnTo>
                    <a:pt x="495" y="31"/>
                  </a:lnTo>
                  <a:lnTo>
                    <a:pt x="473" y="44"/>
                  </a:lnTo>
                  <a:lnTo>
                    <a:pt x="450" y="59"/>
                  </a:lnTo>
                  <a:lnTo>
                    <a:pt x="429" y="74"/>
                  </a:lnTo>
                  <a:lnTo>
                    <a:pt x="407" y="88"/>
                  </a:lnTo>
                  <a:lnTo>
                    <a:pt x="385" y="103"/>
                  </a:lnTo>
                  <a:lnTo>
                    <a:pt x="363" y="116"/>
                  </a:lnTo>
                  <a:lnTo>
                    <a:pt x="336" y="137"/>
                  </a:lnTo>
                  <a:lnTo>
                    <a:pt x="311" y="158"/>
                  </a:lnTo>
                  <a:lnTo>
                    <a:pt x="285" y="176"/>
                  </a:lnTo>
                  <a:lnTo>
                    <a:pt x="260" y="196"/>
                  </a:lnTo>
                  <a:lnTo>
                    <a:pt x="223" y="204"/>
                  </a:lnTo>
                  <a:lnTo>
                    <a:pt x="189" y="21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00" name="Freeform 139"/>
            <p:cNvSpPr>
              <a:spLocks noChangeAspect="1"/>
            </p:cNvSpPr>
            <p:nvPr/>
          </p:nvSpPr>
          <p:spPr bwMode="gray">
            <a:xfrm>
              <a:off x="5080000" y="3862388"/>
              <a:ext cx="263525" cy="215900"/>
            </a:xfrm>
            <a:custGeom>
              <a:avLst/>
              <a:gdLst>
                <a:gd name="T0" fmla="*/ 2 w 540"/>
                <a:gd name="T1" fmla="*/ 10 h 447"/>
                <a:gd name="T2" fmla="*/ 3 w 540"/>
                <a:gd name="T3" fmla="*/ 10 h 447"/>
                <a:gd name="T4" fmla="*/ 4 w 540"/>
                <a:gd name="T5" fmla="*/ 11 h 447"/>
                <a:gd name="T6" fmla="*/ 4 w 540"/>
                <a:gd name="T7" fmla="*/ 12 h 447"/>
                <a:gd name="T8" fmla="*/ 5 w 540"/>
                <a:gd name="T9" fmla="*/ 12 h 447"/>
                <a:gd name="T10" fmla="*/ 5 w 540"/>
                <a:gd name="T11" fmla="*/ 12 h 447"/>
                <a:gd name="T12" fmla="*/ 6 w 540"/>
                <a:gd name="T13" fmla="*/ 12 h 447"/>
                <a:gd name="T14" fmla="*/ 6 w 540"/>
                <a:gd name="T15" fmla="*/ 12 h 447"/>
                <a:gd name="T16" fmla="*/ 7 w 540"/>
                <a:gd name="T17" fmla="*/ 12 h 447"/>
                <a:gd name="T18" fmla="*/ 8 w 540"/>
                <a:gd name="T19" fmla="*/ 11 h 447"/>
                <a:gd name="T20" fmla="*/ 9 w 540"/>
                <a:gd name="T21" fmla="*/ 10 h 447"/>
                <a:gd name="T22" fmla="*/ 9 w 540"/>
                <a:gd name="T23" fmla="*/ 9 h 447"/>
                <a:gd name="T24" fmla="*/ 11 w 540"/>
                <a:gd name="T25" fmla="*/ 10 h 447"/>
                <a:gd name="T26" fmla="*/ 13 w 540"/>
                <a:gd name="T27" fmla="*/ 8 h 447"/>
                <a:gd name="T28" fmla="*/ 14 w 540"/>
                <a:gd name="T29" fmla="*/ 7 h 447"/>
                <a:gd name="T30" fmla="*/ 14 w 540"/>
                <a:gd name="T31" fmla="*/ 4 h 447"/>
                <a:gd name="T32" fmla="*/ 16 w 540"/>
                <a:gd name="T33" fmla="*/ 3 h 447"/>
                <a:gd name="T34" fmla="*/ 15 w 540"/>
                <a:gd name="T35" fmla="*/ 2 h 447"/>
                <a:gd name="T36" fmla="*/ 14 w 540"/>
                <a:gd name="T37" fmla="*/ 0 h 447"/>
                <a:gd name="T38" fmla="*/ 14 w 540"/>
                <a:gd name="T39" fmla="*/ 0 h 447"/>
                <a:gd name="T40" fmla="*/ 13 w 540"/>
                <a:gd name="T41" fmla="*/ 1 h 447"/>
                <a:gd name="T42" fmla="*/ 10 w 540"/>
                <a:gd name="T43" fmla="*/ 1 h 447"/>
                <a:gd name="T44" fmla="*/ 9 w 540"/>
                <a:gd name="T45" fmla="*/ 2 h 447"/>
                <a:gd name="T46" fmla="*/ 7 w 540"/>
                <a:gd name="T47" fmla="*/ 1 h 447"/>
                <a:gd name="T48" fmla="*/ 6 w 540"/>
                <a:gd name="T49" fmla="*/ 1 h 447"/>
                <a:gd name="T50" fmla="*/ 5 w 540"/>
                <a:gd name="T51" fmla="*/ 1 h 447"/>
                <a:gd name="T52" fmla="*/ 3 w 540"/>
                <a:gd name="T53" fmla="*/ 0 h 447"/>
                <a:gd name="T54" fmla="*/ 2 w 540"/>
                <a:gd name="T55" fmla="*/ 2 h 447"/>
                <a:gd name="T56" fmla="*/ 1 w 540"/>
                <a:gd name="T57" fmla="*/ 3 h 447"/>
                <a:gd name="T58" fmla="*/ 1 w 540"/>
                <a:gd name="T59" fmla="*/ 4 h 447"/>
                <a:gd name="T60" fmla="*/ 1 w 540"/>
                <a:gd name="T61" fmla="*/ 5 h 447"/>
                <a:gd name="T62" fmla="*/ 1 w 540"/>
                <a:gd name="T63" fmla="*/ 5 h 447"/>
                <a:gd name="T64" fmla="*/ 1 w 540"/>
                <a:gd name="T65" fmla="*/ 6 h 447"/>
                <a:gd name="T66" fmla="*/ 0 w 540"/>
                <a:gd name="T67" fmla="*/ 9 h 447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540"/>
                <a:gd name="T103" fmla="*/ 0 h 447"/>
                <a:gd name="T104" fmla="*/ 540 w 540"/>
                <a:gd name="T105" fmla="*/ 447 h 447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540" h="447">
                  <a:moveTo>
                    <a:pt x="5" y="350"/>
                  </a:moveTo>
                  <a:lnTo>
                    <a:pt x="73" y="348"/>
                  </a:lnTo>
                  <a:lnTo>
                    <a:pt x="99" y="360"/>
                  </a:lnTo>
                  <a:lnTo>
                    <a:pt x="107" y="373"/>
                  </a:lnTo>
                  <a:lnTo>
                    <a:pt x="119" y="390"/>
                  </a:lnTo>
                  <a:lnTo>
                    <a:pt x="127" y="393"/>
                  </a:lnTo>
                  <a:lnTo>
                    <a:pt x="122" y="394"/>
                  </a:lnTo>
                  <a:lnTo>
                    <a:pt x="127" y="419"/>
                  </a:lnTo>
                  <a:lnTo>
                    <a:pt x="141" y="436"/>
                  </a:lnTo>
                  <a:lnTo>
                    <a:pt x="155" y="440"/>
                  </a:lnTo>
                  <a:lnTo>
                    <a:pt x="161" y="438"/>
                  </a:lnTo>
                  <a:lnTo>
                    <a:pt x="163" y="447"/>
                  </a:lnTo>
                  <a:lnTo>
                    <a:pt x="177" y="438"/>
                  </a:lnTo>
                  <a:lnTo>
                    <a:pt x="190" y="438"/>
                  </a:lnTo>
                  <a:lnTo>
                    <a:pt x="203" y="427"/>
                  </a:lnTo>
                  <a:lnTo>
                    <a:pt x="223" y="435"/>
                  </a:lnTo>
                  <a:lnTo>
                    <a:pt x="253" y="433"/>
                  </a:lnTo>
                  <a:lnTo>
                    <a:pt x="256" y="416"/>
                  </a:lnTo>
                  <a:lnTo>
                    <a:pt x="263" y="424"/>
                  </a:lnTo>
                  <a:lnTo>
                    <a:pt x="279" y="396"/>
                  </a:lnTo>
                  <a:lnTo>
                    <a:pt x="283" y="373"/>
                  </a:lnTo>
                  <a:lnTo>
                    <a:pt x="297" y="348"/>
                  </a:lnTo>
                  <a:lnTo>
                    <a:pt x="312" y="339"/>
                  </a:lnTo>
                  <a:lnTo>
                    <a:pt x="316" y="325"/>
                  </a:lnTo>
                  <a:lnTo>
                    <a:pt x="361" y="322"/>
                  </a:lnTo>
                  <a:lnTo>
                    <a:pt x="385" y="343"/>
                  </a:lnTo>
                  <a:lnTo>
                    <a:pt x="402" y="340"/>
                  </a:lnTo>
                  <a:lnTo>
                    <a:pt x="430" y="284"/>
                  </a:lnTo>
                  <a:lnTo>
                    <a:pt x="441" y="250"/>
                  </a:lnTo>
                  <a:lnTo>
                    <a:pt x="464" y="232"/>
                  </a:lnTo>
                  <a:lnTo>
                    <a:pt x="475" y="182"/>
                  </a:lnTo>
                  <a:lnTo>
                    <a:pt x="495" y="133"/>
                  </a:lnTo>
                  <a:lnTo>
                    <a:pt x="505" y="120"/>
                  </a:lnTo>
                  <a:lnTo>
                    <a:pt x="540" y="100"/>
                  </a:lnTo>
                  <a:lnTo>
                    <a:pt x="539" y="74"/>
                  </a:lnTo>
                  <a:lnTo>
                    <a:pt x="525" y="60"/>
                  </a:lnTo>
                  <a:lnTo>
                    <a:pt x="525" y="32"/>
                  </a:lnTo>
                  <a:lnTo>
                    <a:pt x="498" y="0"/>
                  </a:lnTo>
                  <a:lnTo>
                    <a:pt x="483" y="0"/>
                  </a:lnTo>
                  <a:lnTo>
                    <a:pt x="475" y="14"/>
                  </a:lnTo>
                  <a:lnTo>
                    <a:pt x="464" y="14"/>
                  </a:lnTo>
                  <a:lnTo>
                    <a:pt x="444" y="31"/>
                  </a:lnTo>
                  <a:lnTo>
                    <a:pt x="412" y="20"/>
                  </a:lnTo>
                  <a:lnTo>
                    <a:pt x="350" y="23"/>
                  </a:lnTo>
                  <a:lnTo>
                    <a:pt x="316" y="48"/>
                  </a:lnTo>
                  <a:lnTo>
                    <a:pt x="305" y="49"/>
                  </a:lnTo>
                  <a:lnTo>
                    <a:pt x="274" y="42"/>
                  </a:lnTo>
                  <a:lnTo>
                    <a:pt x="241" y="23"/>
                  </a:lnTo>
                  <a:lnTo>
                    <a:pt x="223" y="25"/>
                  </a:lnTo>
                  <a:lnTo>
                    <a:pt x="203" y="40"/>
                  </a:lnTo>
                  <a:lnTo>
                    <a:pt x="197" y="40"/>
                  </a:lnTo>
                  <a:lnTo>
                    <a:pt x="169" y="17"/>
                  </a:lnTo>
                  <a:lnTo>
                    <a:pt x="136" y="0"/>
                  </a:lnTo>
                  <a:lnTo>
                    <a:pt x="96" y="3"/>
                  </a:lnTo>
                  <a:lnTo>
                    <a:pt x="67" y="17"/>
                  </a:lnTo>
                  <a:lnTo>
                    <a:pt x="58" y="48"/>
                  </a:lnTo>
                  <a:lnTo>
                    <a:pt x="41" y="65"/>
                  </a:lnTo>
                  <a:lnTo>
                    <a:pt x="41" y="98"/>
                  </a:lnTo>
                  <a:lnTo>
                    <a:pt x="36" y="113"/>
                  </a:lnTo>
                  <a:lnTo>
                    <a:pt x="46" y="128"/>
                  </a:lnTo>
                  <a:lnTo>
                    <a:pt x="50" y="157"/>
                  </a:lnTo>
                  <a:lnTo>
                    <a:pt x="39" y="164"/>
                  </a:lnTo>
                  <a:lnTo>
                    <a:pt x="45" y="174"/>
                  </a:lnTo>
                  <a:lnTo>
                    <a:pt x="41" y="182"/>
                  </a:lnTo>
                  <a:lnTo>
                    <a:pt x="22" y="199"/>
                  </a:lnTo>
                  <a:lnTo>
                    <a:pt x="19" y="221"/>
                  </a:lnTo>
                  <a:lnTo>
                    <a:pt x="5" y="249"/>
                  </a:lnTo>
                  <a:lnTo>
                    <a:pt x="0" y="314"/>
                  </a:lnTo>
                  <a:lnTo>
                    <a:pt x="5" y="35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01" name="Freeform 140"/>
            <p:cNvSpPr>
              <a:spLocks noChangeAspect="1"/>
            </p:cNvSpPr>
            <p:nvPr/>
          </p:nvSpPr>
          <p:spPr bwMode="gray">
            <a:xfrm>
              <a:off x="5207000" y="3878263"/>
              <a:ext cx="173038" cy="260350"/>
            </a:xfrm>
            <a:custGeom>
              <a:avLst/>
              <a:gdLst>
                <a:gd name="T0" fmla="*/ 4 w 354"/>
                <a:gd name="T1" fmla="*/ 15 h 533"/>
                <a:gd name="T2" fmla="*/ 5 w 354"/>
                <a:gd name="T3" fmla="*/ 14 h 533"/>
                <a:gd name="T4" fmla="*/ 6 w 354"/>
                <a:gd name="T5" fmla="*/ 15 h 533"/>
                <a:gd name="T6" fmla="*/ 8 w 354"/>
                <a:gd name="T7" fmla="*/ 15 h 533"/>
                <a:gd name="T8" fmla="*/ 10 w 354"/>
                <a:gd name="T9" fmla="*/ 15 h 533"/>
                <a:gd name="T10" fmla="*/ 10 w 354"/>
                <a:gd name="T11" fmla="*/ 15 h 533"/>
                <a:gd name="T12" fmla="*/ 10 w 354"/>
                <a:gd name="T13" fmla="*/ 15 h 533"/>
                <a:gd name="T14" fmla="*/ 10 w 354"/>
                <a:gd name="T15" fmla="*/ 14 h 533"/>
                <a:gd name="T16" fmla="*/ 10 w 354"/>
                <a:gd name="T17" fmla="*/ 14 h 533"/>
                <a:gd name="T18" fmla="*/ 9 w 354"/>
                <a:gd name="T19" fmla="*/ 13 h 533"/>
                <a:gd name="T20" fmla="*/ 8 w 354"/>
                <a:gd name="T21" fmla="*/ 11 h 533"/>
                <a:gd name="T22" fmla="*/ 8 w 354"/>
                <a:gd name="T23" fmla="*/ 10 h 533"/>
                <a:gd name="T24" fmla="*/ 9 w 354"/>
                <a:gd name="T25" fmla="*/ 9 h 533"/>
                <a:gd name="T26" fmla="*/ 9 w 354"/>
                <a:gd name="T27" fmla="*/ 8 h 533"/>
                <a:gd name="T28" fmla="*/ 9 w 354"/>
                <a:gd name="T29" fmla="*/ 6 h 533"/>
                <a:gd name="T30" fmla="*/ 9 w 354"/>
                <a:gd name="T31" fmla="*/ 6 h 533"/>
                <a:gd name="T32" fmla="*/ 8 w 354"/>
                <a:gd name="T33" fmla="*/ 6 h 533"/>
                <a:gd name="T34" fmla="*/ 8 w 354"/>
                <a:gd name="T35" fmla="*/ 5 h 533"/>
                <a:gd name="T36" fmla="*/ 8 w 354"/>
                <a:gd name="T37" fmla="*/ 4 h 533"/>
                <a:gd name="T38" fmla="*/ 8 w 354"/>
                <a:gd name="T39" fmla="*/ 4 h 533"/>
                <a:gd name="T40" fmla="*/ 9 w 354"/>
                <a:gd name="T41" fmla="*/ 4 h 533"/>
                <a:gd name="T42" fmla="*/ 9 w 354"/>
                <a:gd name="T43" fmla="*/ 4 h 533"/>
                <a:gd name="T44" fmla="*/ 9 w 354"/>
                <a:gd name="T45" fmla="*/ 4 h 533"/>
                <a:gd name="T46" fmla="*/ 9 w 354"/>
                <a:gd name="T47" fmla="*/ 3 h 533"/>
                <a:gd name="T48" fmla="*/ 9 w 354"/>
                <a:gd name="T49" fmla="*/ 2 h 533"/>
                <a:gd name="T50" fmla="*/ 8 w 354"/>
                <a:gd name="T51" fmla="*/ 1 h 533"/>
                <a:gd name="T52" fmla="*/ 8 w 354"/>
                <a:gd name="T53" fmla="*/ 0 h 533"/>
                <a:gd name="T54" fmla="*/ 8 w 354"/>
                <a:gd name="T55" fmla="*/ 0 h 533"/>
                <a:gd name="T56" fmla="*/ 8 w 354"/>
                <a:gd name="T57" fmla="*/ 0 h 533"/>
                <a:gd name="T58" fmla="*/ 8 w 354"/>
                <a:gd name="T59" fmla="*/ 1 h 533"/>
                <a:gd name="T60" fmla="*/ 8 w 354"/>
                <a:gd name="T61" fmla="*/ 1 h 533"/>
                <a:gd name="T62" fmla="*/ 8 w 354"/>
                <a:gd name="T63" fmla="*/ 2 h 533"/>
                <a:gd name="T64" fmla="*/ 7 w 354"/>
                <a:gd name="T65" fmla="*/ 2 h 533"/>
                <a:gd name="T66" fmla="*/ 7 w 354"/>
                <a:gd name="T67" fmla="*/ 3 h 533"/>
                <a:gd name="T68" fmla="*/ 6 w 354"/>
                <a:gd name="T69" fmla="*/ 4 h 533"/>
                <a:gd name="T70" fmla="*/ 6 w 354"/>
                <a:gd name="T71" fmla="*/ 6 h 533"/>
                <a:gd name="T72" fmla="*/ 5 w 354"/>
                <a:gd name="T73" fmla="*/ 6 h 533"/>
                <a:gd name="T74" fmla="*/ 5 w 354"/>
                <a:gd name="T75" fmla="*/ 7 h 533"/>
                <a:gd name="T76" fmla="*/ 4 w 354"/>
                <a:gd name="T77" fmla="*/ 9 h 533"/>
                <a:gd name="T78" fmla="*/ 4 w 354"/>
                <a:gd name="T79" fmla="*/ 9 h 533"/>
                <a:gd name="T80" fmla="*/ 3 w 354"/>
                <a:gd name="T81" fmla="*/ 8 h 533"/>
                <a:gd name="T82" fmla="*/ 2 w 354"/>
                <a:gd name="T83" fmla="*/ 9 h 533"/>
                <a:gd name="T84" fmla="*/ 2 w 354"/>
                <a:gd name="T85" fmla="*/ 9 h 533"/>
                <a:gd name="T86" fmla="*/ 1 w 354"/>
                <a:gd name="T87" fmla="*/ 9 h 533"/>
                <a:gd name="T88" fmla="*/ 1 w 354"/>
                <a:gd name="T89" fmla="*/ 10 h 533"/>
                <a:gd name="T90" fmla="*/ 1 w 354"/>
                <a:gd name="T91" fmla="*/ 10 h 533"/>
                <a:gd name="T92" fmla="*/ 0 w 354"/>
                <a:gd name="T93" fmla="*/ 11 h 533"/>
                <a:gd name="T94" fmla="*/ 0 w 354"/>
                <a:gd name="T95" fmla="*/ 12 h 533"/>
                <a:gd name="T96" fmla="*/ 1 w 354"/>
                <a:gd name="T97" fmla="*/ 12 h 533"/>
                <a:gd name="T98" fmla="*/ 1 w 354"/>
                <a:gd name="T99" fmla="*/ 12 h 533"/>
                <a:gd name="T100" fmla="*/ 1 w 354"/>
                <a:gd name="T101" fmla="*/ 12 h 533"/>
                <a:gd name="T102" fmla="*/ 2 w 354"/>
                <a:gd name="T103" fmla="*/ 12 h 533"/>
                <a:gd name="T104" fmla="*/ 2 w 354"/>
                <a:gd name="T105" fmla="*/ 13 h 533"/>
                <a:gd name="T106" fmla="*/ 2 w 354"/>
                <a:gd name="T107" fmla="*/ 13 h 533"/>
                <a:gd name="T108" fmla="*/ 2 w 354"/>
                <a:gd name="T109" fmla="*/ 13 h 533"/>
                <a:gd name="T110" fmla="*/ 2 w 354"/>
                <a:gd name="T111" fmla="*/ 15 h 533"/>
                <a:gd name="T112" fmla="*/ 4 w 354"/>
                <a:gd name="T113" fmla="*/ 15 h 533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354"/>
                <a:gd name="T172" fmla="*/ 0 h 533"/>
                <a:gd name="T173" fmla="*/ 354 w 354"/>
                <a:gd name="T174" fmla="*/ 533 h 533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354" h="533">
                  <a:moveTo>
                    <a:pt x="132" y="506"/>
                  </a:moveTo>
                  <a:lnTo>
                    <a:pt x="172" y="501"/>
                  </a:lnTo>
                  <a:lnTo>
                    <a:pt x="223" y="508"/>
                  </a:lnTo>
                  <a:lnTo>
                    <a:pt x="288" y="508"/>
                  </a:lnTo>
                  <a:lnTo>
                    <a:pt x="328" y="517"/>
                  </a:lnTo>
                  <a:lnTo>
                    <a:pt x="348" y="533"/>
                  </a:lnTo>
                  <a:lnTo>
                    <a:pt x="354" y="522"/>
                  </a:lnTo>
                  <a:lnTo>
                    <a:pt x="354" y="475"/>
                  </a:lnTo>
                  <a:lnTo>
                    <a:pt x="348" y="477"/>
                  </a:lnTo>
                  <a:lnTo>
                    <a:pt x="320" y="450"/>
                  </a:lnTo>
                  <a:lnTo>
                    <a:pt x="283" y="386"/>
                  </a:lnTo>
                  <a:lnTo>
                    <a:pt x="282" y="335"/>
                  </a:lnTo>
                  <a:lnTo>
                    <a:pt x="296" y="313"/>
                  </a:lnTo>
                  <a:lnTo>
                    <a:pt x="320" y="266"/>
                  </a:lnTo>
                  <a:lnTo>
                    <a:pt x="303" y="208"/>
                  </a:lnTo>
                  <a:lnTo>
                    <a:pt x="294" y="200"/>
                  </a:lnTo>
                  <a:lnTo>
                    <a:pt x="271" y="189"/>
                  </a:lnTo>
                  <a:lnTo>
                    <a:pt x="260" y="167"/>
                  </a:lnTo>
                  <a:lnTo>
                    <a:pt x="262" y="154"/>
                  </a:lnTo>
                  <a:lnTo>
                    <a:pt x="269" y="147"/>
                  </a:lnTo>
                  <a:lnTo>
                    <a:pt x="313" y="150"/>
                  </a:lnTo>
                  <a:lnTo>
                    <a:pt x="319" y="146"/>
                  </a:lnTo>
                  <a:lnTo>
                    <a:pt x="314" y="133"/>
                  </a:lnTo>
                  <a:lnTo>
                    <a:pt x="294" y="100"/>
                  </a:lnTo>
                  <a:lnTo>
                    <a:pt x="300" y="58"/>
                  </a:lnTo>
                  <a:lnTo>
                    <a:pt x="286" y="16"/>
                  </a:lnTo>
                  <a:lnTo>
                    <a:pt x="276" y="10"/>
                  </a:lnTo>
                  <a:lnTo>
                    <a:pt x="273" y="0"/>
                  </a:lnTo>
                  <a:lnTo>
                    <a:pt x="262" y="0"/>
                  </a:lnTo>
                  <a:lnTo>
                    <a:pt x="262" y="28"/>
                  </a:lnTo>
                  <a:lnTo>
                    <a:pt x="276" y="42"/>
                  </a:lnTo>
                  <a:lnTo>
                    <a:pt x="277" y="68"/>
                  </a:lnTo>
                  <a:lnTo>
                    <a:pt x="242" y="88"/>
                  </a:lnTo>
                  <a:lnTo>
                    <a:pt x="232" y="101"/>
                  </a:lnTo>
                  <a:lnTo>
                    <a:pt x="212" y="150"/>
                  </a:lnTo>
                  <a:lnTo>
                    <a:pt x="201" y="200"/>
                  </a:lnTo>
                  <a:lnTo>
                    <a:pt x="178" y="218"/>
                  </a:lnTo>
                  <a:lnTo>
                    <a:pt x="167" y="252"/>
                  </a:lnTo>
                  <a:lnTo>
                    <a:pt x="139" y="308"/>
                  </a:lnTo>
                  <a:lnTo>
                    <a:pt x="122" y="311"/>
                  </a:lnTo>
                  <a:lnTo>
                    <a:pt x="98" y="290"/>
                  </a:lnTo>
                  <a:lnTo>
                    <a:pt x="53" y="293"/>
                  </a:lnTo>
                  <a:lnTo>
                    <a:pt x="49" y="307"/>
                  </a:lnTo>
                  <a:lnTo>
                    <a:pt x="34" y="316"/>
                  </a:lnTo>
                  <a:lnTo>
                    <a:pt x="20" y="341"/>
                  </a:lnTo>
                  <a:lnTo>
                    <a:pt x="16" y="364"/>
                  </a:lnTo>
                  <a:lnTo>
                    <a:pt x="0" y="392"/>
                  </a:lnTo>
                  <a:lnTo>
                    <a:pt x="7" y="401"/>
                  </a:lnTo>
                  <a:lnTo>
                    <a:pt x="19" y="400"/>
                  </a:lnTo>
                  <a:lnTo>
                    <a:pt x="27" y="420"/>
                  </a:lnTo>
                  <a:lnTo>
                    <a:pt x="44" y="426"/>
                  </a:lnTo>
                  <a:lnTo>
                    <a:pt x="57" y="424"/>
                  </a:lnTo>
                  <a:lnTo>
                    <a:pt x="53" y="438"/>
                  </a:lnTo>
                  <a:lnTo>
                    <a:pt x="57" y="443"/>
                  </a:lnTo>
                  <a:lnTo>
                    <a:pt x="70" y="458"/>
                  </a:lnTo>
                  <a:lnTo>
                    <a:pt x="59" y="508"/>
                  </a:lnTo>
                  <a:lnTo>
                    <a:pt x="132" y="50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02" name="Freeform 141"/>
            <p:cNvSpPr>
              <a:spLocks noChangeAspect="1"/>
            </p:cNvSpPr>
            <p:nvPr/>
          </p:nvSpPr>
          <p:spPr bwMode="gray">
            <a:xfrm>
              <a:off x="5345113" y="3924301"/>
              <a:ext cx="293688" cy="185738"/>
            </a:xfrm>
            <a:custGeom>
              <a:avLst/>
              <a:gdLst>
                <a:gd name="T0" fmla="*/ 17 w 602"/>
                <a:gd name="T1" fmla="*/ 8 h 379"/>
                <a:gd name="T2" fmla="*/ 16 w 602"/>
                <a:gd name="T3" fmla="*/ 8 h 379"/>
                <a:gd name="T4" fmla="*/ 16 w 602"/>
                <a:gd name="T5" fmla="*/ 8 h 379"/>
                <a:gd name="T6" fmla="*/ 14 w 602"/>
                <a:gd name="T7" fmla="*/ 8 h 379"/>
                <a:gd name="T8" fmla="*/ 14 w 602"/>
                <a:gd name="T9" fmla="*/ 8 h 379"/>
                <a:gd name="T10" fmla="*/ 12 w 602"/>
                <a:gd name="T11" fmla="*/ 9 h 379"/>
                <a:gd name="T12" fmla="*/ 11 w 602"/>
                <a:gd name="T13" fmla="*/ 9 h 379"/>
                <a:gd name="T14" fmla="*/ 10 w 602"/>
                <a:gd name="T15" fmla="*/ 9 h 379"/>
                <a:gd name="T16" fmla="*/ 9 w 602"/>
                <a:gd name="T17" fmla="*/ 9 h 379"/>
                <a:gd name="T18" fmla="*/ 8 w 602"/>
                <a:gd name="T19" fmla="*/ 9 h 379"/>
                <a:gd name="T20" fmla="*/ 7 w 602"/>
                <a:gd name="T21" fmla="*/ 8 h 379"/>
                <a:gd name="T22" fmla="*/ 6 w 602"/>
                <a:gd name="T23" fmla="*/ 10 h 379"/>
                <a:gd name="T24" fmla="*/ 5 w 602"/>
                <a:gd name="T25" fmla="*/ 10 h 379"/>
                <a:gd name="T26" fmla="*/ 3 w 602"/>
                <a:gd name="T27" fmla="*/ 10 h 379"/>
                <a:gd name="T28" fmla="*/ 2 w 602"/>
                <a:gd name="T29" fmla="*/ 11 h 379"/>
                <a:gd name="T30" fmla="*/ 1 w 602"/>
                <a:gd name="T31" fmla="*/ 10 h 379"/>
                <a:gd name="T32" fmla="*/ 0 w 602"/>
                <a:gd name="T33" fmla="*/ 7 h 379"/>
                <a:gd name="T34" fmla="*/ 1 w 602"/>
                <a:gd name="T35" fmla="*/ 5 h 379"/>
                <a:gd name="T36" fmla="*/ 2 w 602"/>
                <a:gd name="T37" fmla="*/ 5 h 379"/>
                <a:gd name="T38" fmla="*/ 3 w 602"/>
                <a:gd name="T39" fmla="*/ 5 h 379"/>
                <a:gd name="T40" fmla="*/ 6 w 602"/>
                <a:gd name="T41" fmla="*/ 4 h 379"/>
                <a:gd name="T42" fmla="*/ 6 w 602"/>
                <a:gd name="T43" fmla="*/ 3 h 379"/>
                <a:gd name="T44" fmla="*/ 8 w 602"/>
                <a:gd name="T45" fmla="*/ 2 h 379"/>
                <a:gd name="T46" fmla="*/ 9 w 602"/>
                <a:gd name="T47" fmla="*/ 2 h 379"/>
                <a:gd name="T48" fmla="*/ 10 w 602"/>
                <a:gd name="T49" fmla="*/ 1 h 379"/>
                <a:gd name="T50" fmla="*/ 10 w 602"/>
                <a:gd name="T51" fmla="*/ 0 h 379"/>
                <a:gd name="T52" fmla="*/ 12 w 602"/>
                <a:gd name="T53" fmla="*/ 1 h 379"/>
                <a:gd name="T54" fmla="*/ 12 w 602"/>
                <a:gd name="T55" fmla="*/ 3 h 379"/>
                <a:gd name="T56" fmla="*/ 13 w 602"/>
                <a:gd name="T57" fmla="*/ 3 h 379"/>
                <a:gd name="T58" fmla="*/ 14 w 602"/>
                <a:gd name="T59" fmla="*/ 4 h 379"/>
                <a:gd name="T60" fmla="*/ 14 w 602"/>
                <a:gd name="T61" fmla="*/ 5 h 379"/>
                <a:gd name="T62" fmla="*/ 16 w 602"/>
                <a:gd name="T63" fmla="*/ 7 h 379"/>
                <a:gd name="T64" fmla="*/ 18 w 602"/>
                <a:gd name="T65" fmla="*/ 8 h 379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602"/>
                <a:gd name="T100" fmla="*/ 0 h 379"/>
                <a:gd name="T101" fmla="*/ 602 w 602"/>
                <a:gd name="T102" fmla="*/ 379 h 379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602" h="379">
                  <a:moveTo>
                    <a:pt x="602" y="271"/>
                  </a:moveTo>
                  <a:lnTo>
                    <a:pt x="578" y="271"/>
                  </a:lnTo>
                  <a:lnTo>
                    <a:pt x="572" y="281"/>
                  </a:lnTo>
                  <a:lnTo>
                    <a:pt x="561" y="274"/>
                  </a:lnTo>
                  <a:lnTo>
                    <a:pt x="557" y="281"/>
                  </a:lnTo>
                  <a:lnTo>
                    <a:pt x="544" y="268"/>
                  </a:lnTo>
                  <a:lnTo>
                    <a:pt x="512" y="274"/>
                  </a:lnTo>
                  <a:lnTo>
                    <a:pt x="495" y="269"/>
                  </a:lnTo>
                  <a:lnTo>
                    <a:pt x="493" y="281"/>
                  </a:lnTo>
                  <a:lnTo>
                    <a:pt x="476" y="283"/>
                  </a:lnTo>
                  <a:lnTo>
                    <a:pt x="465" y="277"/>
                  </a:lnTo>
                  <a:lnTo>
                    <a:pt x="408" y="295"/>
                  </a:lnTo>
                  <a:lnTo>
                    <a:pt x="387" y="286"/>
                  </a:lnTo>
                  <a:lnTo>
                    <a:pt x="375" y="295"/>
                  </a:lnTo>
                  <a:lnTo>
                    <a:pt x="373" y="308"/>
                  </a:lnTo>
                  <a:lnTo>
                    <a:pt x="366" y="311"/>
                  </a:lnTo>
                  <a:lnTo>
                    <a:pt x="324" y="311"/>
                  </a:lnTo>
                  <a:lnTo>
                    <a:pt x="294" y="298"/>
                  </a:lnTo>
                  <a:lnTo>
                    <a:pt x="287" y="305"/>
                  </a:lnTo>
                  <a:lnTo>
                    <a:pt x="280" y="303"/>
                  </a:lnTo>
                  <a:lnTo>
                    <a:pt x="255" y="272"/>
                  </a:lnTo>
                  <a:lnTo>
                    <a:pt x="232" y="271"/>
                  </a:lnTo>
                  <a:lnTo>
                    <a:pt x="202" y="303"/>
                  </a:lnTo>
                  <a:lnTo>
                    <a:pt x="201" y="337"/>
                  </a:lnTo>
                  <a:lnTo>
                    <a:pt x="190" y="339"/>
                  </a:lnTo>
                  <a:lnTo>
                    <a:pt x="158" y="352"/>
                  </a:lnTo>
                  <a:lnTo>
                    <a:pt x="130" y="339"/>
                  </a:lnTo>
                  <a:lnTo>
                    <a:pt x="114" y="342"/>
                  </a:lnTo>
                  <a:lnTo>
                    <a:pt x="94" y="354"/>
                  </a:lnTo>
                  <a:lnTo>
                    <a:pt x="72" y="377"/>
                  </a:lnTo>
                  <a:lnTo>
                    <a:pt x="66" y="379"/>
                  </a:lnTo>
                  <a:lnTo>
                    <a:pt x="38" y="352"/>
                  </a:lnTo>
                  <a:lnTo>
                    <a:pt x="1" y="288"/>
                  </a:lnTo>
                  <a:lnTo>
                    <a:pt x="0" y="237"/>
                  </a:lnTo>
                  <a:lnTo>
                    <a:pt x="14" y="215"/>
                  </a:lnTo>
                  <a:lnTo>
                    <a:pt x="38" y="168"/>
                  </a:lnTo>
                  <a:lnTo>
                    <a:pt x="66" y="166"/>
                  </a:lnTo>
                  <a:lnTo>
                    <a:pt x="87" y="156"/>
                  </a:lnTo>
                  <a:lnTo>
                    <a:pt x="94" y="150"/>
                  </a:lnTo>
                  <a:lnTo>
                    <a:pt x="109" y="162"/>
                  </a:lnTo>
                  <a:lnTo>
                    <a:pt x="151" y="142"/>
                  </a:lnTo>
                  <a:lnTo>
                    <a:pt x="190" y="139"/>
                  </a:lnTo>
                  <a:lnTo>
                    <a:pt x="212" y="114"/>
                  </a:lnTo>
                  <a:lnTo>
                    <a:pt x="206" y="105"/>
                  </a:lnTo>
                  <a:lnTo>
                    <a:pt x="207" y="99"/>
                  </a:lnTo>
                  <a:lnTo>
                    <a:pt x="275" y="88"/>
                  </a:lnTo>
                  <a:lnTo>
                    <a:pt x="282" y="80"/>
                  </a:lnTo>
                  <a:lnTo>
                    <a:pt x="297" y="73"/>
                  </a:lnTo>
                  <a:lnTo>
                    <a:pt x="302" y="61"/>
                  </a:lnTo>
                  <a:lnTo>
                    <a:pt x="334" y="35"/>
                  </a:lnTo>
                  <a:lnTo>
                    <a:pt x="334" y="22"/>
                  </a:lnTo>
                  <a:lnTo>
                    <a:pt x="345" y="9"/>
                  </a:lnTo>
                  <a:lnTo>
                    <a:pt x="379" y="0"/>
                  </a:lnTo>
                  <a:lnTo>
                    <a:pt x="416" y="46"/>
                  </a:lnTo>
                  <a:lnTo>
                    <a:pt x="419" y="60"/>
                  </a:lnTo>
                  <a:lnTo>
                    <a:pt x="416" y="100"/>
                  </a:lnTo>
                  <a:lnTo>
                    <a:pt x="424" y="107"/>
                  </a:lnTo>
                  <a:lnTo>
                    <a:pt x="444" y="111"/>
                  </a:lnTo>
                  <a:lnTo>
                    <a:pt x="450" y="124"/>
                  </a:lnTo>
                  <a:lnTo>
                    <a:pt x="476" y="128"/>
                  </a:lnTo>
                  <a:lnTo>
                    <a:pt x="492" y="139"/>
                  </a:lnTo>
                  <a:lnTo>
                    <a:pt x="497" y="161"/>
                  </a:lnTo>
                  <a:lnTo>
                    <a:pt x="543" y="195"/>
                  </a:lnTo>
                  <a:lnTo>
                    <a:pt x="558" y="229"/>
                  </a:lnTo>
                  <a:lnTo>
                    <a:pt x="592" y="249"/>
                  </a:lnTo>
                  <a:lnTo>
                    <a:pt x="602" y="27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03" name="Freeform 142"/>
            <p:cNvSpPr>
              <a:spLocks noChangeAspect="1"/>
            </p:cNvSpPr>
            <p:nvPr/>
          </p:nvSpPr>
          <p:spPr bwMode="gray">
            <a:xfrm>
              <a:off x="4827588" y="3932238"/>
              <a:ext cx="139700" cy="144463"/>
            </a:xfrm>
            <a:custGeom>
              <a:avLst/>
              <a:gdLst>
                <a:gd name="T0" fmla="*/ 1 w 283"/>
                <a:gd name="T1" fmla="*/ 1 h 296"/>
                <a:gd name="T2" fmla="*/ 1 w 283"/>
                <a:gd name="T3" fmla="*/ 2 h 296"/>
                <a:gd name="T4" fmla="*/ 1 w 283"/>
                <a:gd name="T5" fmla="*/ 2 h 296"/>
                <a:gd name="T6" fmla="*/ 1 w 283"/>
                <a:gd name="T7" fmla="*/ 3 h 296"/>
                <a:gd name="T8" fmla="*/ 1 w 283"/>
                <a:gd name="T9" fmla="*/ 3 h 296"/>
                <a:gd name="T10" fmla="*/ 0 w 283"/>
                <a:gd name="T11" fmla="*/ 3 h 296"/>
                <a:gd name="T12" fmla="*/ 1 w 283"/>
                <a:gd name="T13" fmla="*/ 4 h 296"/>
                <a:gd name="T14" fmla="*/ 0 w 283"/>
                <a:gd name="T15" fmla="*/ 4 h 296"/>
                <a:gd name="T16" fmla="*/ 0 w 283"/>
                <a:gd name="T17" fmla="*/ 5 h 296"/>
                <a:gd name="T18" fmla="*/ 0 w 283"/>
                <a:gd name="T19" fmla="*/ 6 h 296"/>
                <a:gd name="T20" fmla="*/ 1 w 283"/>
                <a:gd name="T21" fmla="*/ 6 h 296"/>
                <a:gd name="T22" fmla="*/ 2 w 283"/>
                <a:gd name="T23" fmla="*/ 7 h 296"/>
                <a:gd name="T24" fmla="*/ 2 w 283"/>
                <a:gd name="T25" fmla="*/ 9 h 296"/>
                <a:gd name="T26" fmla="*/ 3 w 283"/>
                <a:gd name="T27" fmla="*/ 8 h 296"/>
                <a:gd name="T28" fmla="*/ 7 w 283"/>
                <a:gd name="T29" fmla="*/ 7 h 296"/>
                <a:gd name="T30" fmla="*/ 8 w 283"/>
                <a:gd name="T31" fmla="*/ 7 h 296"/>
                <a:gd name="T32" fmla="*/ 8 w 283"/>
                <a:gd name="T33" fmla="*/ 7 h 296"/>
                <a:gd name="T34" fmla="*/ 7 w 283"/>
                <a:gd name="T35" fmla="*/ 6 h 296"/>
                <a:gd name="T36" fmla="*/ 8 w 283"/>
                <a:gd name="T37" fmla="*/ 5 h 296"/>
                <a:gd name="T38" fmla="*/ 8 w 283"/>
                <a:gd name="T39" fmla="*/ 3 h 296"/>
                <a:gd name="T40" fmla="*/ 8 w 283"/>
                <a:gd name="T41" fmla="*/ 2 h 296"/>
                <a:gd name="T42" fmla="*/ 8 w 283"/>
                <a:gd name="T43" fmla="*/ 2 h 296"/>
                <a:gd name="T44" fmla="*/ 7 w 283"/>
                <a:gd name="T45" fmla="*/ 1 h 296"/>
                <a:gd name="T46" fmla="*/ 7 w 283"/>
                <a:gd name="T47" fmla="*/ 1 h 296"/>
                <a:gd name="T48" fmla="*/ 6 w 283"/>
                <a:gd name="T49" fmla="*/ 2 h 296"/>
                <a:gd name="T50" fmla="*/ 5 w 283"/>
                <a:gd name="T51" fmla="*/ 1 h 296"/>
                <a:gd name="T52" fmla="*/ 5 w 283"/>
                <a:gd name="T53" fmla="*/ 1 h 296"/>
                <a:gd name="T54" fmla="*/ 4 w 283"/>
                <a:gd name="T55" fmla="*/ 0 h 296"/>
                <a:gd name="T56" fmla="*/ 3 w 283"/>
                <a:gd name="T57" fmla="*/ 1 h 296"/>
                <a:gd name="T58" fmla="*/ 3 w 283"/>
                <a:gd name="T59" fmla="*/ 0 h 296"/>
                <a:gd name="T60" fmla="*/ 3 w 283"/>
                <a:gd name="T61" fmla="*/ 0 h 296"/>
                <a:gd name="T62" fmla="*/ 2 w 283"/>
                <a:gd name="T63" fmla="*/ 1 h 296"/>
                <a:gd name="T64" fmla="*/ 2 w 283"/>
                <a:gd name="T65" fmla="*/ 1 h 296"/>
                <a:gd name="T66" fmla="*/ 2 w 283"/>
                <a:gd name="T67" fmla="*/ 1 h 296"/>
                <a:gd name="T68" fmla="*/ 1 w 283"/>
                <a:gd name="T69" fmla="*/ 1 h 29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w 283"/>
                <a:gd name="T106" fmla="*/ 0 h 296"/>
                <a:gd name="T107" fmla="*/ 283 w 283"/>
                <a:gd name="T108" fmla="*/ 296 h 296"/>
              </a:gdLst>
              <a:ahLst/>
              <a:cxnLst>
                <a:cxn ang="T70">
                  <a:pos x="T0" y="T1"/>
                </a:cxn>
                <a:cxn ang="T71">
                  <a:pos x="T2" y="T3"/>
                </a:cxn>
                <a:cxn ang="T72">
                  <a:pos x="T4" y="T5"/>
                </a:cxn>
                <a:cxn ang="T73">
                  <a:pos x="T6" y="T7"/>
                </a:cxn>
                <a:cxn ang="T74">
                  <a:pos x="T8" y="T9"/>
                </a:cxn>
                <a:cxn ang="T75">
                  <a:pos x="T10" y="T11"/>
                </a:cxn>
                <a:cxn ang="T76">
                  <a:pos x="T12" y="T13"/>
                </a:cxn>
                <a:cxn ang="T77">
                  <a:pos x="T14" y="T15"/>
                </a:cxn>
                <a:cxn ang="T78">
                  <a:pos x="T16" y="T17"/>
                </a:cxn>
                <a:cxn ang="T79">
                  <a:pos x="T18" y="T19"/>
                </a:cxn>
                <a:cxn ang="T80">
                  <a:pos x="T20" y="T21"/>
                </a:cxn>
                <a:cxn ang="T81">
                  <a:pos x="T22" y="T23"/>
                </a:cxn>
                <a:cxn ang="T82">
                  <a:pos x="T24" y="T25"/>
                </a:cxn>
                <a:cxn ang="T83">
                  <a:pos x="T26" y="T27"/>
                </a:cxn>
                <a:cxn ang="T84">
                  <a:pos x="T28" y="T29"/>
                </a:cxn>
                <a:cxn ang="T85">
                  <a:pos x="T30" y="T31"/>
                </a:cxn>
                <a:cxn ang="T86">
                  <a:pos x="T32" y="T33"/>
                </a:cxn>
                <a:cxn ang="T87">
                  <a:pos x="T34" y="T35"/>
                </a:cxn>
                <a:cxn ang="T88">
                  <a:pos x="T36" y="T37"/>
                </a:cxn>
                <a:cxn ang="T89">
                  <a:pos x="T38" y="T39"/>
                </a:cxn>
                <a:cxn ang="T90">
                  <a:pos x="T40" y="T41"/>
                </a:cxn>
                <a:cxn ang="T91">
                  <a:pos x="T42" y="T43"/>
                </a:cxn>
                <a:cxn ang="T92">
                  <a:pos x="T44" y="T45"/>
                </a:cxn>
                <a:cxn ang="T93">
                  <a:pos x="T46" y="T47"/>
                </a:cxn>
                <a:cxn ang="T94">
                  <a:pos x="T48" y="T49"/>
                </a:cxn>
                <a:cxn ang="T95">
                  <a:pos x="T50" y="T51"/>
                </a:cxn>
                <a:cxn ang="T96">
                  <a:pos x="T52" y="T53"/>
                </a:cxn>
                <a:cxn ang="T97">
                  <a:pos x="T54" y="T55"/>
                </a:cxn>
                <a:cxn ang="T98">
                  <a:pos x="T56" y="T57"/>
                </a:cxn>
                <a:cxn ang="T99">
                  <a:pos x="T58" y="T59"/>
                </a:cxn>
                <a:cxn ang="T100">
                  <a:pos x="T60" y="T61"/>
                </a:cxn>
                <a:cxn ang="T101">
                  <a:pos x="T62" y="T63"/>
                </a:cxn>
                <a:cxn ang="T102">
                  <a:pos x="T64" y="T65"/>
                </a:cxn>
                <a:cxn ang="T103">
                  <a:pos x="T66" y="T67"/>
                </a:cxn>
                <a:cxn ang="T104">
                  <a:pos x="T68" y="T69"/>
                </a:cxn>
              </a:cxnLst>
              <a:rect l="T105" t="T106" r="T107" b="T108"/>
              <a:pathLst>
                <a:path w="283" h="296">
                  <a:moveTo>
                    <a:pt x="27" y="25"/>
                  </a:moveTo>
                  <a:lnTo>
                    <a:pt x="18" y="37"/>
                  </a:lnTo>
                  <a:lnTo>
                    <a:pt x="18" y="59"/>
                  </a:lnTo>
                  <a:lnTo>
                    <a:pt x="32" y="62"/>
                  </a:lnTo>
                  <a:lnTo>
                    <a:pt x="30" y="74"/>
                  </a:lnTo>
                  <a:lnTo>
                    <a:pt x="37" y="79"/>
                  </a:lnTo>
                  <a:lnTo>
                    <a:pt x="29" y="91"/>
                  </a:lnTo>
                  <a:lnTo>
                    <a:pt x="35" y="93"/>
                  </a:lnTo>
                  <a:lnTo>
                    <a:pt x="38" y="111"/>
                  </a:lnTo>
                  <a:lnTo>
                    <a:pt x="29" y="105"/>
                  </a:lnTo>
                  <a:lnTo>
                    <a:pt x="13" y="106"/>
                  </a:lnTo>
                  <a:lnTo>
                    <a:pt x="13" y="116"/>
                  </a:lnTo>
                  <a:lnTo>
                    <a:pt x="24" y="119"/>
                  </a:lnTo>
                  <a:lnTo>
                    <a:pt x="27" y="125"/>
                  </a:lnTo>
                  <a:lnTo>
                    <a:pt x="18" y="147"/>
                  </a:lnTo>
                  <a:lnTo>
                    <a:pt x="3" y="148"/>
                  </a:lnTo>
                  <a:lnTo>
                    <a:pt x="4" y="161"/>
                  </a:lnTo>
                  <a:lnTo>
                    <a:pt x="13" y="169"/>
                  </a:lnTo>
                  <a:lnTo>
                    <a:pt x="10" y="182"/>
                  </a:lnTo>
                  <a:lnTo>
                    <a:pt x="0" y="196"/>
                  </a:lnTo>
                  <a:lnTo>
                    <a:pt x="27" y="204"/>
                  </a:lnTo>
                  <a:lnTo>
                    <a:pt x="37" y="223"/>
                  </a:lnTo>
                  <a:lnTo>
                    <a:pt x="51" y="227"/>
                  </a:lnTo>
                  <a:lnTo>
                    <a:pt x="54" y="250"/>
                  </a:lnTo>
                  <a:lnTo>
                    <a:pt x="47" y="263"/>
                  </a:lnTo>
                  <a:lnTo>
                    <a:pt x="47" y="292"/>
                  </a:lnTo>
                  <a:lnTo>
                    <a:pt x="61" y="296"/>
                  </a:lnTo>
                  <a:lnTo>
                    <a:pt x="114" y="272"/>
                  </a:lnTo>
                  <a:lnTo>
                    <a:pt x="174" y="260"/>
                  </a:lnTo>
                  <a:lnTo>
                    <a:pt x="216" y="257"/>
                  </a:lnTo>
                  <a:lnTo>
                    <a:pt x="252" y="264"/>
                  </a:lnTo>
                  <a:lnTo>
                    <a:pt x="258" y="257"/>
                  </a:lnTo>
                  <a:lnTo>
                    <a:pt x="271" y="258"/>
                  </a:lnTo>
                  <a:lnTo>
                    <a:pt x="269" y="237"/>
                  </a:lnTo>
                  <a:lnTo>
                    <a:pt x="258" y="230"/>
                  </a:lnTo>
                  <a:lnTo>
                    <a:pt x="247" y="193"/>
                  </a:lnTo>
                  <a:lnTo>
                    <a:pt x="249" y="178"/>
                  </a:lnTo>
                  <a:lnTo>
                    <a:pt x="261" y="162"/>
                  </a:lnTo>
                  <a:lnTo>
                    <a:pt x="269" y="127"/>
                  </a:lnTo>
                  <a:lnTo>
                    <a:pt x="283" y="114"/>
                  </a:lnTo>
                  <a:lnTo>
                    <a:pt x="275" y="79"/>
                  </a:lnTo>
                  <a:lnTo>
                    <a:pt x="269" y="76"/>
                  </a:lnTo>
                  <a:lnTo>
                    <a:pt x="272" y="69"/>
                  </a:lnTo>
                  <a:lnTo>
                    <a:pt x="272" y="57"/>
                  </a:lnTo>
                  <a:lnTo>
                    <a:pt x="263" y="57"/>
                  </a:lnTo>
                  <a:lnTo>
                    <a:pt x="249" y="35"/>
                  </a:lnTo>
                  <a:lnTo>
                    <a:pt x="244" y="38"/>
                  </a:lnTo>
                  <a:lnTo>
                    <a:pt x="227" y="35"/>
                  </a:lnTo>
                  <a:lnTo>
                    <a:pt x="198" y="43"/>
                  </a:lnTo>
                  <a:lnTo>
                    <a:pt x="193" y="51"/>
                  </a:lnTo>
                  <a:lnTo>
                    <a:pt x="185" y="46"/>
                  </a:lnTo>
                  <a:lnTo>
                    <a:pt x="179" y="47"/>
                  </a:lnTo>
                  <a:lnTo>
                    <a:pt x="165" y="38"/>
                  </a:lnTo>
                  <a:lnTo>
                    <a:pt x="154" y="18"/>
                  </a:lnTo>
                  <a:lnTo>
                    <a:pt x="145" y="20"/>
                  </a:lnTo>
                  <a:lnTo>
                    <a:pt x="137" y="13"/>
                  </a:lnTo>
                  <a:lnTo>
                    <a:pt x="128" y="13"/>
                  </a:lnTo>
                  <a:lnTo>
                    <a:pt x="117" y="21"/>
                  </a:lnTo>
                  <a:lnTo>
                    <a:pt x="110" y="21"/>
                  </a:lnTo>
                  <a:lnTo>
                    <a:pt x="106" y="0"/>
                  </a:lnTo>
                  <a:lnTo>
                    <a:pt x="100" y="1"/>
                  </a:lnTo>
                  <a:lnTo>
                    <a:pt x="97" y="6"/>
                  </a:lnTo>
                  <a:lnTo>
                    <a:pt x="88" y="3"/>
                  </a:lnTo>
                  <a:lnTo>
                    <a:pt x="86" y="17"/>
                  </a:lnTo>
                  <a:lnTo>
                    <a:pt x="71" y="20"/>
                  </a:lnTo>
                  <a:lnTo>
                    <a:pt x="69" y="26"/>
                  </a:lnTo>
                  <a:lnTo>
                    <a:pt x="60" y="20"/>
                  </a:lnTo>
                  <a:lnTo>
                    <a:pt x="54" y="21"/>
                  </a:lnTo>
                  <a:lnTo>
                    <a:pt x="47" y="12"/>
                  </a:lnTo>
                  <a:lnTo>
                    <a:pt x="27" y="2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04" name="Freeform 143"/>
            <p:cNvSpPr>
              <a:spLocks noChangeAspect="1"/>
            </p:cNvSpPr>
            <p:nvPr/>
          </p:nvSpPr>
          <p:spPr bwMode="gray">
            <a:xfrm>
              <a:off x="5037138" y="3895726"/>
              <a:ext cx="66675" cy="138113"/>
            </a:xfrm>
            <a:custGeom>
              <a:avLst/>
              <a:gdLst>
                <a:gd name="T0" fmla="*/ 2 w 139"/>
                <a:gd name="T1" fmla="*/ 8 h 286"/>
                <a:gd name="T2" fmla="*/ 2 w 139"/>
                <a:gd name="T3" fmla="*/ 8 h 286"/>
                <a:gd name="T4" fmla="*/ 1 w 139"/>
                <a:gd name="T5" fmla="*/ 8 h 286"/>
                <a:gd name="T6" fmla="*/ 2 w 139"/>
                <a:gd name="T7" fmla="*/ 7 h 286"/>
                <a:gd name="T8" fmla="*/ 1 w 139"/>
                <a:gd name="T9" fmla="*/ 5 h 286"/>
                <a:gd name="T10" fmla="*/ 1 w 139"/>
                <a:gd name="T11" fmla="*/ 3 h 286"/>
                <a:gd name="T12" fmla="*/ 1 w 139"/>
                <a:gd name="T13" fmla="*/ 3 h 286"/>
                <a:gd name="T14" fmla="*/ 0 w 139"/>
                <a:gd name="T15" fmla="*/ 3 h 286"/>
                <a:gd name="T16" fmla="*/ 0 w 139"/>
                <a:gd name="T17" fmla="*/ 2 h 286"/>
                <a:gd name="T18" fmla="*/ 1 w 139"/>
                <a:gd name="T19" fmla="*/ 1 h 286"/>
                <a:gd name="T20" fmla="*/ 2 w 139"/>
                <a:gd name="T21" fmla="*/ 1 h 286"/>
                <a:gd name="T22" fmla="*/ 2 w 139"/>
                <a:gd name="T23" fmla="*/ 1 h 286"/>
                <a:gd name="T24" fmla="*/ 2 w 139"/>
                <a:gd name="T25" fmla="*/ 1 h 286"/>
                <a:gd name="T26" fmla="*/ 2 w 139"/>
                <a:gd name="T27" fmla="*/ 0 h 286"/>
                <a:gd name="T28" fmla="*/ 2 w 139"/>
                <a:gd name="T29" fmla="*/ 0 h 286"/>
                <a:gd name="T30" fmla="*/ 4 w 139"/>
                <a:gd name="T31" fmla="*/ 1 h 286"/>
                <a:gd name="T32" fmla="*/ 3 w 139"/>
                <a:gd name="T33" fmla="*/ 1 h 286"/>
                <a:gd name="T34" fmla="*/ 4 w 139"/>
                <a:gd name="T35" fmla="*/ 2 h 286"/>
                <a:gd name="T36" fmla="*/ 4 w 139"/>
                <a:gd name="T37" fmla="*/ 2 h 286"/>
                <a:gd name="T38" fmla="*/ 4 w 139"/>
                <a:gd name="T39" fmla="*/ 3 h 286"/>
                <a:gd name="T40" fmla="*/ 4 w 139"/>
                <a:gd name="T41" fmla="*/ 3 h 286"/>
                <a:gd name="T42" fmla="*/ 4 w 139"/>
                <a:gd name="T43" fmla="*/ 3 h 286"/>
                <a:gd name="T44" fmla="*/ 3 w 139"/>
                <a:gd name="T45" fmla="*/ 4 h 286"/>
                <a:gd name="T46" fmla="*/ 3 w 139"/>
                <a:gd name="T47" fmla="*/ 4 h 286"/>
                <a:gd name="T48" fmla="*/ 2 w 139"/>
                <a:gd name="T49" fmla="*/ 5 h 286"/>
                <a:gd name="T50" fmla="*/ 2 w 139"/>
                <a:gd name="T51" fmla="*/ 7 h 286"/>
                <a:gd name="T52" fmla="*/ 2 w 139"/>
                <a:gd name="T53" fmla="*/ 8 h 286"/>
                <a:gd name="T54" fmla="*/ 2 w 139"/>
                <a:gd name="T55" fmla="*/ 8 h 28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w 139"/>
                <a:gd name="T85" fmla="*/ 0 h 286"/>
                <a:gd name="T86" fmla="*/ 139 w 139"/>
                <a:gd name="T87" fmla="*/ 286 h 286"/>
              </a:gdLst>
              <a:ahLst/>
              <a:cxnLst>
                <a:cxn ang="T56">
                  <a:pos x="T0" y="T1"/>
                </a:cxn>
                <a:cxn ang="T57">
                  <a:pos x="T2" y="T3"/>
                </a:cxn>
                <a:cxn ang="T58">
                  <a:pos x="T4" y="T5"/>
                </a:cxn>
                <a:cxn ang="T59">
                  <a:pos x="T6" y="T7"/>
                </a:cxn>
                <a:cxn ang="T60">
                  <a:pos x="T8" y="T9"/>
                </a:cxn>
                <a:cxn ang="T61">
                  <a:pos x="T10" y="T11"/>
                </a:cxn>
                <a:cxn ang="T62">
                  <a:pos x="T12" y="T13"/>
                </a:cxn>
                <a:cxn ang="T63">
                  <a:pos x="T14" y="T15"/>
                </a:cxn>
                <a:cxn ang="T64">
                  <a:pos x="T16" y="T17"/>
                </a:cxn>
                <a:cxn ang="T65">
                  <a:pos x="T18" y="T19"/>
                </a:cxn>
                <a:cxn ang="T66">
                  <a:pos x="T20" y="T21"/>
                </a:cxn>
                <a:cxn ang="T67">
                  <a:pos x="T22" y="T23"/>
                </a:cxn>
                <a:cxn ang="T68">
                  <a:pos x="T24" y="T25"/>
                </a:cxn>
                <a:cxn ang="T69">
                  <a:pos x="T26" y="T27"/>
                </a:cxn>
                <a:cxn ang="T70">
                  <a:pos x="T28" y="T29"/>
                </a:cxn>
                <a:cxn ang="T71">
                  <a:pos x="T30" y="T31"/>
                </a:cxn>
                <a:cxn ang="T72">
                  <a:pos x="T32" y="T33"/>
                </a:cxn>
                <a:cxn ang="T73">
                  <a:pos x="T34" y="T35"/>
                </a:cxn>
                <a:cxn ang="T74">
                  <a:pos x="T36" y="T37"/>
                </a:cxn>
                <a:cxn ang="T75">
                  <a:pos x="T38" y="T39"/>
                </a:cxn>
                <a:cxn ang="T76">
                  <a:pos x="T40" y="T41"/>
                </a:cxn>
                <a:cxn ang="T77">
                  <a:pos x="T42" y="T43"/>
                </a:cxn>
                <a:cxn ang="T78">
                  <a:pos x="T44" y="T45"/>
                </a:cxn>
                <a:cxn ang="T79">
                  <a:pos x="T46" y="T47"/>
                </a:cxn>
                <a:cxn ang="T80">
                  <a:pos x="T48" y="T49"/>
                </a:cxn>
                <a:cxn ang="T81">
                  <a:pos x="T50" y="T51"/>
                </a:cxn>
                <a:cxn ang="T82">
                  <a:pos x="T52" y="T53"/>
                </a:cxn>
                <a:cxn ang="T83">
                  <a:pos x="T54" y="T55"/>
                </a:cxn>
              </a:cxnLst>
              <a:rect l="T84" t="T85" r="T86" b="T87"/>
              <a:pathLst>
                <a:path w="139" h="286">
                  <a:moveTo>
                    <a:pt x="55" y="286"/>
                  </a:moveTo>
                  <a:lnTo>
                    <a:pt x="51" y="284"/>
                  </a:lnTo>
                  <a:lnTo>
                    <a:pt x="46" y="266"/>
                  </a:lnTo>
                  <a:lnTo>
                    <a:pt x="49" y="238"/>
                  </a:lnTo>
                  <a:lnTo>
                    <a:pt x="46" y="170"/>
                  </a:lnTo>
                  <a:lnTo>
                    <a:pt x="27" y="116"/>
                  </a:lnTo>
                  <a:lnTo>
                    <a:pt x="17" y="102"/>
                  </a:lnTo>
                  <a:lnTo>
                    <a:pt x="0" y="94"/>
                  </a:lnTo>
                  <a:lnTo>
                    <a:pt x="6" y="64"/>
                  </a:lnTo>
                  <a:lnTo>
                    <a:pt x="30" y="40"/>
                  </a:lnTo>
                  <a:lnTo>
                    <a:pt x="59" y="42"/>
                  </a:lnTo>
                  <a:lnTo>
                    <a:pt x="74" y="20"/>
                  </a:lnTo>
                  <a:lnTo>
                    <a:pt x="81" y="17"/>
                  </a:lnTo>
                  <a:lnTo>
                    <a:pt x="74" y="5"/>
                  </a:lnTo>
                  <a:lnTo>
                    <a:pt x="94" y="0"/>
                  </a:lnTo>
                  <a:lnTo>
                    <a:pt x="130" y="30"/>
                  </a:lnTo>
                  <a:lnTo>
                    <a:pt x="125" y="45"/>
                  </a:lnTo>
                  <a:lnTo>
                    <a:pt x="135" y="60"/>
                  </a:lnTo>
                  <a:lnTo>
                    <a:pt x="139" y="89"/>
                  </a:lnTo>
                  <a:lnTo>
                    <a:pt x="128" y="96"/>
                  </a:lnTo>
                  <a:lnTo>
                    <a:pt x="134" y="106"/>
                  </a:lnTo>
                  <a:lnTo>
                    <a:pt x="130" y="114"/>
                  </a:lnTo>
                  <a:lnTo>
                    <a:pt x="111" y="131"/>
                  </a:lnTo>
                  <a:lnTo>
                    <a:pt x="108" y="153"/>
                  </a:lnTo>
                  <a:lnTo>
                    <a:pt x="94" y="181"/>
                  </a:lnTo>
                  <a:lnTo>
                    <a:pt x="89" y="246"/>
                  </a:lnTo>
                  <a:lnTo>
                    <a:pt x="94" y="282"/>
                  </a:lnTo>
                  <a:lnTo>
                    <a:pt x="55" y="28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05" name="Freeform 144"/>
            <p:cNvSpPr>
              <a:spLocks noChangeAspect="1"/>
            </p:cNvSpPr>
            <p:nvPr/>
          </p:nvSpPr>
          <p:spPr bwMode="gray">
            <a:xfrm>
              <a:off x="4762500" y="3981451"/>
              <a:ext cx="90488" cy="93663"/>
            </a:xfrm>
            <a:custGeom>
              <a:avLst/>
              <a:gdLst>
                <a:gd name="T0" fmla="*/ 0 w 188"/>
                <a:gd name="T1" fmla="*/ 2 h 190"/>
                <a:gd name="T2" fmla="*/ 0 w 188"/>
                <a:gd name="T3" fmla="*/ 2 h 190"/>
                <a:gd name="T4" fmla="*/ 1 w 188"/>
                <a:gd name="T5" fmla="*/ 1 h 190"/>
                <a:gd name="T6" fmla="*/ 1 w 188"/>
                <a:gd name="T7" fmla="*/ 1 h 190"/>
                <a:gd name="T8" fmla="*/ 2 w 188"/>
                <a:gd name="T9" fmla="*/ 1 h 190"/>
                <a:gd name="T10" fmla="*/ 2 w 188"/>
                <a:gd name="T11" fmla="*/ 0 h 190"/>
                <a:gd name="T12" fmla="*/ 2 w 188"/>
                <a:gd name="T13" fmla="*/ 0 h 190"/>
                <a:gd name="T14" fmla="*/ 2 w 188"/>
                <a:gd name="T15" fmla="*/ 0 h 190"/>
                <a:gd name="T16" fmla="*/ 2 w 188"/>
                <a:gd name="T17" fmla="*/ 0 h 190"/>
                <a:gd name="T18" fmla="*/ 2 w 188"/>
                <a:gd name="T19" fmla="*/ 0 h 190"/>
                <a:gd name="T20" fmla="*/ 3 w 188"/>
                <a:gd name="T21" fmla="*/ 1 h 190"/>
                <a:gd name="T22" fmla="*/ 2 w 188"/>
                <a:gd name="T23" fmla="*/ 2 h 190"/>
                <a:gd name="T24" fmla="*/ 3 w 188"/>
                <a:gd name="T25" fmla="*/ 2 h 190"/>
                <a:gd name="T26" fmla="*/ 3 w 188"/>
                <a:gd name="T27" fmla="*/ 2 h 190"/>
                <a:gd name="T28" fmla="*/ 3 w 188"/>
                <a:gd name="T29" fmla="*/ 2 h 190"/>
                <a:gd name="T30" fmla="*/ 4 w 188"/>
                <a:gd name="T31" fmla="*/ 1 h 190"/>
                <a:gd name="T32" fmla="*/ 4 w 188"/>
                <a:gd name="T33" fmla="*/ 1 h 190"/>
                <a:gd name="T34" fmla="*/ 4 w 188"/>
                <a:gd name="T35" fmla="*/ 2 h 190"/>
                <a:gd name="T36" fmla="*/ 4 w 188"/>
                <a:gd name="T37" fmla="*/ 2 h 190"/>
                <a:gd name="T38" fmla="*/ 4 w 188"/>
                <a:gd name="T39" fmla="*/ 2 h 190"/>
                <a:gd name="T40" fmla="*/ 4 w 188"/>
                <a:gd name="T41" fmla="*/ 3 h 190"/>
                <a:gd name="T42" fmla="*/ 5 w 188"/>
                <a:gd name="T43" fmla="*/ 3 h 190"/>
                <a:gd name="T44" fmla="*/ 5 w 188"/>
                <a:gd name="T45" fmla="*/ 4 h 190"/>
                <a:gd name="T46" fmla="*/ 5 w 188"/>
                <a:gd name="T47" fmla="*/ 4 h 190"/>
                <a:gd name="T48" fmla="*/ 5 w 188"/>
                <a:gd name="T49" fmla="*/ 4 h 190"/>
                <a:gd name="T50" fmla="*/ 5 w 188"/>
                <a:gd name="T51" fmla="*/ 5 h 190"/>
                <a:gd name="T52" fmla="*/ 5 w 188"/>
                <a:gd name="T53" fmla="*/ 6 h 190"/>
                <a:gd name="T54" fmla="*/ 4 w 188"/>
                <a:gd name="T55" fmla="*/ 5 h 190"/>
                <a:gd name="T56" fmla="*/ 3 w 188"/>
                <a:gd name="T57" fmla="*/ 5 h 190"/>
                <a:gd name="T58" fmla="*/ 2 w 188"/>
                <a:gd name="T59" fmla="*/ 3 h 190"/>
                <a:gd name="T60" fmla="*/ 1 w 188"/>
                <a:gd name="T61" fmla="*/ 3 h 190"/>
                <a:gd name="T62" fmla="*/ 0 w 188"/>
                <a:gd name="T63" fmla="*/ 2 h 190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188"/>
                <a:gd name="T97" fmla="*/ 0 h 190"/>
                <a:gd name="T98" fmla="*/ 188 w 188"/>
                <a:gd name="T99" fmla="*/ 190 h 190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188" h="190">
                  <a:moveTo>
                    <a:pt x="0" y="72"/>
                  </a:moveTo>
                  <a:lnTo>
                    <a:pt x="8" y="59"/>
                  </a:lnTo>
                  <a:lnTo>
                    <a:pt x="41" y="37"/>
                  </a:lnTo>
                  <a:lnTo>
                    <a:pt x="39" y="23"/>
                  </a:lnTo>
                  <a:lnTo>
                    <a:pt x="55" y="17"/>
                  </a:lnTo>
                  <a:lnTo>
                    <a:pt x="53" y="8"/>
                  </a:lnTo>
                  <a:lnTo>
                    <a:pt x="61" y="0"/>
                  </a:lnTo>
                  <a:lnTo>
                    <a:pt x="70" y="4"/>
                  </a:lnTo>
                  <a:lnTo>
                    <a:pt x="80" y="1"/>
                  </a:lnTo>
                  <a:lnTo>
                    <a:pt x="90" y="9"/>
                  </a:lnTo>
                  <a:lnTo>
                    <a:pt x="97" y="35"/>
                  </a:lnTo>
                  <a:lnTo>
                    <a:pt x="92" y="55"/>
                  </a:lnTo>
                  <a:lnTo>
                    <a:pt x="100" y="54"/>
                  </a:lnTo>
                  <a:lnTo>
                    <a:pt x="112" y="62"/>
                  </a:lnTo>
                  <a:lnTo>
                    <a:pt x="120" y="59"/>
                  </a:lnTo>
                  <a:lnTo>
                    <a:pt x="129" y="42"/>
                  </a:lnTo>
                  <a:lnTo>
                    <a:pt x="137" y="46"/>
                  </a:lnTo>
                  <a:lnTo>
                    <a:pt x="138" y="59"/>
                  </a:lnTo>
                  <a:lnTo>
                    <a:pt x="147" y="67"/>
                  </a:lnTo>
                  <a:lnTo>
                    <a:pt x="144" y="80"/>
                  </a:lnTo>
                  <a:lnTo>
                    <a:pt x="134" y="94"/>
                  </a:lnTo>
                  <a:lnTo>
                    <a:pt x="161" y="102"/>
                  </a:lnTo>
                  <a:lnTo>
                    <a:pt x="171" y="121"/>
                  </a:lnTo>
                  <a:lnTo>
                    <a:pt x="185" y="125"/>
                  </a:lnTo>
                  <a:lnTo>
                    <a:pt x="188" y="148"/>
                  </a:lnTo>
                  <a:lnTo>
                    <a:pt x="181" y="161"/>
                  </a:lnTo>
                  <a:lnTo>
                    <a:pt x="181" y="190"/>
                  </a:lnTo>
                  <a:lnTo>
                    <a:pt x="138" y="181"/>
                  </a:lnTo>
                  <a:lnTo>
                    <a:pt x="98" y="156"/>
                  </a:lnTo>
                  <a:lnTo>
                    <a:pt x="51" y="113"/>
                  </a:lnTo>
                  <a:lnTo>
                    <a:pt x="27" y="102"/>
                  </a:lnTo>
                  <a:lnTo>
                    <a:pt x="0" y="7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06" name="Freeform 145"/>
            <p:cNvSpPr>
              <a:spLocks noChangeAspect="1"/>
            </p:cNvSpPr>
            <p:nvPr/>
          </p:nvSpPr>
          <p:spPr bwMode="gray">
            <a:xfrm>
              <a:off x="5018088" y="3927476"/>
              <a:ext cx="44450" cy="109538"/>
            </a:xfrm>
            <a:custGeom>
              <a:avLst/>
              <a:gdLst>
                <a:gd name="T0" fmla="*/ 2 w 93"/>
                <a:gd name="T1" fmla="*/ 6 h 230"/>
                <a:gd name="T2" fmla="*/ 2 w 93"/>
                <a:gd name="T3" fmla="*/ 6 h 230"/>
                <a:gd name="T4" fmla="*/ 1 w 93"/>
                <a:gd name="T5" fmla="*/ 6 h 230"/>
                <a:gd name="T6" fmla="*/ 1 w 93"/>
                <a:gd name="T7" fmla="*/ 5 h 230"/>
                <a:gd name="T8" fmla="*/ 1 w 93"/>
                <a:gd name="T9" fmla="*/ 2 h 230"/>
                <a:gd name="T10" fmla="*/ 1 w 93"/>
                <a:gd name="T11" fmla="*/ 1 h 230"/>
                <a:gd name="T12" fmla="*/ 0 w 93"/>
                <a:gd name="T13" fmla="*/ 1 h 230"/>
                <a:gd name="T14" fmla="*/ 0 w 93"/>
                <a:gd name="T15" fmla="*/ 0 h 230"/>
                <a:gd name="T16" fmla="*/ 0 w 93"/>
                <a:gd name="T17" fmla="*/ 0 h 230"/>
                <a:gd name="T18" fmla="*/ 0 w 93"/>
                <a:gd name="T19" fmla="*/ 0 h 230"/>
                <a:gd name="T20" fmla="*/ 0 w 93"/>
                <a:gd name="T21" fmla="*/ 0 h 230"/>
                <a:gd name="T22" fmla="*/ 1 w 93"/>
                <a:gd name="T23" fmla="*/ 0 h 230"/>
                <a:gd name="T24" fmla="*/ 1 w 93"/>
                <a:gd name="T25" fmla="*/ 0 h 230"/>
                <a:gd name="T26" fmla="*/ 1 w 93"/>
                <a:gd name="T27" fmla="*/ 1 h 230"/>
                <a:gd name="T28" fmla="*/ 2 w 93"/>
                <a:gd name="T29" fmla="*/ 1 h 230"/>
                <a:gd name="T30" fmla="*/ 2 w 93"/>
                <a:gd name="T31" fmla="*/ 2 h 230"/>
                <a:gd name="T32" fmla="*/ 2 w 93"/>
                <a:gd name="T33" fmla="*/ 3 h 230"/>
                <a:gd name="T34" fmla="*/ 2 w 93"/>
                <a:gd name="T35" fmla="*/ 5 h 230"/>
                <a:gd name="T36" fmla="*/ 2 w 93"/>
                <a:gd name="T37" fmla="*/ 5 h 230"/>
                <a:gd name="T38" fmla="*/ 2 w 93"/>
                <a:gd name="T39" fmla="*/ 6 h 230"/>
                <a:gd name="T40" fmla="*/ 2 w 93"/>
                <a:gd name="T41" fmla="*/ 6 h 230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w 93"/>
                <a:gd name="T64" fmla="*/ 0 h 230"/>
                <a:gd name="T65" fmla="*/ 93 w 93"/>
                <a:gd name="T66" fmla="*/ 230 h 230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T63" t="T64" r="T65" b="T66"/>
              <a:pathLst>
                <a:path w="93" h="230">
                  <a:moveTo>
                    <a:pt x="93" y="222"/>
                  </a:moveTo>
                  <a:lnTo>
                    <a:pt x="61" y="230"/>
                  </a:lnTo>
                  <a:lnTo>
                    <a:pt x="44" y="213"/>
                  </a:lnTo>
                  <a:lnTo>
                    <a:pt x="34" y="196"/>
                  </a:lnTo>
                  <a:lnTo>
                    <a:pt x="28" y="80"/>
                  </a:lnTo>
                  <a:lnTo>
                    <a:pt x="17" y="38"/>
                  </a:lnTo>
                  <a:lnTo>
                    <a:pt x="0" y="17"/>
                  </a:lnTo>
                  <a:lnTo>
                    <a:pt x="5" y="5"/>
                  </a:lnTo>
                  <a:lnTo>
                    <a:pt x="0" y="4"/>
                  </a:lnTo>
                  <a:lnTo>
                    <a:pt x="0" y="1"/>
                  </a:lnTo>
                  <a:lnTo>
                    <a:pt x="14" y="1"/>
                  </a:lnTo>
                  <a:lnTo>
                    <a:pt x="25" y="4"/>
                  </a:lnTo>
                  <a:lnTo>
                    <a:pt x="44" y="0"/>
                  </a:lnTo>
                  <a:lnTo>
                    <a:pt x="38" y="30"/>
                  </a:lnTo>
                  <a:lnTo>
                    <a:pt x="55" y="38"/>
                  </a:lnTo>
                  <a:lnTo>
                    <a:pt x="65" y="52"/>
                  </a:lnTo>
                  <a:lnTo>
                    <a:pt x="84" y="106"/>
                  </a:lnTo>
                  <a:lnTo>
                    <a:pt x="87" y="174"/>
                  </a:lnTo>
                  <a:lnTo>
                    <a:pt x="84" y="202"/>
                  </a:lnTo>
                  <a:lnTo>
                    <a:pt x="89" y="220"/>
                  </a:lnTo>
                  <a:lnTo>
                    <a:pt x="93" y="22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07" name="Freeform 146"/>
            <p:cNvSpPr>
              <a:spLocks noChangeAspect="1"/>
            </p:cNvSpPr>
            <p:nvPr/>
          </p:nvSpPr>
          <p:spPr bwMode="gray">
            <a:xfrm>
              <a:off x="4681538" y="3886201"/>
              <a:ext cx="163513" cy="127000"/>
            </a:xfrm>
            <a:custGeom>
              <a:avLst/>
              <a:gdLst>
                <a:gd name="T0" fmla="*/ 3 w 338"/>
                <a:gd name="T1" fmla="*/ 0 h 257"/>
                <a:gd name="T2" fmla="*/ 3 w 338"/>
                <a:gd name="T3" fmla="*/ 0 h 257"/>
                <a:gd name="T4" fmla="*/ 5 w 338"/>
                <a:gd name="T5" fmla="*/ 0 h 257"/>
                <a:gd name="T6" fmla="*/ 5 w 338"/>
                <a:gd name="T7" fmla="*/ 1 h 257"/>
                <a:gd name="T8" fmla="*/ 5 w 338"/>
                <a:gd name="T9" fmla="*/ 1 h 257"/>
                <a:gd name="T10" fmla="*/ 6 w 338"/>
                <a:gd name="T11" fmla="*/ 1 h 257"/>
                <a:gd name="T12" fmla="*/ 7 w 338"/>
                <a:gd name="T13" fmla="*/ 1 h 257"/>
                <a:gd name="T14" fmla="*/ 7 w 338"/>
                <a:gd name="T15" fmla="*/ 0 h 257"/>
                <a:gd name="T16" fmla="*/ 8 w 338"/>
                <a:gd name="T17" fmla="*/ 1 h 257"/>
                <a:gd name="T18" fmla="*/ 8 w 338"/>
                <a:gd name="T19" fmla="*/ 1 h 257"/>
                <a:gd name="T20" fmla="*/ 8 w 338"/>
                <a:gd name="T21" fmla="*/ 2 h 257"/>
                <a:gd name="T22" fmla="*/ 9 w 338"/>
                <a:gd name="T23" fmla="*/ 2 h 257"/>
                <a:gd name="T24" fmla="*/ 8 w 338"/>
                <a:gd name="T25" fmla="*/ 2 h 257"/>
                <a:gd name="T26" fmla="*/ 9 w 338"/>
                <a:gd name="T27" fmla="*/ 2 h 257"/>
                <a:gd name="T28" fmla="*/ 9 w 338"/>
                <a:gd name="T29" fmla="*/ 3 h 257"/>
                <a:gd name="T30" fmla="*/ 9 w 338"/>
                <a:gd name="T31" fmla="*/ 4 h 257"/>
                <a:gd name="T32" fmla="*/ 9 w 338"/>
                <a:gd name="T33" fmla="*/ 5 h 257"/>
                <a:gd name="T34" fmla="*/ 9 w 338"/>
                <a:gd name="T35" fmla="*/ 5 h 257"/>
                <a:gd name="T36" fmla="*/ 9 w 338"/>
                <a:gd name="T37" fmla="*/ 6 h 257"/>
                <a:gd name="T38" fmla="*/ 9 w 338"/>
                <a:gd name="T39" fmla="*/ 6 h 257"/>
                <a:gd name="T40" fmla="*/ 9 w 338"/>
                <a:gd name="T41" fmla="*/ 6 h 257"/>
                <a:gd name="T42" fmla="*/ 9 w 338"/>
                <a:gd name="T43" fmla="*/ 7 h 257"/>
                <a:gd name="T44" fmla="*/ 9 w 338"/>
                <a:gd name="T45" fmla="*/ 7 h 257"/>
                <a:gd name="T46" fmla="*/ 8 w 338"/>
                <a:gd name="T47" fmla="*/ 8 h 257"/>
                <a:gd name="T48" fmla="*/ 8 w 338"/>
                <a:gd name="T49" fmla="*/ 7 h 257"/>
                <a:gd name="T50" fmla="*/ 7 w 338"/>
                <a:gd name="T51" fmla="*/ 7 h 257"/>
                <a:gd name="T52" fmla="*/ 7 w 338"/>
                <a:gd name="T53" fmla="*/ 6 h 257"/>
                <a:gd name="T54" fmla="*/ 6 w 338"/>
                <a:gd name="T55" fmla="*/ 6 h 257"/>
                <a:gd name="T56" fmla="*/ 6 w 338"/>
                <a:gd name="T57" fmla="*/ 6 h 257"/>
                <a:gd name="T58" fmla="*/ 6 w 338"/>
                <a:gd name="T59" fmla="*/ 6 h 257"/>
                <a:gd name="T60" fmla="*/ 6 w 338"/>
                <a:gd name="T61" fmla="*/ 5 h 257"/>
                <a:gd name="T62" fmla="*/ 6 w 338"/>
                <a:gd name="T63" fmla="*/ 5 h 257"/>
                <a:gd name="T64" fmla="*/ 5 w 338"/>
                <a:gd name="T65" fmla="*/ 4 h 257"/>
                <a:gd name="T66" fmla="*/ 3 w 338"/>
                <a:gd name="T67" fmla="*/ 4 h 257"/>
                <a:gd name="T68" fmla="*/ 3 w 338"/>
                <a:gd name="T69" fmla="*/ 5 h 257"/>
                <a:gd name="T70" fmla="*/ 2 w 338"/>
                <a:gd name="T71" fmla="*/ 5 h 257"/>
                <a:gd name="T72" fmla="*/ 1 w 338"/>
                <a:gd name="T73" fmla="*/ 4 h 257"/>
                <a:gd name="T74" fmla="*/ 1 w 338"/>
                <a:gd name="T75" fmla="*/ 3 h 257"/>
                <a:gd name="T76" fmla="*/ 0 w 338"/>
                <a:gd name="T77" fmla="*/ 3 h 257"/>
                <a:gd name="T78" fmla="*/ 0 w 338"/>
                <a:gd name="T79" fmla="*/ 2 h 257"/>
                <a:gd name="T80" fmla="*/ 2 w 338"/>
                <a:gd name="T81" fmla="*/ 2 h 257"/>
                <a:gd name="T82" fmla="*/ 2 w 338"/>
                <a:gd name="T83" fmla="*/ 1 h 257"/>
                <a:gd name="T84" fmla="*/ 2 w 338"/>
                <a:gd name="T85" fmla="*/ 0 h 257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w 338"/>
                <a:gd name="T130" fmla="*/ 0 h 257"/>
                <a:gd name="T131" fmla="*/ 338 w 338"/>
                <a:gd name="T132" fmla="*/ 257 h 257"/>
              </a:gdLst>
              <a:ahLst/>
              <a:cxnLst>
                <a:cxn ang="T86">
                  <a:pos x="T0" y="T1"/>
                </a:cxn>
                <a:cxn ang="T87">
                  <a:pos x="T2" y="T3"/>
                </a:cxn>
                <a:cxn ang="T88">
                  <a:pos x="T4" y="T5"/>
                </a:cxn>
                <a:cxn ang="T89">
                  <a:pos x="T6" y="T7"/>
                </a:cxn>
                <a:cxn ang="T90">
                  <a:pos x="T8" y="T9"/>
                </a:cxn>
                <a:cxn ang="T91">
                  <a:pos x="T10" y="T11"/>
                </a:cxn>
                <a:cxn ang="T92">
                  <a:pos x="T12" y="T13"/>
                </a:cxn>
                <a:cxn ang="T93">
                  <a:pos x="T14" y="T15"/>
                </a:cxn>
                <a:cxn ang="T94">
                  <a:pos x="T16" y="T17"/>
                </a:cxn>
                <a:cxn ang="T95">
                  <a:pos x="T18" y="T19"/>
                </a:cxn>
                <a:cxn ang="T96">
                  <a:pos x="T20" y="T21"/>
                </a:cxn>
                <a:cxn ang="T97">
                  <a:pos x="T22" y="T23"/>
                </a:cxn>
                <a:cxn ang="T98">
                  <a:pos x="T24" y="T25"/>
                </a:cxn>
                <a:cxn ang="T99">
                  <a:pos x="T26" y="T27"/>
                </a:cxn>
                <a:cxn ang="T100">
                  <a:pos x="T28" y="T29"/>
                </a:cxn>
                <a:cxn ang="T101">
                  <a:pos x="T30" y="T31"/>
                </a:cxn>
                <a:cxn ang="T102">
                  <a:pos x="T32" y="T33"/>
                </a:cxn>
                <a:cxn ang="T103">
                  <a:pos x="T34" y="T35"/>
                </a:cxn>
                <a:cxn ang="T104">
                  <a:pos x="T36" y="T37"/>
                </a:cxn>
                <a:cxn ang="T105">
                  <a:pos x="T38" y="T39"/>
                </a:cxn>
                <a:cxn ang="T106">
                  <a:pos x="T40" y="T41"/>
                </a:cxn>
                <a:cxn ang="T107">
                  <a:pos x="T42" y="T43"/>
                </a:cxn>
                <a:cxn ang="T108">
                  <a:pos x="T44" y="T45"/>
                </a:cxn>
                <a:cxn ang="T109">
                  <a:pos x="T46" y="T47"/>
                </a:cxn>
                <a:cxn ang="T110">
                  <a:pos x="T48" y="T49"/>
                </a:cxn>
                <a:cxn ang="T111">
                  <a:pos x="T50" y="T51"/>
                </a:cxn>
                <a:cxn ang="T112">
                  <a:pos x="T52" y="T53"/>
                </a:cxn>
                <a:cxn ang="T113">
                  <a:pos x="T54" y="T55"/>
                </a:cxn>
                <a:cxn ang="T114">
                  <a:pos x="T56" y="T57"/>
                </a:cxn>
                <a:cxn ang="T115">
                  <a:pos x="T58" y="T59"/>
                </a:cxn>
                <a:cxn ang="T116">
                  <a:pos x="T60" y="T61"/>
                </a:cxn>
                <a:cxn ang="T117">
                  <a:pos x="T62" y="T63"/>
                </a:cxn>
                <a:cxn ang="T118">
                  <a:pos x="T64" y="T65"/>
                </a:cxn>
                <a:cxn ang="T119">
                  <a:pos x="T66" y="T67"/>
                </a:cxn>
                <a:cxn ang="T120">
                  <a:pos x="T68" y="T69"/>
                </a:cxn>
                <a:cxn ang="T121">
                  <a:pos x="T70" y="T71"/>
                </a:cxn>
                <a:cxn ang="T122">
                  <a:pos x="T72" y="T73"/>
                </a:cxn>
                <a:cxn ang="T123">
                  <a:pos x="T74" y="T75"/>
                </a:cxn>
                <a:cxn ang="T124">
                  <a:pos x="T76" y="T77"/>
                </a:cxn>
                <a:cxn ang="T125">
                  <a:pos x="T78" y="T79"/>
                </a:cxn>
                <a:cxn ang="T126">
                  <a:pos x="T80" y="T81"/>
                </a:cxn>
                <a:cxn ang="T127">
                  <a:pos x="T82" y="T83"/>
                </a:cxn>
                <a:cxn ang="T128">
                  <a:pos x="T84" y="T85"/>
                </a:cxn>
              </a:cxnLst>
              <a:rect l="T129" t="T130" r="T131" b="T132"/>
              <a:pathLst>
                <a:path w="338" h="257">
                  <a:moveTo>
                    <a:pt x="63" y="0"/>
                  </a:moveTo>
                  <a:lnTo>
                    <a:pt x="92" y="3"/>
                  </a:lnTo>
                  <a:lnTo>
                    <a:pt x="94" y="11"/>
                  </a:lnTo>
                  <a:lnTo>
                    <a:pt x="102" y="8"/>
                  </a:lnTo>
                  <a:lnTo>
                    <a:pt x="128" y="18"/>
                  </a:lnTo>
                  <a:lnTo>
                    <a:pt x="173" y="14"/>
                  </a:lnTo>
                  <a:lnTo>
                    <a:pt x="166" y="26"/>
                  </a:lnTo>
                  <a:lnTo>
                    <a:pt x="171" y="31"/>
                  </a:lnTo>
                  <a:lnTo>
                    <a:pt x="178" y="32"/>
                  </a:lnTo>
                  <a:lnTo>
                    <a:pt x="191" y="23"/>
                  </a:lnTo>
                  <a:lnTo>
                    <a:pt x="205" y="37"/>
                  </a:lnTo>
                  <a:lnTo>
                    <a:pt x="221" y="22"/>
                  </a:lnTo>
                  <a:lnTo>
                    <a:pt x="247" y="32"/>
                  </a:lnTo>
                  <a:lnTo>
                    <a:pt x="249" y="23"/>
                  </a:lnTo>
                  <a:lnTo>
                    <a:pt x="263" y="18"/>
                  </a:lnTo>
                  <a:lnTo>
                    <a:pt x="263" y="9"/>
                  </a:lnTo>
                  <a:lnTo>
                    <a:pt x="278" y="9"/>
                  </a:lnTo>
                  <a:lnTo>
                    <a:pt x="280" y="23"/>
                  </a:lnTo>
                  <a:lnTo>
                    <a:pt x="284" y="25"/>
                  </a:lnTo>
                  <a:lnTo>
                    <a:pt x="289" y="35"/>
                  </a:lnTo>
                  <a:lnTo>
                    <a:pt x="289" y="49"/>
                  </a:lnTo>
                  <a:lnTo>
                    <a:pt x="293" y="49"/>
                  </a:lnTo>
                  <a:lnTo>
                    <a:pt x="297" y="56"/>
                  </a:lnTo>
                  <a:lnTo>
                    <a:pt x="309" y="62"/>
                  </a:lnTo>
                  <a:lnTo>
                    <a:pt x="309" y="68"/>
                  </a:lnTo>
                  <a:lnTo>
                    <a:pt x="295" y="77"/>
                  </a:lnTo>
                  <a:lnTo>
                    <a:pt x="295" y="82"/>
                  </a:lnTo>
                  <a:lnTo>
                    <a:pt x="301" y="77"/>
                  </a:lnTo>
                  <a:lnTo>
                    <a:pt x="310" y="77"/>
                  </a:lnTo>
                  <a:lnTo>
                    <a:pt x="312" y="101"/>
                  </a:lnTo>
                  <a:lnTo>
                    <a:pt x="327" y="118"/>
                  </a:lnTo>
                  <a:lnTo>
                    <a:pt x="318" y="130"/>
                  </a:lnTo>
                  <a:lnTo>
                    <a:pt x="318" y="152"/>
                  </a:lnTo>
                  <a:lnTo>
                    <a:pt x="332" y="155"/>
                  </a:lnTo>
                  <a:lnTo>
                    <a:pt x="330" y="167"/>
                  </a:lnTo>
                  <a:lnTo>
                    <a:pt x="337" y="172"/>
                  </a:lnTo>
                  <a:lnTo>
                    <a:pt x="329" y="184"/>
                  </a:lnTo>
                  <a:lnTo>
                    <a:pt x="335" y="186"/>
                  </a:lnTo>
                  <a:lnTo>
                    <a:pt x="338" y="204"/>
                  </a:lnTo>
                  <a:lnTo>
                    <a:pt x="329" y="198"/>
                  </a:lnTo>
                  <a:lnTo>
                    <a:pt x="313" y="199"/>
                  </a:lnTo>
                  <a:lnTo>
                    <a:pt x="313" y="209"/>
                  </a:lnTo>
                  <a:lnTo>
                    <a:pt x="324" y="212"/>
                  </a:lnTo>
                  <a:lnTo>
                    <a:pt x="327" y="218"/>
                  </a:lnTo>
                  <a:lnTo>
                    <a:pt x="318" y="240"/>
                  </a:lnTo>
                  <a:lnTo>
                    <a:pt x="303" y="241"/>
                  </a:lnTo>
                  <a:lnTo>
                    <a:pt x="295" y="237"/>
                  </a:lnTo>
                  <a:lnTo>
                    <a:pt x="286" y="254"/>
                  </a:lnTo>
                  <a:lnTo>
                    <a:pt x="278" y="257"/>
                  </a:lnTo>
                  <a:lnTo>
                    <a:pt x="266" y="249"/>
                  </a:lnTo>
                  <a:lnTo>
                    <a:pt x="258" y="250"/>
                  </a:lnTo>
                  <a:lnTo>
                    <a:pt x="263" y="230"/>
                  </a:lnTo>
                  <a:lnTo>
                    <a:pt x="256" y="204"/>
                  </a:lnTo>
                  <a:lnTo>
                    <a:pt x="246" y="196"/>
                  </a:lnTo>
                  <a:lnTo>
                    <a:pt x="236" y="199"/>
                  </a:lnTo>
                  <a:lnTo>
                    <a:pt x="227" y="195"/>
                  </a:lnTo>
                  <a:lnTo>
                    <a:pt x="219" y="203"/>
                  </a:lnTo>
                  <a:lnTo>
                    <a:pt x="217" y="198"/>
                  </a:lnTo>
                  <a:lnTo>
                    <a:pt x="202" y="204"/>
                  </a:lnTo>
                  <a:lnTo>
                    <a:pt x="205" y="189"/>
                  </a:lnTo>
                  <a:lnTo>
                    <a:pt x="210" y="186"/>
                  </a:lnTo>
                  <a:lnTo>
                    <a:pt x="208" y="178"/>
                  </a:lnTo>
                  <a:lnTo>
                    <a:pt x="202" y="170"/>
                  </a:lnTo>
                  <a:lnTo>
                    <a:pt x="202" y="157"/>
                  </a:lnTo>
                  <a:lnTo>
                    <a:pt x="195" y="153"/>
                  </a:lnTo>
                  <a:lnTo>
                    <a:pt x="191" y="145"/>
                  </a:lnTo>
                  <a:lnTo>
                    <a:pt x="178" y="128"/>
                  </a:lnTo>
                  <a:lnTo>
                    <a:pt x="122" y="131"/>
                  </a:lnTo>
                  <a:lnTo>
                    <a:pt x="115" y="147"/>
                  </a:lnTo>
                  <a:lnTo>
                    <a:pt x="97" y="169"/>
                  </a:lnTo>
                  <a:lnTo>
                    <a:pt x="83" y="169"/>
                  </a:lnTo>
                  <a:lnTo>
                    <a:pt x="63" y="150"/>
                  </a:lnTo>
                  <a:lnTo>
                    <a:pt x="56" y="133"/>
                  </a:lnTo>
                  <a:lnTo>
                    <a:pt x="32" y="122"/>
                  </a:lnTo>
                  <a:lnTo>
                    <a:pt x="26" y="98"/>
                  </a:lnTo>
                  <a:lnTo>
                    <a:pt x="17" y="96"/>
                  </a:lnTo>
                  <a:lnTo>
                    <a:pt x="15" y="85"/>
                  </a:lnTo>
                  <a:lnTo>
                    <a:pt x="4" y="93"/>
                  </a:lnTo>
                  <a:lnTo>
                    <a:pt x="0" y="82"/>
                  </a:lnTo>
                  <a:lnTo>
                    <a:pt x="9" y="77"/>
                  </a:lnTo>
                  <a:lnTo>
                    <a:pt x="24" y="57"/>
                  </a:lnTo>
                  <a:lnTo>
                    <a:pt x="63" y="47"/>
                  </a:lnTo>
                  <a:lnTo>
                    <a:pt x="61" y="32"/>
                  </a:lnTo>
                  <a:lnTo>
                    <a:pt x="54" y="25"/>
                  </a:lnTo>
                  <a:lnTo>
                    <a:pt x="68" y="15"/>
                  </a:lnTo>
                  <a:lnTo>
                    <a:pt x="63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08" name="Freeform 147"/>
            <p:cNvSpPr>
              <a:spLocks noChangeAspect="1"/>
            </p:cNvSpPr>
            <p:nvPr/>
          </p:nvSpPr>
          <p:spPr bwMode="gray">
            <a:xfrm>
              <a:off x="4949825" y="3927476"/>
              <a:ext cx="96838" cy="141288"/>
            </a:xfrm>
            <a:custGeom>
              <a:avLst/>
              <a:gdLst>
                <a:gd name="T0" fmla="*/ 5 w 203"/>
                <a:gd name="T1" fmla="*/ 6 h 293"/>
                <a:gd name="T2" fmla="*/ 5 w 203"/>
                <a:gd name="T3" fmla="*/ 6 h 293"/>
                <a:gd name="T4" fmla="*/ 5 w 203"/>
                <a:gd name="T5" fmla="*/ 5 h 293"/>
                <a:gd name="T6" fmla="*/ 5 w 203"/>
                <a:gd name="T7" fmla="*/ 2 h 293"/>
                <a:gd name="T8" fmla="*/ 4 w 203"/>
                <a:gd name="T9" fmla="*/ 1 h 293"/>
                <a:gd name="T10" fmla="*/ 4 w 203"/>
                <a:gd name="T11" fmla="*/ 1 h 293"/>
                <a:gd name="T12" fmla="*/ 4 w 203"/>
                <a:gd name="T13" fmla="*/ 0 h 293"/>
                <a:gd name="T14" fmla="*/ 4 w 203"/>
                <a:gd name="T15" fmla="*/ 0 h 293"/>
                <a:gd name="T16" fmla="*/ 4 w 203"/>
                <a:gd name="T17" fmla="*/ 0 h 293"/>
                <a:gd name="T18" fmla="*/ 3 w 203"/>
                <a:gd name="T19" fmla="*/ 0 h 293"/>
                <a:gd name="T20" fmla="*/ 1 w 203"/>
                <a:gd name="T21" fmla="*/ 0 h 293"/>
                <a:gd name="T22" fmla="*/ 0 w 203"/>
                <a:gd name="T23" fmla="*/ 0 h 293"/>
                <a:gd name="T24" fmla="*/ 1 w 203"/>
                <a:gd name="T25" fmla="*/ 1 h 293"/>
                <a:gd name="T26" fmla="*/ 1 w 203"/>
                <a:gd name="T27" fmla="*/ 2 h 293"/>
                <a:gd name="T28" fmla="*/ 1 w 203"/>
                <a:gd name="T29" fmla="*/ 2 h 293"/>
                <a:gd name="T30" fmla="*/ 1 w 203"/>
                <a:gd name="T31" fmla="*/ 2 h 293"/>
                <a:gd name="T32" fmla="*/ 1 w 203"/>
                <a:gd name="T33" fmla="*/ 3 h 293"/>
                <a:gd name="T34" fmla="*/ 1 w 203"/>
                <a:gd name="T35" fmla="*/ 4 h 293"/>
                <a:gd name="T36" fmla="*/ 1 w 203"/>
                <a:gd name="T37" fmla="*/ 4 h 293"/>
                <a:gd name="T38" fmla="*/ 0 w 203"/>
                <a:gd name="T39" fmla="*/ 5 h 293"/>
                <a:gd name="T40" fmla="*/ 0 w 203"/>
                <a:gd name="T41" fmla="*/ 5 h 293"/>
                <a:gd name="T42" fmla="*/ 0 w 203"/>
                <a:gd name="T43" fmla="*/ 6 h 293"/>
                <a:gd name="T44" fmla="*/ 0 w 203"/>
                <a:gd name="T45" fmla="*/ 7 h 293"/>
                <a:gd name="T46" fmla="*/ 1 w 203"/>
                <a:gd name="T47" fmla="*/ 7 h 293"/>
                <a:gd name="T48" fmla="*/ 1 w 203"/>
                <a:gd name="T49" fmla="*/ 8 h 293"/>
                <a:gd name="T50" fmla="*/ 0 w 203"/>
                <a:gd name="T51" fmla="*/ 8 h 293"/>
                <a:gd name="T52" fmla="*/ 0 w 203"/>
                <a:gd name="T53" fmla="*/ 8 h 293"/>
                <a:gd name="T54" fmla="*/ 2 w 203"/>
                <a:gd name="T55" fmla="*/ 8 h 293"/>
                <a:gd name="T56" fmla="*/ 2 w 203"/>
                <a:gd name="T57" fmla="*/ 8 h 293"/>
                <a:gd name="T58" fmla="*/ 3 w 203"/>
                <a:gd name="T59" fmla="*/ 8 h 293"/>
                <a:gd name="T60" fmla="*/ 4 w 203"/>
                <a:gd name="T61" fmla="*/ 7 h 293"/>
                <a:gd name="T62" fmla="*/ 4 w 203"/>
                <a:gd name="T63" fmla="*/ 7 h 293"/>
                <a:gd name="T64" fmla="*/ 5 w 203"/>
                <a:gd name="T65" fmla="*/ 7 h 293"/>
                <a:gd name="T66" fmla="*/ 5 w 203"/>
                <a:gd name="T67" fmla="*/ 6 h 293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203"/>
                <a:gd name="T103" fmla="*/ 0 h 293"/>
                <a:gd name="T104" fmla="*/ 203 w 203"/>
                <a:gd name="T105" fmla="*/ 293 h 293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203" h="293">
                  <a:moveTo>
                    <a:pt x="203" y="230"/>
                  </a:moveTo>
                  <a:lnTo>
                    <a:pt x="186" y="213"/>
                  </a:lnTo>
                  <a:lnTo>
                    <a:pt x="176" y="196"/>
                  </a:lnTo>
                  <a:lnTo>
                    <a:pt x="170" y="80"/>
                  </a:lnTo>
                  <a:lnTo>
                    <a:pt x="159" y="38"/>
                  </a:lnTo>
                  <a:lnTo>
                    <a:pt x="142" y="17"/>
                  </a:lnTo>
                  <a:lnTo>
                    <a:pt x="147" y="5"/>
                  </a:lnTo>
                  <a:lnTo>
                    <a:pt x="142" y="4"/>
                  </a:lnTo>
                  <a:lnTo>
                    <a:pt x="142" y="1"/>
                  </a:lnTo>
                  <a:lnTo>
                    <a:pt x="110" y="4"/>
                  </a:lnTo>
                  <a:lnTo>
                    <a:pt x="17" y="0"/>
                  </a:lnTo>
                  <a:lnTo>
                    <a:pt x="14" y="13"/>
                  </a:lnTo>
                  <a:lnTo>
                    <a:pt x="20" y="30"/>
                  </a:lnTo>
                  <a:lnTo>
                    <a:pt x="25" y="69"/>
                  </a:lnTo>
                  <a:lnTo>
                    <a:pt x="25" y="81"/>
                  </a:lnTo>
                  <a:lnTo>
                    <a:pt x="22" y="88"/>
                  </a:lnTo>
                  <a:lnTo>
                    <a:pt x="28" y="91"/>
                  </a:lnTo>
                  <a:lnTo>
                    <a:pt x="36" y="126"/>
                  </a:lnTo>
                  <a:lnTo>
                    <a:pt x="22" y="139"/>
                  </a:lnTo>
                  <a:lnTo>
                    <a:pt x="14" y="174"/>
                  </a:lnTo>
                  <a:lnTo>
                    <a:pt x="2" y="190"/>
                  </a:lnTo>
                  <a:lnTo>
                    <a:pt x="0" y="205"/>
                  </a:lnTo>
                  <a:lnTo>
                    <a:pt x="11" y="242"/>
                  </a:lnTo>
                  <a:lnTo>
                    <a:pt x="22" y="249"/>
                  </a:lnTo>
                  <a:lnTo>
                    <a:pt x="24" y="270"/>
                  </a:lnTo>
                  <a:lnTo>
                    <a:pt x="11" y="269"/>
                  </a:lnTo>
                  <a:lnTo>
                    <a:pt x="5" y="276"/>
                  </a:lnTo>
                  <a:lnTo>
                    <a:pt x="57" y="293"/>
                  </a:lnTo>
                  <a:lnTo>
                    <a:pt x="82" y="278"/>
                  </a:lnTo>
                  <a:lnTo>
                    <a:pt x="117" y="269"/>
                  </a:lnTo>
                  <a:lnTo>
                    <a:pt x="155" y="247"/>
                  </a:lnTo>
                  <a:lnTo>
                    <a:pt x="159" y="245"/>
                  </a:lnTo>
                  <a:lnTo>
                    <a:pt x="192" y="244"/>
                  </a:lnTo>
                  <a:lnTo>
                    <a:pt x="203" y="23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09" name="Freeform 148"/>
            <p:cNvSpPr>
              <a:spLocks noChangeAspect="1"/>
            </p:cNvSpPr>
            <p:nvPr/>
          </p:nvSpPr>
          <p:spPr bwMode="gray">
            <a:xfrm>
              <a:off x="4641850" y="3860801"/>
              <a:ext cx="69850" cy="17463"/>
            </a:xfrm>
            <a:custGeom>
              <a:avLst/>
              <a:gdLst>
                <a:gd name="T0" fmla="*/ 0 w 141"/>
                <a:gd name="T1" fmla="*/ 0 h 37"/>
                <a:gd name="T2" fmla="*/ 2 w 141"/>
                <a:gd name="T3" fmla="*/ 0 h 37"/>
                <a:gd name="T4" fmla="*/ 2 w 141"/>
                <a:gd name="T5" fmla="*/ 0 h 37"/>
                <a:gd name="T6" fmla="*/ 2 w 141"/>
                <a:gd name="T7" fmla="*/ 0 h 37"/>
                <a:gd name="T8" fmla="*/ 3 w 141"/>
                <a:gd name="T9" fmla="*/ 0 h 37"/>
                <a:gd name="T10" fmla="*/ 4 w 141"/>
                <a:gd name="T11" fmla="*/ 0 h 37"/>
                <a:gd name="T12" fmla="*/ 4 w 141"/>
                <a:gd name="T13" fmla="*/ 1 h 37"/>
                <a:gd name="T14" fmla="*/ 4 w 141"/>
                <a:gd name="T15" fmla="*/ 1 h 37"/>
                <a:gd name="T16" fmla="*/ 2 w 141"/>
                <a:gd name="T17" fmla="*/ 0 h 37"/>
                <a:gd name="T18" fmla="*/ 2 w 141"/>
                <a:gd name="T19" fmla="*/ 1 h 37"/>
                <a:gd name="T20" fmla="*/ 2 w 141"/>
                <a:gd name="T21" fmla="*/ 1 h 37"/>
                <a:gd name="T22" fmla="*/ 1 w 141"/>
                <a:gd name="T23" fmla="*/ 1 h 37"/>
                <a:gd name="T24" fmla="*/ 0 w 141"/>
                <a:gd name="T25" fmla="*/ 1 h 37"/>
                <a:gd name="T26" fmla="*/ 0 w 141"/>
                <a:gd name="T27" fmla="*/ 1 h 37"/>
                <a:gd name="T28" fmla="*/ 0 w 141"/>
                <a:gd name="T29" fmla="*/ 1 h 37"/>
                <a:gd name="T30" fmla="*/ 0 w 141"/>
                <a:gd name="T31" fmla="*/ 0 h 37"/>
                <a:gd name="T32" fmla="*/ 0 w 141"/>
                <a:gd name="T33" fmla="*/ 0 h 37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141"/>
                <a:gd name="T52" fmla="*/ 0 h 37"/>
                <a:gd name="T53" fmla="*/ 141 w 141"/>
                <a:gd name="T54" fmla="*/ 37 h 37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141" h="37">
                  <a:moveTo>
                    <a:pt x="12" y="12"/>
                  </a:moveTo>
                  <a:lnTo>
                    <a:pt x="59" y="12"/>
                  </a:lnTo>
                  <a:lnTo>
                    <a:pt x="68" y="2"/>
                  </a:lnTo>
                  <a:lnTo>
                    <a:pt x="81" y="0"/>
                  </a:lnTo>
                  <a:lnTo>
                    <a:pt x="113" y="17"/>
                  </a:lnTo>
                  <a:lnTo>
                    <a:pt x="141" y="12"/>
                  </a:lnTo>
                  <a:lnTo>
                    <a:pt x="141" y="20"/>
                  </a:lnTo>
                  <a:lnTo>
                    <a:pt x="122" y="28"/>
                  </a:lnTo>
                  <a:lnTo>
                    <a:pt x="79" y="12"/>
                  </a:lnTo>
                  <a:lnTo>
                    <a:pt x="66" y="22"/>
                  </a:lnTo>
                  <a:lnTo>
                    <a:pt x="49" y="22"/>
                  </a:lnTo>
                  <a:lnTo>
                    <a:pt x="45" y="28"/>
                  </a:lnTo>
                  <a:lnTo>
                    <a:pt x="6" y="33"/>
                  </a:lnTo>
                  <a:lnTo>
                    <a:pt x="3" y="37"/>
                  </a:lnTo>
                  <a:lnTo>
                    <a:pt x="0" y="24"/>
                  </a:lnTo>
                  <a:lnTo>
                    <a:pt x="12" y="17"/>
                  </a:lnTo>
                  <a:lnTo>
                    <a:pt x="12" y="1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10" name="Freeform 149"/>
            <p:cNvSpPr>
              <a:spLocks noChangeAspect="1"/>
            </p:cNvSpPr>
            <p:nvPr/>
          </p:nvSpPr>
          <p:spPr bwMode="gray">
            <a:xfrm>
              <a:off x="4643438" y="3886201"/>
              <a:ext cx="71438" cy="41275"/>
            </a:xfrm>
            <a:custGeom>
              <a:avLst/>
              <a:gdLst>
                <a:gd name="T0" fmla="*/ 2 w 146"/>
                <a:gd name="T1" fmla="*/ 3 h 82"/>
                <a:gd name="T2" fmla="*/ 2 w 146"/>
                <a:gd name="T3" fmla="*/ 3 h 82"/>
                <a:gd name="T4" fmla="*/ 3 w 146"/>
                <a:gd name="T5" fmla="*/ 2 h 82"/>
                <a:gd name="T6" fmla="*/ 4 w 146"/>
                <a:gd name="T7" fmla="*/ 2 h 82"/>
                <a:gd name="T8" fmla="*/ 4 w 146"/>
                <a:gd name="T9" fmla="*/ 1 h 82"/>
                <a:gd name="T10" fmla="*/ 4 w 146"/>
                <a:gd name="T11" fmla="*/ 1 h 82"/>
                <a:gd name="T12" fmla="*/ 4 w 146"/>
                <a:gd name="T13" fmla="*/ 1 h 82"/>
                <a:gd name="T14" fmla="*/ 4 w 146"/>
                <a:gd name="T15" fmla="*/ 0 h 82"/>
                <a:gd name="T16" fmla="*/ 2 w 146"/>
                <a:gd name="T17" fmla="*/ 0 h 82"/>
                <a:gd name="T18" fmla="*/ 2 w 146"/>
                <a:gd name="T19" fmla="*/ 0 h 82"/>
                <a:gd name="T20" fmla="*/ 1 w 146"/>
                <a:gd name="T21" fmla="*/ 0 h 82"/>
                <a:gd name="T22" fmla="*/ 0 w 146"/>
                <a:gd name="T23" fmla="*/ 1 h 82"/>
                <a:gd name="T24" fmla="*/ 0 w 146"/>
                <a:gd name="T25" fmla="*/ 1 h 82"/>
                <a:gd name="T26" fmla="*/ 0 w 146"/>
                <a:gd name="T27" fmla="*/ 1 h 82"/>
                <a:gd name="T28" fmla="*/ 1 w 146"/>
                <a:gd name="T29" fmla="*/ 1 h 82"/>
                <a:gd name="T30" fmla="*/ 1 w 146"/>
                <a:gd name="T31" fmla="*/ 1 h 82"/>
                <a:gd name="T32" fmla="*/ 1 w 146"/>
                <a:gd name="T33" fmla="*/ 1 h 82"/>
                <a:gd name="T34" fmla="*/ 1 w 146"/>
                <a:gd name="T35" fmla="*/ 2 h 82"/>
                <a:gd name="T36" fmla="*/ 2 w 146"/>
                <a:gd name="T37" fmla="*/ 1 h 82"/>
                <a:gd name="T38" fmla="*/ 2 w 146"/>
                <a:gd name="T39" fmla="*/ 1 h 82"/>
                <a:gd name="T40" fmla="*/ 2 w 146"/>
                <a:gd name="T41" fmla="*/ 2 h 82"/>
                <a:gd name="T42" fmla="*/ 2 w 146"/>
                <a:gd name="T43" fmla="*/ 2 h 82"/>
                <a:gd name="T44" fmla="*/ 2 w 146"/>
                <a:gd name="T45" fmla="*/ 3 h 82"/>
                <a:gd name="T46" fmla="*/ 2 w 146"/>
                <a:gd name="T47" fmla="*/ 3 h 82"/>
                <a:gd name="T48" fmla="*/ 2 w 146"/>
                <a:gd name="T49" fmla="*/ 3 h 82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w 146"/>
                <a:gd name="T76" fmla="*/ 0 h 82"/>
                <a:gd name="T77" fmla="*/ 146 w 146"/>
                <a:gd name="T78" fmla="*/ 82 h 82"/>
              </a:gdLst>
              <a:ahLst/>
              <a:cxnLst>
                <a:cxn ang="T50">
                  <a:pos x="T0" y="T1"/>
                </a:cxn>
                <a:cxn ang="T51">
                  <a:pos x="T2" y="T3"/>
                </a:cxn>
                <a:cxn ang="T52">
                  <a:pos x="T4" y="T5"/>
                </a:cxn>
                <a:cxn ang="T53">
                  <a:pos x="T6" y="T7"/>
                </a:cxn>
                <a:cxn ang="T54">
                  <a:pos x="T8" y="T9"/>
                </a:cxn>
                <a:cxn ang="T55">
                  <a:pos x="T10" y="T11"/>
                </a:cxn>
                <a:cxn ang="T56">
                  <a:pos x="T12" y="T13"/>
                </a:cxn>
                <a:cxn ang="T57">
                  <a:pos x="T14" y="T15"/>
                </a:cxn>
                <a:cxn ang="T58">
                  <a:pos x="T16" y="T17"/>
                </a:cxn>
                <a:cxn ang="T59">
                  <a:pos x="T18" y="T19"/>
                </a:cxn>
                <a:cxn ang="T60">
                  <a:pos x="T20" y="T21"/>
                </a:cxn>
                <a:cxn ang="T61">
                  <a:pos x="T22" y="T23"/>
                </a:cxn>
                <a:cxn ang="T62">
                  <a:pos x="T24" y="T25"/>
                </a:cxn>
                <a:cxn ang="T63">
                  <a:pos x="T26" y="T27"/>
                </a:cxn>
                <a:cxn ang="T64">
                  <a:pos x="T28" y="T29"/>
                </a:cxn>
                <a:cxn ang="T65">
                  <a:pos x="T30" y="T31"/>
                </a:cxn>
                <a:cxn ang="T66">
                  <a:pos x="T32" y="T33"/>
                </a:cxn>
                <a:cxn ang="T67">
                  <a:pos x="T34" y="T35"/>
                </a:cxn>
                <a:cxn ang="T68">
                  <a:pos x="T36" y="T37"/>
                </a:cxn>
                <a:cxn ang="T69">
                  <a:pos x="T38" y="T39"/>
                </a:cxn>
                <a:cxn ang="T70">
                  <a:pos x="T40" y="T41"/>
                </a:cxn>
                <a:cxn ang="T71">
                  <a:pos x="T42" y="T43"/>
                </a:cxn>
                <a:cxn ang="T72">
                  <a:pos x="T44" y="T45"/>
                </a:cxn>
                <a:cxn ang="T73">
                  <a:pos x="T46" y="T47"/>
                </a:cxn>
                <a:cxn ang="T74">
                  <a:pos x="T48" y="T49"/>
                </a:cxn>
              </a:cxnLst>
              <a:rect l="T75" t="T76" r="T77" b="T78"/>
              <a:pathLst>
                <a:path w="146" h="82">
                  <a:moveTo>
                    <a:pt x="78" y="82"/>
                  </a:moveTo>
                  <a:lnTo>
                    <a:pt x="87" y="77"/>
                  </a:lnTo>
                  <a:lnTo>
                    <a:pt x="102" y="57"/>
                  </a:lnTo>
                  <a:lnTo>
                    <a:pt x="141" y="47"/>
                  </a:lnTo>
                  <a:lnTo>
                    <a:pt x="139" y="32"/>
                  </a:lnTo>
                  <a:lnTo>
                    <a:pt x="132" y="25"/>
                  </a:lnTo>
                  <a:lnTo>
                    <a:pt x="146" y="15"/>
                  </a:lnTo>
                  <a:lnTo>
                    <a:pt x="141" y="0"/>
                  </a:lnTo>
                  <a:lnTo>
                    <a:pt x="76" y="1"/>
                  </a:lnTo>
                  <a:lnTo>
                    <a:pt x="50" y="11"/>
                  </a:lnTo>
                  <a:lnTo>
                    <a:pt x="24" y="11"/>
                  </a:lnTo>
                  <a:lnTo>
                    <a:pt x="11" y="17"/>
                  </a:lnTo>
                  <a:lnTo>
                    <a:pt x="0" y="15"/>
                  </a:lnTo>
                  <a:lnTo>
                    <a:pt x="3" y="23"/>
                  </a:lnTo>
                  <a:lnTo>
                    <a:pt x="20" y="28"/>
                  </a:lnTo>
                  <a:lnTo>
                    <a:pt x="26" y="40"/>
                  </a:lnTo>
                  <a:lnTo>
                    <a:pt x="39" y="42"/>
                  </a:lnTo>
                  <a:lnTo>
                    <a:pt x="42" y="49"/>
                  </a:lnTo>
                  <a:lnTo>
                    <a:pt x="88" y="39"/>
                  </a:lnTo>
                  <a:lnTo>
                    <a:pt x="87" y="42"/>
                  </a:lnTo>
                  <a:lnTo>
                    <a:pt x="59" y="49"/>
                  </a:lnTo>
                  <a:lnTo>
                    <a:pt x="63" y="73"/>
                  </a:lnTo>
                  <a:lnTo>
                    <a:pt x="68" y="77"/>
                  </a:lnTo>
                  <a:lnTo>
                    <a:pt x="78" y="77"/>
                  </a:lnTo>
                  <a:lnTo>
                    <a:pt x="78" y="8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11" name="Freeform 150"/>
            <p:cNvSpPr>
              <a:spLocks noChangeAspect="1"/>
            </p:cNvSpPr>
            <p:nvPr/>
          </p:nvSpPr>
          <p:spPr bwMode="gray">
            <a:xfrm>
              <a:off x="4722813" y="3948113"/>
              <a:ext cx="66675" cy="68263"/>
            </a:xfrm>
            <a:custGeom>
              <a:avLst/>
              <a:gdLst>
                <a:gd name="T0" fmla="*/ 2 w 138"/>
                <a:gd name="T1" fmla="*/ 4 h 139"/>
                <a:gd name="T2" fmla="*/ 3 w 138"/>
                <a:gd name="T3" fmla="*/ 4 h 139"/>
                <a:gd name="T4" fmla="*/ 4 w 138"/>
                <a:gd name="T5" fmla="*/ 3 h 139"/>
                <a:gd name="T6" fmla="*/ 3 w 138"/>
                <a:gd name="T7" fmla="*/ 3 h 139"/>
                <a:gd name="T8" fmla="*/ 4 w 138"/>
                <a:gd name="T9" fmla="*/ 2 h 139"/>
                <a:gd name="T10" fmla="*/ 4 w 138"/>
                <a:gd name="T11" fmla="*/ 2 h 139"/>
                <a:gd name="T12" fmla="*/ 4 w 138"/>
                <a:gd name="T13" fmla="*/ 2 h 139"/>
                <a:gd name="T14" fmla="*/ 3 w 138"/>
                <a:gd name="T15" fmla="*/ 2 h 139"/>
                <a:gd name="T16" fmla="*/ 3 w 138"/>
                <a:gd name="T17" fmla="*/ 2 h 139"/>
                <a:gd name="T18" fmla="*/ 4 w 138"/>
                <a:gd name="T19" fmla="*/ 2 h 139"/>
                <a:gd name="T20" fmla="*/ 4 w 138"/>
                <a:gd name="T21" fmla="*/ 2 h 139"/>
                <a:gd name="T22" fmla="*/ 3 w 138"/>
                <a:gd name="T23" fmla="*/ 1 h 139"/>
                <a:gd name="T24" fmla="*/ 3 w 138"/>
                <a:gd name="T25" fmla="*/ 1 h 139"/>
                <a:gd name="T26" fmla="*/ 3 w 138"/>
                <a:gd name="T27" fmla="*/ 1 h 139"/>
                <a:gd name="T28" fmla="*/ 3 w 138"/>
                <a:gd name="T29" fmla="*/ 1 h 139"/>
                <a:gd name="T30" fmla="*/ 3 w 138"/>
                <a:gd name="T31" fmla="*/ 0 h 139"/>
                <a:gd name="T32" fmla="*/ 1 w 138"/>
                <a:gd name="T33" fmla="*/ 0 h 139"/>
                <a:gd name="T34" fmla="*/ 1 w 138"/>
                <a:gd name="T35" fmla="*/ 1 h 139"/>
                <a:gd name="T36" fmla="*/ 0 w 138"/>
                <a:gd name="T37" fmla="*/ 1 h 139"/>
                <a:gd name="T38" fmla="*/ 0 w 138"/>
                <a:gd name="T39" fmla="*/ 1 h 139"/>
                <a:gd name="T40" fmla="*/ 0 w 138"/>
                <a:gd name="T41" fmla="*/ 2 h 139"/>
                <a:gd name="T42" fmla="*/ 0 w 138"/>
                <a:gd name="T43" fmla="*/ 2 h 139"/>
                <a:gd name="T44" fmla="*/ 0 w 138"/>
                <a:gd name="T45" fmla="*/ 2 h 139"/>
                <a:gd name="T46" fmla="*/ 0 w 138"/>
                <a:gd name="T47" fmla="*/ 2 h 139"/>
                <a:gd name="T48" fmla="*/ 1 w 138"/>
                <a:gd name="T49" fmla="*/ 2 h 139"/>
                <a:gd name="T50" fmla="*/ 1 w 138"/>
                <a:gd name="T51" fmla="*/ 3 h 139"/>
                <a:gd name="T52" fmla="*/ 1 w 138"/>
                <a:gd name="T53" fmla="*/ 3 h 139"/>
                <a:gd name="T54" fmla="*/ 1 w 138"/>
                <a:gd name="T55" fmla="*/ 4 h 139"/>
                <a:gd name="T56" fmla="*/ 2 w 138"/>
                <a:gd name="T57" fmla="*/ 4 h 139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138"/>
                <a:gd name="T88" fmla="*/ 0 h 139"/>
                <a:gd name="T89" fmla="*/ 138 w 138"/>
                <a:gd name="T90" fmla="*/ 139 h 139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138" h="139">
                  <a:moveTo>
                    <a:pt x="83" y="139"/>
                  </a:moveTo>
                  <a:lnTo>
                    <a:pt x="91" y="126"/>
                  </a:lnTo>
                  <a:lnTo>
                    <a:pt x="124" y="104"/>
                  </a:lnTo>
                  <a:lnTo>
                    <a:pt x="122" y="90"/>
                  </a:lnTo>
                  <a:lnTo>
                    <a:pt x="138" y="84"/>
                  </a:lnTo>
                  <a:lnTo>
                    <a:pt x="136" y="75"/>
                  </a:lnTo>
                  <a:lnTo>
                    <a:pt x="134" y="70"/>
                  </a:lnTo>
                  <a:lnTo>
                    <a:pt x="119" y="76"/>
                  </a:lnTo>
                  <a:lnTo>
                    <a:pt x="122" y="61"/>
                  </a:lnTo>
                  <a:lnTo>
                    <a:pt x="127" y="58"/>
                  </a:lnTo>
                  <a:lnTo>
                    <a:pt x="125" y="50"/>
                  </a:lnTo>
                  <a:lnTo>
                    <a:pt x="119" y="42"/>
                  </a:lnTo>
                  <a:lnTo>
                    <a:pt x="119" y="29"/>
                  </a:lnTo>
                  <a:lnTo>
                    <a:pt x="112" y="25"/>
                  </a:lnTo>
                  <a:lnTo>
                    <a:pt x="108" y="17"/>
                  </a:lnTo>
                  <a:lnTo>
                    <a:pt x="95" y="0"/>
                  </a:lnTo>
                  <a:lnTo>
                    <a:pt x="39" y="3"/>
                  </a:lnTo>
                  <a:lnTo>
                    <a:pt x="32" y="19"/>
                  </a:lnTo>
                  <a:lnTo>
                    <a:pt x="14" y="41"/>
                  </a:lnTo>
                  <a:lnTo>
                    <a:pt x="0" y="41"/>
                  </a:lnTo>
                  <a:lnTo>
                    <a:pt x="2" y="65"/>
                  </a:lnTo>
                  <a:lnTo>
                    <a:pt x="9" y="71"/>
                  </a:lnTo>
                  <a:lnTo>
                    <a:pt x="2" y="71"/>
                  </a:lnTo>
                  <a:lnTo>
                    <a:pt x="2" y="78"/>
                  </a:lnTo>
                  <a:lnTo>
                    <a:pt x="15" y="88"/>
                  </a:lnTo>
                  <a:lnTo>
                    <a:pt x="17" y="98"/>
                  </a:lnTo>
                  <a:lnTo>
                    <a:pt x="37" y="113"/>
                  </a:lnTo>
                  <a:lnTo>
                    <a:pt x="40" y="122"/>
                  </a:lnTo>
                  <a:lnTo>
                    <a:pt x="83" y="13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12" name="Freeform 151"/>
            <p:cNvSpPr>
              <a:spLocks noChangeAspect="1"/>
            </p:cNvSpPr>
            <p:nvPr/>
          </p:nvSpPr>
          <p:spPr bwMode="gray">
            <a:xfrm>
              <a:off x="4625975" y="3797301"/>
              <a:ext cx="139700" cy="98425"/>
            </a:xfrm>
            <a:custGeom>
              <a:avLst/>
              <a:gdLst>
                <a:gd name="T0" fmla="*/ 1 w 288"/>
                <a:gd name="T1" fmla="*/ 5 h 205"/>
                <a:gd name="T2" fmla="*/ 1 w 288"/>
                <a:gd name="T3" fmla="*/ 5 h 205"/>
                <a:gd name="T4" fmla="*/ 1 w 288"/>
                <a:gd name="T5" fmla="*/ 5 h 205"/>
                <a:gd name="T6" fmla="*/ 2 w 288"/>
                <a:gd name="T7" fmla="*/ 5 h 205"/>
                <a:gd name="T8" fmla="*/ 2 w 288"/>
                <a:gd name="T9" fmla="*/ 4 h 205"/>
                <a:gd name="T10" fmla="*/ 3 w 288"/>
                <a:gd name="T11" fmla="*/ 4 h 205"/>
                <a:gd name="T12" fmla="*/ 3 w 288"/>
                <a:gd name="T13" fmla="*/ 4 h 205"/>
                <a:gd name="T14" fmla="*/ 5 w 288"/>
                <a:gd name="T15" fmla="*/ 5 h 205"/>
                <a:gd name="T16" fmla="*/ 5 w 288"/>
                <a:gd name="T17" fmla="*/ 4 h 205"/>
                <a:gd name="T18" fmla="*/ 5 w 288"/>
                <a:gd name="T19" fmla="*/ 4 h 205"/>
                <a:gd name="T20" fmla="*/ 4 w 288"/>
                <a:gd name="T21" fmla="*/ 4 h 205"/>
                <a:gd name="T22" fmla="*/ 3 w 288"/>
                <a:gd name="T23" fmla="*/ 4 h 205"/>
                <a:gd name="T24" fmla="*/ 3 w 288"/>
                <a:gd name="T25" fmla="*/ 4 h 205"/>
                <a:gd name="T26" fmla="*/ 3 w 288"/>
                <a:gd name="T27" fmla="*/ 4 h 205"/>
                <a:gd name="T28" fmla="*/ 1 w 288"/>
                <a:gd name="T29" fmla="*/ 4 h 205"/>
                <a:gd name="T30" fmla="*/ 0 w 288"/>
                <a:gd name="T31" fmla="*/ 2 h 205"/>
                <a:gd name="T32" fmla="*/ 0 w 288"/>
                <a:gd name="T33" fmla="*/ 3 h 205"/>
                <a:gd name="T34" fmla="*/ 0 w 288"/>
                <a:gd name="T35" fmla="*/ 2 h 205"/>
                <a:gd name="T36" fmla="*/ 0 w 288"/>
                <a:gd name="T37" fmla="*/ 2 h 205"/>
                <a:gd name="T38" fmla="*/ 1 w 288"/>
                <a:gd name="T39" fmla="*/ 2 h 205"/>
                <a:gd name="T40" fmla="*/ 1 w 288"/>
                <a:gd name="T41" fmla="*/ 1 h 205"/>
                <a:gd name="T42" fmla="*/ 2 w 288"/>
                <a:gd name="T43" fmla="*/ 1 h 205"/>
                <a:gd name="T44" fmla="*/ 2 w 288"/>
                <a:gd name="T45" fmla="*/ 0 h 205"/>
                <a:gd name="T46" fmla="*/ 2 w 288"/>
                <a:gd name="T47" fmla="*/ 0 h 205"/>
                <a:gd name="T48" fmla="*/ 3 w 288"/>
                <a:gd name="T49" fmla="*/ 0 h 205"/>
                <a:gd name="T50" fmla="*/ 4 w 288"/>
                <a:gd name="T51" fmla="*/ 0 h 205"/>
                <a:gd name="T52" fmla="*/ 5 w 288"/>
                <a:gd name="T53" fmla="*/ 1 h 205"/>
                <a:gd name="T54" fmla="*/ 5 w 288"/>
                <a:gd name="T55" fmla="*/ 1 h 205"/>
                <a:gd name="T56" fmla="*/ 6 w 288"/>
                <a:gd name="T57" fmla="*/ 2 h 205"/>
                <a:gd name="T58" fmla="*/ 6 w 288"/>
                <a:gd name="T59" fmla="*/ 2 h 205"/>
                <a:gd name="T60" fmla="*/ 6 w 288"/>
                <a:gd name="T61" fmla="*/ 2 h 205"/>
                <a:gd name="T62" fmla="*/ 6 w 288"/>
                <a:gd name="T63" fmla="*/ 2 h 205"/>
                <a:gd name="T64" fmla="*/ 7 w 288"/>
                <a:gd name="T65" fmla="*/ 2 h 205"/>
                <a:gd name="T66" fmla="*/ 7 w 288"/>
                <a:gd name="T67" fmla="*/ 3 h 205"/>
                <a:gd name="T68" fmla="*/ 7 w 288"/>
                <a:gd name="T69" fmla="*/ 3 h 205"/>
                <a:gd name="T70" fmla="*/ 7 w 288"/>
                <a:gd name="T71" fmla="*/ 4 h 205"/>
                <a:gd name="T72" fmla="*/ 7 w 288"/>
                <a:gd name="T73" fmla="*/ 4 h 205"/>
                <a:gd name="T74" fmla="*/ 8 w 288"/>
                <a:gd name="T75" fmla="*/ 4 h 205"/>
                <a:gd name="T76" fmla="*/ 8 w 288"/>
                <a:gd name="T77" fmla="*/ 4 h 205"/>
                <a:gd name="T78" fmla="*/ 8 w 288"/>
                <a:gd name="T79" fmla="*/ 5 h 205"/>
                <a:gd name="T80" fmla="*/ 8 w 288"/>
                <a:gd name="T81" fmla="*/ 5 h 205"/>
                <a:gd name="T82" fmla="*/ 7 w 288"/>
                <a:gd name="T83" fmla="*/ 6 h 205"/>
                <a:gd name="T84" fmla="*/ 6 w 288"/>
                <a:gd name="T85" fmla="*/ 5 h 205"/>
                <a:gd name="T86" fmla="*/ 6 w 288"/>
                <a:gd name="T87" fmla="*/ 5 h 205"/>
                <a:gd name="T88" fmla="*/ 6 w 288"/>
                <a:gd name="T89" fmla="*/ 5 h 205"/>
                <a:gd name="T90" fmla="*/ 5 w 288"/>
                <a:gd name="T91" fmla="*/ 5 h 205"/>
                <a:gd name="T92" fmla="*/ 3 w 288"/>
                <a:gd name="T93" fmla="*/ 5 h 205"/>
                <a:gd name="T94" fmla="*/ 2 w 288"/>
                <a:gd name="T95" fmla="*/ 5 h 205"/>
                <a:gd name="T96" fmla="*/ 2 w 288"/>
                <a:gd name="T97" fmla="*/ 5 h 205"/>
                <a:gd name="T98" fmla="*/ 2 w 288"/>
                <a:gd name="T99" fmla="*/ 6 h 205"/>
                <a:gd name="T100" fmla="*/ 1 w 288"/>
                <a:gd name="T101" fmla="*/ 5 h 205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288"/>
                <a:gd name="T154" fmla="*/ 0 h 205"/>
                <a:gd name="T155" fmla="*/ 288 w 288"/>
                <a:gd name="T156" fmla="*/ 205 h 205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288" h="205">
                  <a:moveTo>
                    <a:pt x="37" y="202"/>
                  </a:moveTo>
                  <a:lnTo>
                    <a:pt x="37" y="171"/>
                  </a:lnTo>
                  <a:lnTo>
                    <a:pt x="40" y="167"/>
                  </a:lnTo>
                  <a:lnTo>
                    <a:pt x="79" y="162"/>
                  </a:lnTo>
                  <a:lnTo>
                    <a:pt x="83" y="156"/>
                  </a:lnTo>
                  <a:lnTo>
                    <a:pt x="100" y="156"/>
                  </a:lnTo>
                  <a:lnTo>
                    <a:pt x="113" y="146"/>
                  </a:lnTo>
                  <a:lnTo>
                    <a:pt x="156" y="162"/>
                  </a:lnTo>
                  <a:lnTo>
                    <a:pt x="175" y="154"/>
                  </a:lnTo>
                  <a:lnTo>
                    <a:pt x="175" y="146"/>
                  </a:lnTo>
                  <a:lnTo>
                    <a:pt x="147" y="151"/>
                  </a:lnTo>
                  <a:lnTo>
                    <a:pt x="115" y="134"/>
                  </a:lnTo>
                  <a:lnTo>
                    <a:pt x="102" y="136"/>
                  </a:lnTo>
                  <a:lnTo>
                    <a:pt x="93" y="146"/>
                  </a:lnTo>
                  <a:lnTo>
                    <a:pt x="46" y="146"/>
                  </a:lnTo>
                  <a:lnTo>
                    <a:pt x="12" y="92"/>
                  </a:lnTo>
                  <a:lnTo>
                    <a:pt x="3" y="97"/>
                  </a:lnTo>
                  <a:lnTo>
                    <a:pt x="0" y="90"/>
                  </a:lnTo>
                  <a:lnTo>
                    <a:pt x="14" y="85"/>
                  </a:lnTo>
                  <a:lnTo>
                    <a:pt x="31" y="71"/>
                  </a:lnTo>
                  <a:lnTo>
                    <a:pt x="46" y="46"/>
                  </a:lnTo>
                  <a:lnTo>
                    <a:pt x="48" y="26"/>
                  </a:lnTo>
                  <a:lnTo>
                    <a:pt x="57" y="6"/>
                  </a:lnTo>
                  <a:lnTo>
                    <a:pt x="87" y="9"/>
                  </a:lnTo>
                  <a:lnTo>
                    <a:pt x="113" y="0"/>
                  </a:lnTo>
                  <a:lnTo>
                    <a:pt x="147" y="0"/>
                  </a:lnTo>
                  <a:lnTo>
                    <a:pt x="171" y="24"/>
                  </a:lnTo>
                  <a:lnTo>
                    <a:pt x="188" y="24"/>
                  </a:lnTo>
                  <a:lnTo>
                    <a:pt x="200" y="48"/>
                  </a:lnTo>
                  <a:lnTo>
                    <a:pt x="213" y="54"/>
                  </a:lnTo>
                  <a:lnTo>
                    <a:pt x="218" y="65"/>
                  </a:lnTo>
                  <a:lnTo>
                    <a:pt x="217" y="66"/>
                  </a:lnTo>
                  <a:lnTo>
                    <a:pt x="249" y="90"/>
                  </a:lnTo>
                  <a:lnTo>
                    <a:pt x="251" y="107"/>
                  </a:lnTo>
                  <a:lnTo>
                    <a:pt x="257" y="114"/>
                  </a:lnTo>
                  <a:lnTo>
                    <a:pt x="261" y="129"/>
                  </a:lnTo>
                  <a:lnTo>
                    <a:pt x="257" y="141"/>
                  </a:lnTo>
                  <a:lnTo>
                    <a:pt x="266" y="156"/>
                  </a:lnTo>
                  <a:lnTo>
                    <a:pt x="276" y="154"/>
                  </a:lnTo>
                  <a:lnTo>
                    <a:pt x="288" y="173"/>
                  </a:lnTo>
                  <a:lnTo>
                    <a:pt x="288" y="201"/>
                  </a:lnTo>
                  <a:lnTo>
                    <a:pt x="243" y="205"/>
                  </a:lnTo>
                  <a:lnTo>
                    <a:pt x="217" y="195"/>
                  </a:lnTo>
                  <a:lnTo>
                    <a:pt x="209" y="198"/>
                  </a:lnTo>
                  <a:lnTo>
                    <a:pt x="207" y="190"/>
                  </a:lnTo>
                  <a:lnTo>
                    <a:pt x="178" y="187"/>
                  </a:lnTo>
                  <a:lnTo>
                    <a:pt x="113" y="188"/>
                  </a:lnTo>
                  <a:lnTo>
                    <a:pt x="87" y="198"/>
                  </a:lnTo>
                  <a:lnTo>
                    <a:pt x="61" y="198"/>
                  </a:lnTo>
                  <a:lnTo>
                    <a:pt x="48" y="204"/>
                  </a:lnTo>
                  <a:lnTo>
                    <a:pt x="37" y="20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13" name="Freeform 152"/>
            <p:cNvSpPr>
              <a:spLocks noChangeAspect="1"/>
            </p:cNvSpPr>
            <p:nvPr/>
          </p:nvSpPr>
          <p:spPr bwMode="gray">
            <a:xfrm>
              <a:off x="5224463" y="3390901"/>
              <a:ext cx="355600" cy="339725"/>
            </a:xfrm>
            <a:custGeom>
              <a:avLst/>
              <a:gdLst>
                <a:gd name="T0" fmla="*/ 18 w 731"/>
                <a:gd name="T1" fmla="*/ 19 h 701"/>
                <a:gd name="T2" fmla="*/ 16 w 731"/>
                <a:gd name="T3" fmla="*/ 18 h 701"/>
                <a:gd name="T4" fmla="*/ 13 w 731"/>
                <a:gd name="T5" fmla="*/ 16 h 701"/>
                <a:gd name="T6" fmla="*/ 10 w 731"/>
                <a:gd name="T7" fmla="*/ 15 h 701"/>
                <a:gd name="T8" fmla="*/ 8 w 731"/>
                <a:gd name="T9" fmla="*/ 15 h 701"/>
                <a:gd name="T10" fmla="*/ 7 w 731"/>
                <a:gd name="T11" fmla="*/ 15 h 701"/>
                <a:gd name="T12" fmla="*/ 3 w 731"/>
                <a:gd name="T13" fmla="*/ 14 h 701"/>
                <a:gd name="T14" fmla="*/ 2 w 731"/>
                <a:gd name="T15" fmla="*/ 13 h 701"/>
                <a:gd name="T16" fmla="*/ 1 w 731"/>
                <a:gd name="T17" fmla="*/ 13 h 701"/>
                <a:gd name="T18" fmla="*/ 0 w 731"/>
                <a:gd name="T19" fmla="*/ 10 h 701"/>
                <a:gd name="T20" fmla="*/ 1 w 731"/>
                <a:gd name="T21" fmla="*/ 10 h 701"/>
                <a:gd name="T22" fmla="*/ 1 w 731"/>
                <a:gd name="T23" fmla="*/ 6 h 701"/>
                <a:gd name="T24" fmla="*/ 0 w 731"/>
                <a:gd name="T25" fmla="*/ 5 h 701"/>
                <a:gd name="T26" fmla="*/ 1 w 731"/>
                <a:gd name="T27" fmla="*/ 4 h 701"/>
                <a:gd name="T28" fmla="*/ 1 w 731"/>
                <a:gd name="T29" fmla="*/ 3 h 701"/>
                <a:gd name="T30" fmla="*/ 3 w 731"/>
                <a:gd name="T31" fmla="*/ 1 h 701"/>
                <a:gd name="T32" fmla="*/ 3 w 731"/>
                <a:gd name="T33" fmla="*/ 0 h 701"/>
                <a:gd name="T34" fmla="*/ 5 w 731"/>
                <a:gd name="T35" fmla="*/ 1 h 701"/>
                <a:gd name="T36" fmla="*/ 8 w 731"/>
                <a:gd name="T37" fmla="*/ 1 h 701"/>
                <a:gd name="T38" fmla="*/ 8 w 731"/>
                <a:gd name="T39" fmla="*/ 2 h 701"/>
                <a:gd name="T40" fmla="*/ 9 w 731"/>
                <a:gd name="T41" fmla="*/ 3 h 701"/>
                <a:gd name="T42" fmla="*/ 12 w 731"/>
                <a:gd name="T43" fmla="*/ 4 h 701"/>
                <a:gd name="T44" fmla="*/ 13 w 731"/>
                <a:gd name="T45" fmla="*/ 5 h 701"/>
                <a:gd name="T46" fmla="*/ 14 w 731"/>
                <a:gd name="T47" fmla="*/ 4 h 701"/>
                <a:gd name="T48" fmla="*/ 14 w 731"/>
                <a:gd name="T49" fmla="*/ 2 h 701"/>
                <a:gd name="T50" fmla="*/ 16 w 731"/>
                <a:gd name="T51" fmla="*/ 1 h 701"/>
                <a:gd name="T52" fmla="*/ 18 w 731"/>
                <a:gd name="T53" fmla="*/ 1 h 701"/>
                <a:gd name="T54" fmla="*/ 18 w 731"/>
                <a:gd name="T55" fmla="*/ 1 h 701"/>
                <a:gd name="T56" fmla="*/ 19 w 731"/>
                <a:gd name="T57" fmla="*/ 2 h 701"/>
                <a:gd name="T58" fmla="*/ 21 w 731"/>
                <a:gd name="T59" fmla="*/ 2 h 701"/>
                <a:gd name="T60" fmla="*/ 21 w 731"/>
                <a:gd name="T61" fmla="*/ 3 h 701"/>
                <a:gd name="T62" fmla="*/ 21 w 731"/>
                <a:gd name="T63" fmla="*/ 5 h 701"/>
                <a:gd name="T64" fmla="*/ 21 w 731"/>
                <a:gd name="T65" fmla="*/ 5 h 701"/>
                <a:gd name="T66" fmla="*/ 21 w 731"/>
                <a:gd name="T67" fmla="*/ 6 h 701"/>
                <a:gd name="T68" fmla="*/ 21 w 731"/>
                <a:gd name="T69" fmla="*/ 9 h 701"/>
                <a:gd name="T70" fmla="*/ 21 w 731"/>
                <a:gd name="T71" fmla="*/ 11 h 701"/>
                <a:gd name="T72" fmla="*/ 21 w 731"/>
                <a:gd name="T73" fmla="*/ 14 h 701"/>
                <a:gd name="T74" fmla="*/ 21 w 731"/>
                <a:gd name="T75" fmla="*/ 16 h 701"/>
                <a:gd name="T76" fmla="*/ 21 w 731"/>
                <a:gd name="T77" fmla="*/ 19 h 701"/>
                <a:gd name="T78" fmla="*/ 20 w 731"/>
                <a:gd name="T79" fmla="*/ 20 h 701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731"/>
                <a:gd name="T121" fmla="*/ 0 h 701"/>
                <a:gd name="T122" fmla="*/ 731 w 731"/>
                <a:gd name="T123" fmla="*/ 701 h 701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731" h="701">
                  <a:moveTo>
                    <a:pt x="685" y="701"/>
                  </a:moveTo>
                  <a:lnTo>
                    <a:pt x="640" y="678"/>
                  </a:lnTo>
                  <a:lnTo>
                    <a:pt x="594" y="653"/>
                  </a:lnTo>
                  <a:lnTo>
                    <a:pt x="548" y="630"/>
                  </a:lnTo>
                  <a:lnTo>
                    <a:pt x="501" y="606"/>
                  </a:lnTo>
                  <a:lnTo>
                    <a:pt x="455" y="582"/>
                  </a:lnTo>
                  <a:lnTo>
                    <a:pt x="410" y="559"/>
                  </a:lnTo>
                  <a:lnTo>
                    <a:pt x="363" y="535"/>
                  </a:lnTo>
                  <a:lnTo>
                    <a:pt x="317" y="509"/>
                  </a:lnTo>
                  <a:lnTo>
                    <a:pt x="269" y="526"/>
                  </a:lnTo>
                  <a:lnTo>
                    <a:pt x="255" y="530"/>
                  </a:lnTo>
                  <a:lnTo>
                    <a:pt x="247" y="520"/>
                  </a:lnTo>
                  <a:lnTo>
                    <a:pt x="220" y="505"/>
                  </a:lnTo>
                  <a:lnTo>
                    <a:pt x="116" y="503"/>
                  </a:lnTo>
                  <a:lnTo>
                    <a:pt x="97" y="463"/>
                  </a:lnTo>
                  <a:lnTo>
                    <a:pt x="72" y="450"/>
                  </a:lnTo>
                  <a:lnTo>
                    <a:pt x="46" y="450"/>
                  </a:lnTo>
                  <a:lnTo>
                    <a:pt x="35" y="437"/>
                  </a:lnTo>
                  <a:lnTo>
                    <a:pt x="32" y="412"/>
                  </a:lnTo>
                  <a:lnTo>
                    <a:pt x="4" y="367"/>
                  </a:lnTo>
                  <a:lnTo>
                    <a:pt x="4" y="361"/>
                  </a:lnTo>
                  <a:lnTo>
                    <a:pt x="21" y="354"/>
                  </a:lnTo>
                  <a:lnTo>
                    <a:pt x="25" y="288"/>
                  </a:lnTo>
                  <a:lnTo>
                    <a:pt x="18" y="205"/>
                  </a:lnTo>
                  <a:lnTo>
                    <a:pt x="0" y="175"/>
                  </a:lnTo>
                  <a:lnTo>
                    <a:pt x="0" y="163"/>
                  </a:lnTo>
                  <a:lnTo>
                    <a:pt x="9" y="152"/>
                  </a:lnTo>
                  <a:lnTo>
                    <a:pt x="29" y="146"/>
                  </a:lnTo>
                  <a:lnTo>
                    <a:pt x="43" y="130"/>
                  </a:lnTo>
                  <a:lnTo>
                    <a:pt x="38" y="98"/>
                  </a:lnTo>
                  <a:lnTo>
                    <a:pt x="43" y="83"/>
                  </a:lnTo>
                  <a:lnTo>
                    <a:pt x="96" y="42"/>
                  </a:lnTo>
                  <a:lnTo>
                    <a:pt x="99" y="34"/>
                  </a:lnTo>
                  <a:lnTo>
                    <a:pt x="99" y="0"/>
                  </a:lnTo>
                  <a:lnTo>
                    <a:pt x="142" y="19"/>
                  </a:lnTo>
                  <a:lnTo>
                    <a:pt x="176" y="15"/>
                  </a:lnTo>
                  <a:lnTo>
                    <a:pt x="210" y="20"/>
                  </a:lnTo>
                  <a:lnTo>
                    <a:pt x="270" y="46"/>
                  </a:lnTo>
                  <a:lnTo>
                    <a:pt x="275" y="51"/>
                  </a:lnTo>
                  <a:lnTo>
                    <a:pt x="278" y="71"/>
                  </a:lnTo>
                  <a:lnTo>
                    <a:pt x="301" y="98"/>
                  </a:lnTo>
                  <a:lnTo>
                    <a:pt x="311" y="104"/>
                  </a:lnTo>
                  <a:lnTo>
                    <a:pt x="385" y="119"/>
                  </a:lnTo>
                  <a:lnTo>
                    <a:pt x="411" y="130"/>
                  </a:lnTo>
                  <a:lnTo>
                    <a:pt x="431" y="150"/>
                  </a:lnTo>
                  <a:lnTo>
                    <a:pt x="445" y="156"/>
                  </a:lnTo>
                  <a:lnTo>
                    <a:pt x="472" y="149"/>
                  </a:lnTo>
                  <a:lnTo>
                    <a:pt x="487" y="136"/>
                  </a:lnTo>
                  <a:lnTo>
                    <a:pt x="499" y="110"/>
                  </a:lnTo>
                  <a:lnTo>
                    <a:pt x="489" y="83"/>
                  </a:lnTo>
                  <a:lnTo>
                    <a:pt x="492" y="59"/>
                  </a:lnTo>
                  <a:lnTo>
                    <a:pt x="538" y="20"/>
                  </a:lnTo>
                  <a:lnTo>
                    <a:pt x="589" y="15"/>
                  </a:lnTo>
                  <a:lnTo>
                    <a:pt x="626" y="25"/>
                  </a:lnTo>
                  <a:lnTo>
                    <a:pt x="634" y="31"/>
                  </a:lnTo>
                  <a:lnTo>
                    <a:pt x="633" y="46"/>
                  </a:lnTo>
                  <a:lnTo>
                    <a:pt x="642" y="53"/>
                  </a:lnTo>
                  <a:lnTo>
                    <a:pt x="670" y="57"/>
                  </a:lnTo>
                  <a:lnTo>
                    <a:pt x="719" y="66"/>
                  </a:lnTo>
                  <a:lnTo>
                    <a:pt x="731" y="83"/>
                  </a:lnTo>
                  <a:lnTo>
                    <a:pt x="726" y="85"/>
                  </a:lnTo>
                  <a:lnTo>
                    <a:pt x="716" y="100"/>
                  </a:lnTo>
                  <a:lnTo>
                    <a:pt x="721" y="152"/>
                  </a:lnTo>
                  <a:lnTo>
                    <a:pt x="710" y="166"/>
                  </a:lnTo>
                  <a:lnTo>
                    <a:pt x="711" y="183"/>
                  </a:lnTo>
                  <a:lnTo>
                    <a:pt x="719" y="195"/>
                  </a:lnTo>
                  <a:lnTo>
                    <a:pt x="716" y="205"/>
                  </a:lnTo>
                  <a:lnTo>
                    <a:pt x="731" y="220"/>
                  </a:lnTo>
                  <a:lnTo>
                    <a:pt x="731" y="266"/>
                  </a:lnTo>
                  <a:lnTo>
                    <a:pt x="731" y="311"/>
                  </a:lnTo>
                  <a:lnTo>
                    <a:pt x="731" y="357"/>
                  </a:lnTo>
                  <a:lnTo>
                    <a:pt x="731" y="401"/>
                  </a:lnTo>
                  <a:lnTo>
                    <a:pt x="731" y="447"/>
                  </a:lnTo>
                  <a:lnTo>
                    <a:pt x="731" y="491"/>
                  </a:lnTo>
                  <a:lnTo>
                    <a:pt x="731" y="535"/>
                  </a:lnTo>
                  <a:lnTo>
                    <a:pt x="731" y="579"/>
                  </a:lnTo>
                  <a:lnTo>
                    <a:pt x="731" y="625"/>
                  </a:lnTo>
                  <a:lnTo>
                    <a:pt x="731" y="672"/>
                  </a:lnTo>
                  <a:lnTo>
                    <a:pt x="685" y="672"/>
                  </a:lnTo>
                  <a:lnTo>
                    <a:pt x="685" y="70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14" name="Freeform 153"/>
            <p:cNvSpPr>
              <a:spLocks noChangeAspect="1"/>
            </p:cNvSpPr>
            <p:nvPr/>
          </p:nvSpPr>
          <p:spPr bwMode="gray">
            <a:xfrm>
              <a:off x="5319713" y="3636963"/>
              <a:ext cx="239713" cy="369888"/>
            </a:xfrm>
            <a:custGeom>
              <a:avLst/>
              <a:gdLst>
                <a:gd name="T0" fmla="*/ 14 w 492"/>
                <a:gd name="T1" fmla="*/ 7 h 761"/>
                <a:gd name="T2" fmla="*/ 14 w 492"/>
                <a:gd name="T3" fmla="*/ 9 h 761"/>
                <a:gd name="T4" fmla="*/ 13 w 492"/>
                <a:gd name="T5" fmla="*/ 11 h 761"/>
                <a:gd name="T6" fmla="*/ 12 w 492"/>
                <a:gd name="T7" fmla="*/ 12 h 761"/>
                <a:gd name="T8" fmla="*/ 12 w 492"/>
                <a:gd name="T9" fmla="*/ 13 h 761"/>
                <a:gd name="T10" fmla="*/ 11 w 492"/>
                <a:gd name="T11" fmla="*/ 14 h 761"/>
                <a:gd name="T12" fmla="*/ 12 w 492"/>
                <a:gd name="T13" fmla="*/ 15 h 761"/>
                <a:gd name="T14" fmla="*/ 13 w 492"/>
                <a:gd name="T15" fmla="*/ 17 h 761"/>
                <a:gd name="T16" fmla="*/ 13 w 492"/>
                <a:gd name="T17" fmla="*/ 17 h 761"/>
                <a:gd name="T18" fmla="*/ 11 w 492"/>
                <a:gd name="T19" fmla="*/ 18 h 761"/>
                <a:gd name="T20" fmla="*/ 10 w 492"/>
                <a:gd name="T21" fmla="*/ 19 h 761"/>
                <a:gd name="T22" fmla="*/ 10 w 492"/>
                <a:gd name="T23" fmla="*/ 19 h 761"/>
                <a:gd name="T24" fmla="*/ 8 w 492"/>
                <a:gd name="T25" fmla="*/ 20 h 761"/>
                <a:gd name="T26" fmla="*/ 8 w 492"/>
                <a:gd name="T27" fmla="*/ 20 h 761"/>
                <a:gd name="T28" fmla="*/ 6 w 492"/>
                <a:gd name="T29" fmla="*/ 21 h 761"/>
                <a:gd name="T30" fmla="*/ 4 w 492"/>
                <a:gd name="T31" fmla="*/ 21 h 761"/>
                <a:gd name="T32" fmla="*/ 3 w 492"/>
                <a:gd name="T33" fmla="*/ 22 h 761"/>
                <a:gd name="T34" fmla="*/ 2 w 492"/>
                <a:gd name="T35" fmla="*/ 20 h 761"/>
                <a:gd name="T36" fmla="*/ 1 w 492"/>
                <a:gd name="T37" fmla="*/ 20 h 761"/>
                <a:gd name="T38" fmla="*/ 1 w 492"/>
                <a:gd name="T39" fmla="*/ 19 h 761"/>
                <a:gd name="T40" fmla="*/ 2 w 492"/>
                <a:gd name="T41" fmla="*/ 18 h 761"/>
                <a:gd name="T42" fmla="*/ 2 w 492"/>
                <a:gd name="T43" fmla="*/ 18 h 761"/>
                <a:gd name="T44" fmla="*/ 2 w 492"/>
                <a:gd name="T45" fmla="*/ 16 h 761"/>
                <a:gd name="T46" fmla="*/ 1 w 492"/>
                <a:gd name="T47" fmla="*/ 14 h 761"/>
                <a:gd name="T48" fmla="*/ 1 w 492"/>
                <a:gd name="T49" fmla="*/ 14 h 761"/>
                <a:gd name="T50" fmla="*/ 0 w 492"/>
                <a:gd name="T51" fmla="*/ 13 h 761"/>
                <a:gd name="T52" fmla="*/ 0 w 492"/>
                <a:gd name="T53" fmla="*/ 12 h 761"/>
                <a:gd name="T54" fmla="*/ 3 w 492"/>
                <a:gd name="T55" fmla="*/ 9 h 761"/>
                <a:gd name="T56" fmla="*/ 3 w 492"/>
                <a:gd name="T57" fmla="*/ 5 h 761"/>
                <a:gd name="T58" fmla="*/ 3 w 492"/>
                <a:gd name="T59" fmla="*/ 4 h 761"/>
                <a:gd name="T60" fmla="*/ 2 w 492"/>
                <a:gd name="T61" fmla="*/ 1 h 761"/>
                <a:gd name="T62" fmla="*/ 5 w 492"/>
                <a:gd name="T63" fmla="*/ 1 h 761"/>
                <a:gd name="T64" fmla="*/ 8 w 492"/>
                <a:gd name="T65" fmla="*/ 2 h 761"/>
                <a:gd name="T66" fmla="*/ 10 w 492"/>
                <a:gd name="T67" fmla="*/ 3 h 761"/>
                <a:gd name="T68" fmla="*/ 13 w 492"/>
                <a:gd name="T69" fmla="*/ 5 h 761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w 492"/>
                <a:gd name="T106" fmla="*/ 0 h 761"/>
                <a:gd name="T107" fmla="*/ 492 w 492"/>
                <a:gd name="T108" fmla="*/ 761 h 761"/>
              </a:gdLst>
              <a:ahLst/>
              <a:cxnLst>
                <a:cxn ang="T70">
                  <a:pos x="T0" y="T1"/>
                </a:cxn>
                <a:cxn ang="T71">
                  <a:pos x="T2" y="T3"/>
                </a:cxn>
                <a:cxn ang="T72">
                  <a:pos x="T4" y="T5"/>
                </a:cxn>
                <a:cxn ang="T73">
                  <a:pos x="T6" y="T7"/>
                </a:cxn>
                <a:cxn ang="T74">
                  <a:pos x="T8" y="T9"/>
                </a:cxn>
                <a:cxn ang="T75">
                  <a:pos x="T10" y="T11"/>
                </a:cxn>
                <a:cxn ang="T76">
                  <a:pos x="T12" y="T13"/>
                </a:cxn>
                <a:cxn ang="T77">
                  <a:pos x="T14" y="T15"/>
                </a:cxn>
                <a:cxn ang="T78">
                  <a:pos x="T16" y="T17"/>
                </a:cxn>
                <a:cxn ang="T79">
                  <a:pos x="T18" y="T19"/>
                </a:cxn>
                <a:cxn ang="T80">
                  <a:pos x="T20" y="T21"/>
                </a:cxn>
                <a:cxn ang="T81">
                  <a:pos x="T22" y="T23"/>
                </a:cxn>
                <a:cxn ang="T82">
                  <a:pos x="T24" y="T25"/>
                </a:cxn>
                <a:cxn ang="T83">
                  <a:pos x="T26" y="T27"/>
                </a:cxn>
                <a:cxn ang="T84">
                  <a:pos x="T28" y="T29"/>
                </a:cxn>
                <a:cxn ang="T85">
                  <a:pos x="T30" y="T31"/>
                </a:cxn>
                <a:cxn ang="T86">
                  <a:pos x="T32" y="T33"/>
                </a:cxn>
                <a:cxn ang="T87">
                  <a:pos x="T34" y="T35"/>
                </a:cxn>
                <a:cxn ang="T88">
                  <a:pos x="T36" y="T37"/>
                </a:cxn>
                <a:cxn ang="T89">
                  <a:pos x="T38" y="T39"/>
                </a:cxn>
                <a:cxn ang="T90">
                  <a:pos x="T40" y="T41"/>
                </a:cxn>
                <a:cxn ang="T91">
                  <a:pos x="T42" y="T43"/>
                </a:cxn>
                <a:cxn ang="T92">
                  <a:pos x="T44" y="T45"/>
                </a:cxn>
                <a:cxn ang="T93">
                  <a:pos x="T46" y="T47"/>
                </a:cxn>
                <a:cxn ang="T94">
                  <a:pos x="T48" y="T49"/>
                </a:cxn>
                <a:cxn ang="T95">
                  <a:pos x="T50" y="T51"/>
                </a:cxn>
                <a:cxn ang="T96">
                  <a:pos x="T52" y="T53"/>
                </a:cxn>
                <a:cxn ang="T97">
                  <a:pos x="T54" y="T55"/>
                </a:cxn>
                <a:cxn ang="T98">
                  <a:pos x="T56" y="T57"/>
                </a:cxn>
                <a:cxn ang="T99">
                  <a:pos x="T58" y="T59"/>
                </a:cxn>
                <a:cxn ang="T100">
                  <a:pos x="T60" y="T61"/>
                </a:cxn>
                <a:cxn ang="T101">
                  <a:pos x="T62" y="T63"/>
                </a:cxn>
                <a:cxn ang="T102">
                  <a:pos x="T64" y="T65"/>
                </a:cxn>
                <a:cxn ang="T103">
                  <a:pos x="T66" y="T67"/>
                </a:cxn>
                <a:cxn ang="T104">
                  <a:pos x="T68" y="T69"/>
                </a:cxn>
              </a:cxnLst>
              <a:rect l="T105" t="T106" r="T107" b="T108"/>
              <a:pathLst>
                <a:path w="492" h="761">
                  <a:moveTo>
                    <a:pt x="492" y="192"/>
                  </a:moveTo>
                  <a:lnTo>
                    <a:pt x="492" y="237"/>
                  </a:lnTo>
                  <a:lnTo>
                    <a:pt x="492" y="282"/>
                  </a:lnTo>
                  <a:lnTo>
                    <a:pt x="492" y="325"/>
                  </a:lnTo>
                  <a:lnTo>
                    <a:pt x="492" y="371"/>
                  </a:lnTo>
                  <a:lnTo>
                    <a:pt x="443" y="376"/>
                  </a:lnTo>
                  <a:lnTo>
                    <a:pt x="436" y="401"/>
                  </a:lnTo>
                  <a:lnTo>
                    <a:pt x="413" y="430"/>
                  </a:lnTo>
                  <a:lnTo>
                    <a:pt x="413" y="452"/>
                  </a:lnTo>
                  <a:lnTo>
                    <a:pt x="404" y="461"/>
                  </a:lnTo>
                  <a:lnTo>
                    <a:pt x="402" y="481"/>
                  </a:lnTo>
                  <a:lnTo>
                    <a:pt x="394" y="502"/>
                  </a:lnTo>
                  <a:lnTo>
                    <a:pt x="394" y="515"/>
                  </a:lnTo>
                  <a:lnTo>
                    <a:pt x="415" y="512"/>
                  </a:lnTo>
                  <a:lnTo>
                    <a:pt x="418" y="537"/>
                  </a:lnTo>
                  <a:lnTo>
                    <a:pt x="440" y="583"/>
                  </a:lnTo>
                  <a:lnTo>
                    <a:pt x="440" y="590"/>
                  </a:lnTo>
                  <a:lnTo>
                    <a:pt x="432" y="593"/>
                  </a:lnTo>
                  <a:lnTo>
                    <a:pt x="398" y="602"/>
                  </a:lnTo>
                  <a:lnTo>
                    <a:pt x="387" y="615"/>
                  </a:lnTo>
                  <a:lnTo>
                    <a:pt x="387" y="628"/>
                  </a:lnTo>
                  <a:lnTo>
                    <a:pt x="355" y="654"/>
                  </a:lnTo>
                  <a:lnTo>
                    <a:pt x="350" y="666"/>
                  </a:lnTo>
                  <a:lnTo>
                    <a:pt x="335" y="673"/>
                  </a:lnTo>
                  <a:lnTo>
                    <a:pt x="328" y="681"/>
                  </a:lnTo>
                  <a:lnTo>
                    <a:pt x="260" y="692"/>
                  </a:lnTo>
                  <a:lnTo>
                    <a:pt x="259" y="698"/>
                  </a:lnTo>
                  <a:lnTo>
                    <a:pt x="265" y="707"/>
                  </a:lnTo>
                  <a:lnTo>
                    <a:pt x="243" y="732"/>
                  </a:lnTo>
                  <a:lnTo>
                    <a:pt x="204" y="735"/>
                  </a:lnTo>
                  <a:lnTo>
                    <a:pt x="162" y="755"/>
                  </a:lnTo>
                  <a:lnTo>
                    <a:pt x="147" y="743"/>
                  </a:lnTo>
                  <a:lnTo>
                    <a:pt x="140" y="749"/>
                  </a:lnTo>
                  <a:lnTo>
                    <a:pt x="119" y="759"/>
                  </a:lnTo>
                  <a:lnTo>
                    <a:pt x="91" y="761"/>
                  </a:lnTo>
                  <a:lnTo>
                    <a:pt x="74" y="703"/>
                  </a:lnTo>
                  <a:lnTo>
                    <a:pt x="65" y="695"/>
                  </a:lnTo>
                  <a:lnTo>
                    <a:pt x="42" y="684"/>
                  </a:lnTo>
                  <a:lnTo>
                    <a:pt x="31" y="662"/>
                  </a:lnTo>
                  <a:lnTo>
                    <a:pt x="33" y="649"/>
                  </a:lnTo>
                  <a:lnTo>
                    <a:pt x="40" y="642"/>
                  </a:lnTo>
                  <a:lnTo>
                    <a:pt x="84" y="645"/>
                  </a:lnTo>
                  <a:lnTo>
                    <a:pt x="90" y="641"/>
                  </a:lnTo>
                  <a:lnTo>
                    <a:pt x="85" y="628"/>
                  </a:lnTo>
                  <a:lnTo>
                    <a:pt x="65" y="595"/>
                  </a:lnTo>
                  <a:lnTo>
                    <a:pt x="71" y="553"/>
                  </a:lnTo>
                  <a:lnTo>
                    <a:pt x="57" y="511"/>
                  </a:lnTo>
                  <a:lnTo>
                    <a:pt x="47" y="505"/>
                  </a:lnTo>
                  <a:lnTo>
                    <a:pt x="44" y="495"/>
                  </a:lnTo>
                  <a:lnTo>
                    <a:pt x="33" y="495"/>
                  </a:lnTo>
                  <a:lnTo>
                    <a:pt x="6" y="463"/>
                  </a:lnTo>
                  <a:lnTo>
                    <a:pt x="2" y="438"/>
                  </a:lnTo>
                  <a:lnTo>
                    <a:pt x="0" y="427"/>
                  </a:lnTo>
                  <a:lnTo>
                    <a:pt x="10" y="422"/>
                  </a:lnTo>
                  <a:lnTo>
                    <a:pt x="14" y="404"/>
                  </a:lnTo>
                  <a:lnTo>
                    <a:pt x="93" y="316"/>
                  </a:lnTo>
                  <a:lnTo>
                    <a:pt x="98" y="232"/>
                  </a:lnTo>
                  <a:lnTo>
                    <a:pt x="110" y="167"/>
                  </a:lnTo>
                  <a:lnTo>
                    <a:pt x="121" y="146"/>
                  </a:lnTo>
                  <a:lnTo>
                    <a:pt x="91" y="126"/>
                  </a:lnTo>
                  <a:lnTo>
                    <a:pt x="77" y="93"/>
                  </a:lnTo>
                  <a:lnTo>
                    <a:pt x="76" y="17"/>
                  </a:lnTo>
                  <a:lnTo>
                    <a:pt x="124" y="0"/>
                  </a:lnTo>
                  <a:lnTo>
                    <a:pt x="170" y="26"/>
                  </a:lnTo>
                  <a:lnTo>
                    <a:pt x="217" y="50"/>
                  </a:lnTo>
                  <a:lnTo>
                    <a:pt x="262" y="73"/>
                  </a:lnTo>
                  <a:lnTo>
                    <a:pt x="308" y="97"/>
                  </a:lnTo>
                  <a:lnTo>
                    <a:pt x="355" y="121"/>
                  </a:lnTo>
                  <a:lnTo>
                    <a:pt x="401" y="144"/>
                  </a:lnTo>
                  <a:lnTo>
                    <a:pt x="447" y="169"/>
                  </a:lnTo>
                  <a:lnTo>
                    <a:pt x="492" y="19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15" name="Freeform 154"/>
            <p:cNvSpPr>
              <a:spLocks noChangeAspect="1"/>
            </p:cNvSpPr>
            <p:nvPr/>
          </p:nvSpPr>
          <p:spPr bwMode="gray">
            <a:xfrm>
              <a:off x="4729163" y="3316288"/>
              <a:ext cx="269875" cy="214313"/>
            </a:xfrm>
            <a:custGeom>
              <a:avLst/>
              <a:gdLst>
                <a:gd name="T0" fmla="*/ 6 w 552"/>
                <a:gd name="T1" fmla="*/ 13 h 441"/>
                <a:gd name="T2" fmla="*/ 4 w 552"/>
                <a:gd name="T3" fmla="*/ 13 h 441"/>
                <a:gd name="T4" fmla="*/ 3 w 552"/>
                <a:gd name="T5" fmla="*/ 13 h 441"/>
                <a:gd name="T6" fmla="*/ 2 w 552"/>
                <a:gd name="T7" fmla="*/ 13 h 441"/>
                <a:gd name="T8" fmla="*/ 0 w 552"/>
                <a:gd name="T9" fmla="*/ 13 h 441"/>
                <a:gd name="T10" fmla="*/ 0 w 552"/>
                <a:gd name="T11" fmla="*/ 12 h 441"/>
                <a:gd name="T12" fmla="*/ 2 w 552"/>
                <a:gd name="T13" fmla="*/ 12 h 441"/>
                <a:gd name="T14" fmla="*/ 2 w 552"/>
                <a:gd name="T15" fmla="*/ 11 h 441"/>
                <a:gd name="T16" fmla="*/ 4 w 552"/>
                <a:gd name="T17" fmla="*/ 10 h 441"/>
                <a:gd name="T18" fmla="*/ 4 w 552"/>
                <a:gd name="T19" fmla="*/ 10 h 441"/>
                <a:gd name="T20" fmla="*/ 4 w 552"/>
                <a:gd name="T21" fmla="*/ 9 h 441"/>
                <a:gd name="T22" fmla="*/ 4 w 552"/>
                <a:gd name="T23" fmla="*/ 9 h 441"/>
                <a:gd name="T24" fmla="*/ 4 w 552"/>
                <a:gd name="T25" fmla="*/ 8 h 441"/>
                <a:gd name="T26" fmla="*/ 4 w 552"/>
                <a:gd name="T27" fmla="*/ 7 h 441"/>
                <a:gd name="T28" fmla="*/ 5 w 552"/>
                <a:gd name="T29" fmla="*/ 6 h 441"/>
                <a:gd name="T30" fmla="*/ 5 w 552"/>
                <a:gd name="T31" fmla="*/ 6 h 441"/>
                <a:gd name="T32" fmla="*/ 5 w 552"/>
                <a:gd name="T33" fmla="*/ 5 h 441"/>
                <a:gd name="T34" fmla="*/ 6 w 552"/>
                <a:gd name="T35" fmla="*/ 4 h 441"/>
                <a:gd name="T36" fmla="*/ 8 w 552"/>
                <a:gd name="T37" fmla="*/ 4 h 441"/>
                <a:gd name="T38" fmla="*/ 9 w 552"/>
                <a:gd name="T39" fmla="*/ 3 h 441"/>
                <a:gd name="T40" fmla="*/ 9 w 552"/>
                <a:gd name="T41" fmla="*/ 2 h 441"/>
                <a:gd name="T42" fmla="*/ 10 w 552"/>
                <a:gd name="T43" fmla="*/ 0 h 441"/>
                <a:gd name="T44" fmla="*/ 10 w 552"/>
                <a:gd name="T45" fmla="*/ 0 h 441"/>
                <a:gd name="T46" fmla="*/ 11 w 552"/>
                <a:gd name="T47" fmla="*/ 1 h 441"/>
                <a:gd name="T48" fmla="*/ 12 w 552"/>
                <a:gd name="T49" fmla="*/ 1 h 441"/>
                <a:gd name="T50" fmla="*/ 14 w 552"/>
                <a:gd name="T51" fmla="*/ 1 h 441"/>
                <a:gd name="T52" fmla="*/ 14 w 552"/>
                <a:gd name="T53" fmla="*/ 1 h 441"/>
                <a:gd name="T54" fmla="*/ 14 w 552"/>
                <a:gd name="T55" fmla="*/ 1 h 441"/>
                <a:gd name="T56" fmla="*/ 15 w 552"/>
                <a:gd name="T57" fmla="*/ 1 h 441"/>
                <a:gd name="T58" fmla="*/ 15 w 552"/>
                <a:gd name="T59" fmla="*/ 2 h 441"/>
                <a:gd name="T60" fmla="*/ 15 w 552"/>
                <a:gd name="T61" fmla="*/ 2 h 441"/>
                <a:gd name="T62" fmla="*/ 15 w 552"/>
                <a:gd name="T63" fmla="*/ 2 h 441"/>
                <a:gd name="T64" fmla="*/ 15 w 552"/>
                <a:gd name="T65" fmla="*/ 2 h 441"/>
                <a:gd name="T66" fmla="*/ 15 w 552"/>
                <a:gd name="T67" fmla="*/ 2 h 441"/>
                <a:gd name="T68" fmla="*/ 15 w 552"/>
                <a:gd name="T69" fmla="*/ 2 h 441"/>
                <a:gd name="T70" fmla="*/ 15 w 552"/>
                <a:gd name="T71" fmla="*/ 3 h 441"/>
                <a:gd name="T72" fmla="*/ 15 w 552"/>
                <a:gd name="T73" fmla="*/ 3 h 441"/>
                <a:gd name="T74" fmla="*/ 15 w 552"/>
                <a:gd name="T75" fmla="*/ 4 h 441"/>
                <a:gd name="T76" fmla="*/ 15 w 552"/>
                <a:gd name="T77" fmla="*/ 4 h 441"/>
                <a:gd name="T78" fmla="*/ 15 w 552"/>
                <a:gd name="T79" fmla="*/ 5 h 441"/>
                <a:gd name="T80" fmla="*/ 16 w 552"/>
                <a:gd name="T81" fmla="*/ 5 h 441"/>
                <a:gd name="T82" fmla="*/ 16 w 552"/>
                <a:gd name="T83" fmla="*/ 5 h 441"/>
                <a:gd name="T84" fmla="*/ 16 w 552"/>
                <a:gd name="T85" fmla="*/ 6 h 441"/>
                <a:gd name="T86" fmla="*/ 16 w 552"/>
                <a:gd name="T87" fmla="*/ 6 h 441"/>
                <a:gd name="T88" fmla="*/ 14 w 552"/>
                <a:gd name="T89" fmla="*/ 6 h 441"/>
                <a:gd name="T90" fmla="*/ 14 w 552"/>
                <a:gd name="T91" fmla="*/ 6 h 441"/>
                <a:gd name="T92" fmla="*/ 12 w 552"/>
                <a:gd name="T93" fmla="*/ 7 h 441"/>
                <a:gd name="T94" fmla="*/ 12 w 552"/>
                <a:gd name="T95" fmla="*/ 7 h 441"/>
                <a:gd name="T96" fmla="*/ 13 w 552"/>
                <a:gd name="T97" fmla="*/ 7 h 441"/>
                <a:gd name="T98" fmla="*/ 12 w 552"/>
                <a:gd name="T99" fmla="*/ 7 h 441"/>
                <a:gd name="T100" fmla="*/ 13 w 552"/>
                <a:gd name="T101" fmla="*/ 7 h 441"/>
                <a:gd name="T102" fmla="*/ 13 w 552"/>
                <a:gd name="T103" fmla="*/ 8 h 441"/>
                <a:gd name="T104" fmla="*/ 11 w 552"/>
                <a:gd name="T105" fmla="*/ 8 h 441"/>
                <a:gd name="T106" fmla="*/ 10 w 552"/>
                <a:gd name="T107" fmla="*/ 9 h 441"/>
                <a:gd name="T108" fmla="*/ 10 w 552"/>
                <a:gd name="T109" fmla="*/ 9 h 441"/>
                <a:gd name="T110" fmla="*/ 9 w 552"/>
                <a:gd name="T111" fmla="*/ 9 h 441"/>
                <a:gd name="T112" fmla="*/ 9 w 552"/>
                <a:gd name="T113" fmla="*/ 10 h 441"/>
                <a:gd name="T114" fmla="*/ 8 w 552"/>
                <a:gd name="T115" fmla="*/ 10 h 441"/>
                <a:gd name="T116" fmla="*/ 7 w 552"/>
                <a:gd name="T117" fmla="*/ 10 h 441"/>
                <a:gd name="T118" fmla="*/ 7 w 552"/>
                <a:gd name="T119" fmla="*/ 10 h 441"/>
                <a:gd name="T120" fmla="*/ 6 w 552"/>
                <a:gd name="T121" fmla="*/ 10 h 441"/>
                <a:gd name="T122" fmla="*/ 6 w 552"/>
                <a:gd name="T123" fmla="*/ 11 h 441"/>
                <a:gd name="T124" fmla="*/ 6 w 552"/>
                <a:gd name="T125" fmla="*/ 13 h 441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  <a:gd name="T189" fmla="*/ 0 w 552"/>
                <a:gd name="T190" fmla="*/ 0 h 441"/>
                <a:gd name="T191" fmla="*/ 552 w 552"/>
                <a:gd name="T192" fmla="*/ 441 h 441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T189" t="T190" r="T191" b="T192"/>
              <a:pathLst>
                <a:path w="552" h="441">
                  <a:moveTo>
                    <a:pt x="201" y="440"/>
                  </a:moveTo>
                  <a:lnTo>
                    <a:pt x="150" y="440"/>
                  </a:lnTo>
                  <a:lnTo>
                    <a:pt x="102" y="440"/>
                  </a:lnTo>
                  <a:lnTo>
                    <a:pt x="51" y="441"/>
                  </a:lnTo>
                  <a:lnTo>
                    <a:pt x="0" y="441"/>
                  </a:lnTo>
                  <a:lnTo>
                    <a:pt x="3" y="432"/>
                  </a:lnTo>
                  <a:lnTo>
                    <a:pt x="64" y="415"/>
                  </a:lnTo>
                  <a:lnTo>
                    <a:pt x="85" y="396"/>
                  </a:lnTo>
                  <a:lnTo>
                    <a:pt x="125" y="366"/>
                  </a:lnTo>
                  <a:lnTo>
                    <a:pt x="139" y="344"/>
                  </a:lnTo>
                  <a:lnTo>
                    <a:pt x="153" y="318"/>
                  </a:lnTo>
                  <a:lnTo>
                    <a:pt x="152" y="302"/>
                  </a:lnTo>
                  <a:lnTo>
                    <a:pt x="144" y="288"/>
                  </a:lnTo>
                  <a:lnTo>
                    <a:pt x="149" y="248"/>
                  </a:lnTo>
                  <a:lnTo>
                    <a:pt x="164" y="220"/>
                  </a:lnTo>
                  <a:lnTo>
                    <a:pt x="175" y="215"/>
                  </a:lnTo>
                  <a:lnTo>
                    <a:pt x="178" y="186"/>
                  </a:lnTo>
                  <a:lnTo>
                    <a:pt x="213" y="146"/>
                  </a:lnTo>
                  <a:lnTo>
                    <a:pt x="264" y="123"/>
                  </a:lnTo>
                  <a:lnTo>
                    <a:pt x="291" y="100"/>
                  </a:lnTo>
                  <a:lnTo>
                    <a:pt x="308" y="73"/>
                  </a:lnTo>
                  <a:lnTo>
                    <a:pt x="330" y="8"/>
                  </a:lnTo>
                  <a:lnTo>
                    <a:pt x="352" y="0"/>
                  </a:lnTo>
                  <a:lnTo>
                    <a:pt x="373" y="27"/>
                  </a:lnTo>
                  <a:lnTo>
                    <a:pt x="399" y="41"/>
                  </a:lnTo>
                  <a:lnTo>
                    <a:pt x="461" y="32"/>
                  </a:lnTo>
                  <a:lnTo>
                    <a:pt x="482" y="44"/>
                  </a:lnTo>
                  <a:lnTo>
                    <a:pt x="489" y="44"/>
                  </a:lnTo>
                  <a:lnTo>
                    <a:pt x="507" y="45"/>
                  </a:lnTo>
                  <a:lnTo>
                    <a:pt x="503" y="49"/>
                  </a:lnTo>
                  <a:lnTo>
                    <a:pt x="503" y="54"/>
                  </a:lnTo>
                  <a:lnTo>
                    <a:pt x="516" y="62"/>
                  </a:lnTo>
                  <a:lnTo>
                    <a:pt x="515" y="66"/>
                  </a:lnTo>
                  <a:lnTo>
                    <a:pt x="520" y="75"/>
                  </a:lnTo>
                  <a:lnTo>
                    <a:pt x="516" y="81"/>
                  </a:lnTo>
                  <a:lnTo>
                    <a:pt x="521" y="98"/>
                  </a:lnTo>
                  <a:lnTo>
                    <a:pt x="518" y="117"/>
                  </a:lnTo>
                  <a:lnTo>
                    <a:pt x="524" y="127"/>
                  </a:lnTo>
                  <a:lnTo>
                    <a:pt x="523" y="140"/>
                  </a:lnTo>
                  <a:lnTo>
                    <a:pt x="528" y="158"/>
                  </a:lnTo>
                  <a:lnTo>
                    <a:pt x="535" y="171"/>
                  </a:lnTo>
                  <a:lnTo>
                    <a:pt x="552" y="184"/>
                  </a:lnTo>
                  <a:lnTo>
                    <a:pt x="541" y="192"/>
                  </a:lnTo>
                  <a:lnTo>
                    <a:pt x="545" y="205"/>
                  </a:lnTo>
                  <a:lnTo>
                    <a:pt x="466" y="206"/>
                  </a:lnTo>
                  <a:lnTo>
                    <a:pt x="461" y="222"/>
                  </a:lnTo>
                  <a:lnTo>
                    <a:pt x="424" y="231"/>
                  </a:lnTo>
                  <a:lnTo>
                    <a:pt x="421" y="242"/>
                  </a:lnTo>
                  <a:lnTo>
                    <a:pt x="428" y="245"/>
                  </a:lnTo>
                  <a:lnTo>
                    <a:pt x="421" y="257"/>
                  </a:lnTo>
                  <a:lnTo>
                    <a:pt x="433" y="262"/>
                  </a:lnTo>
                  <a:lnTo>
                    <a:pt x="432" y="268"/>
                  </a:lnTo>
                  <a:lnTo>
                    <a:pt x="376" y="291"/>
                  </a:lnTo>
                  <a:lnTo>
                    <a:pt x="357" y="315"/>
                  </a:lnTo>
                  <a:lnTo>
                    <a:pt x="342" y="325"/>
                  </a:lnTo>
                  <a:lnTo>
                    <a:pt x="298" y="328"/>
                  </a:lnTo>
                  <a:lnTo>
                    <a:pt x="294" y="340"/>
                  </a:lnTo>
                  <a:lnTo>
                    <a:pt x="271" y="338"/>
                  </a:lnTo>
                  <a:lnTo>
                    <a:pt x="250" y="353"/>
                  </a:lnTo>
                  <a:lnTo>
                    <a:pt x="240" y="355"/>
                  </a:lnTo>
                  <a:lnTo>
                    <a:pt x="223" y="366"/>
                  </a:lnTo>
                  <a:lnTo>
                    <a:pt x="201" y="383"/>
                  </a:lnTo>
                  <a:lnTo>
                    <a:pt x="201" y="44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16" name="Freeform 155"/>
            <p:cNvSpPr>
              <a:spLocks noChangeAspect="1"/>
            </p:cNvSpPr>
            <p:nvPr/>
          </p:nvSpPr>
          <p:spPr bwMode="gray">
            <a:xfrm>
              <a:off x="4638675" y="3541713"/>
              <a:ext cx="273050" cy="298450"/>
            </a:xfrm>
            <a:custGeom>
              <a:avLst/>
              <a:gdLst>
                <a:gd name="T0" fmla="*/ 11 w 557"/>
                <a:gd name="T1" fmla="*/ 17 h 613"/>
                <a:gd name="T2" fmla="*/ 14 w 557"/>
                <a:gd name="T3" fmla="*/ 17 h 613"/>
                <a:gd name="T4" fmla="*/ 16 w 557"/>
                <a:gd name="T5" fmla="*/ 16 h 613"/>
                <a:gd name="T6" fmla="*/ 15 w 557"/>
                <a:gd name="T7" fmla="*/ 14 h 613"/>
                <a:gd name="T8" fmla="*/ 15 w 557"/>
                <a:gd name="T9" fmla="*/ 11 h 613"/>
                <a:gd name="T10" fmla="*/ 15 w 557"/>
                <a:gd name="T11" fmla="*/ 8 h 613"/>
                <a:gd name="T12" fmla="*/ 14 w 557"/>
                <a:gd name="T13" fmla="*/ 5 h 613"/>
                <a:gd name="T14" fmla="*/ 15 w 557"/>
                <a:gd name="T15" fmla="*/ 3 h 613"/>
                <a:gd name="T16" fmla="*/ 15 w 557"/>
                <a:gd name="T17" fmla="*/ 2 h 613"/>
                <a:gd name="T18" fmla="*/ 13 w 557"/>
                <a:gd name="T19" fmla="*/ 1 h 613"/>
                <a:gd name="T20" fmla="*/ 11 w 557"/>
                <a:gd name="T21" fmla="*/ 2 h 613"/>
                <a:gd name="T22" fmla="*/ 9 w 557"/>
                <a:gd name="T23" fmla="*/ 2 h 613"/>
                <a:gd name="T24" fmla="*/ 7 w 557"/>
                <a:gd name="T25" fmla="*/ 2 h 613"/>
                <a:gd name="T26" fmla="*/ 7 w 557"/>
                <a:gd name="T27" fmla="*/ 4 h 613"/>
                <a:gd name="T28" fmla="*/ 6 w 557"/>
                <a:gd name="T29" fmla="*/ 6 h 613"/>
                <a:gd name="T30" fmla="*/ 6 w 557"/>
                <a:gd name="T31" fmla="*/ 7 h 613"/>
                <a:gd name="T32" fmla="*/ 4 w 557"/>
                <a:gd name="T33" fmla="*/ 9 h 613"/>
                <a:gd name="T34" fmla="*/ 2 w 557"/>
                <a:gd name="T35" fmla="*/ 9 h 613"/>
                <a:gd name="T36" fmla="*/ 0 w 557"/>
                <a:gd name="T37" fmla="*/ 9 h 613"/>
                <a:gd name="T38" fmla="*/ 1 w 557"/>
                <a:gd name="T39" fmla="*/ 10 h 613"/>
                <a:gd name="T40" fmla="*/ 1 w 557"/>
                <a:gd name="T41" fmla="*/ 10 h 613"/>
                <a:gd name="T42" fmla="*/ 1 w 557"/>
                <a:gd name="T43" fmla="*/ 11 h 613"/>
                <a:gd name="T44" fmla="*/ 1 w 557"/>
                <a:gd name="T45" fmla="*/ 12 h 613"/>
                <a:gd name="T46" fmla="*/ 1 w 557"/>
                <a:gd name="T47" fmla="*/ 14 h 613"/>
                <a:gd name="T48" fmla="*/ 1 w 557"/>
                <a:gd name="T49" fmla="*/ 15 h 613"/>
                <a:gd name="T50" fmla="*/ 2 w 557"/>
                <a:gd name="T51" fmla="*/ 15 h 613"/>
                <a:gd name="T52" fmla="*/ 4 w 557"/>
                <a:gd name="T53" fmla="*/ 16 h 613"/>
                <a:gd name="T54" fmla="*/ 5 w 557"/>
                <a:gd name="T55" fmla="*/ 17 h 613"/>
                <a:gd name="T56" fmla="*/ 6 w 557"/>
                <a:gd name="T57" fmla="*/ 17 h 613"/>
                <a:gd name="T58" fmla="*/ 6 w 557"/>
                <a:gd name="T59" fmla="*/ 18 h 613"/>
                <a:gd name="T60" fmla="*/ 7 w 557"/>
                <a:gd name="T61" fmla="*/ 16 h 613"/>
                <a:gd name="T62" fmla="*/ 8 w 557"/>
                <a:gd name="T63" fmla="*/ 17 h 613"/>
                <a:gd name="T64" fmla="*/ 9 w 557"/>
                <a:gd name="T65" fmla="*/ 17 h 613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557"/>
                <a:gd name="T100" fmla="*/ 0 h 613"/>
                <a:gd name="T101" fmla="*/ 557 w 557"/>
                <a:gd name="T102" fmla="*/ 613 h 613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557" h="613">
                  <a:moveTo>
                    <a:pt x="316" y="575"/>
                  </a:moveTo>
                  <a:lnTo>
                    <a:pt x="368" y="577"/>
                  </a:lnTo>
                  <a:lnTo>
                    <a:pt x="421" y="580"/>
                  </a:lnTo>
                  <a:lnTo>
                    <a:pt x="473" y="580"/>
                  </a:lnTo>
                  <a:lnTo>
                    <a:pt x="526" y="581"/>
                  </a:lnTo>
                  <a:lnTo>
                    <a:pt x="536" y="540"/>
                  </a:lnTo>
                  <a:lnTo>
                    <a:pt x="518" y="535"/>
                  </a:lnTo>
                  <a:lnTo>
                    <a:pt x="512" y="484"/>
                  </a:lnTo>
                  <a:lnTo>
                    <a:pt x="507" y="432"/>
                  </a:lnTo>
                  <a:lnTo>
                    <a:pt x="502" y="379"/>
                  </a:lnTo>
                  <a:lnTo>
                    <a:pt x="497" y="329"/>
                  </a:lnTo>
                  <a:lnTo>
                    <a:pt x="490" y="276"/>
                  </a:lnTo>
                  <a:lnTo>
                    <a:pt x="485" y="222"/>
                  </a:lnTo>
                  <a:lnTo>
                    <a:pt x="480" y="170"/>
                  </a:lnTo>
                  <a:lnTo>
                    <a:pt x="475" y="116"/>
                  </a:lnTo>
                  <a:lnTo>
                    <a:pt x="515" y="116"/>
                  </a:lnTo>
                  <a:lnTo>
                    <a:pt x="557" y="116"/>
                  </a:lnTo>
                  <a:lnTo>
                    <a:pt x="514" y="86"/>
                  </a:lnTo>
                  <a:lnTo>
                    <a:pt x="472" y="58"/>
                  </a:lnTo>
                  <a:lnTo>
                    <a:pt x="430" y="29"/>
                  </a:lnTo>
                  <a:lnTo>
                    <a:pt x="387" y="0"/>
                  </a:lnTo>
                  <a:lnTo>
                    <a:pt x="384" y="63"/>
                  </a:lnTo>
                  <a:lnTo>
                    <a:pt x="348" y="63"/>
                  </a:lnTo>
                  <a:lnTo>
                    <a:pt x="311" y="61"/>
                  </a:lnTo>
                  <a:lnTo>
                    <a:pt x="274" y="61"/>
                  </a:lnTo>
                  <a:lnTo>
                    <a:pt x="238" y="61"/>
                  </a:lnTo>
                  <a:lnTo>
                    <a:pt x="238" y="100"/>
                  </a:lnTo>
                  <a:lnTo>
                    <a:pt x="236" y="145"/>
                  </a:lnTo>
                  <a:lnTo>
                    <a:pt x="236" y="190"/>
                  </a:lnTo>
                  <a:lnTo>
                    <a:pt x="192" y="201"/>
                  </a:lnTo>
                  <a:lnTo>
                    <a:pt x="181" y="217"/>
                  </a:lnTo>
                  <a:lnTo>
                    <a:pt x="184" y="250"/>
                  </a:lnTo>
                  <a:lnTo>
                    <a:pt x="187" y="293"/>
                  </a:lnTo>
                  <a:lnTo>
                    <a:pt x="143" y="293"/>
                  </a:lnTo>
                  <a:lnTo>
                    <a:pt x="101" y="293"/>
                  </a:lnTo>
                  <a:lnTo>
                    <a:pt x="57" y="293"/>
                  </a:lnTo>
                  <a:lnTo>
                    <a:pt x="14" y="293"/>
                  </a:lnTo>
                  <a:lnTo>
                    <a:pt x="0" y="312"/>
                  </a:lnTo>
                  <a:lnTo>
                    <a:pt x="9" y="310"/>
                  </a:lnTo>
                  <a:lnTo>
                    <a:pt x="18" y="331"/>
                  </a:lnTo>
                  <a:lnTo>
                    <a:pt x="26" y="331"/>
                  </a:lnTo>
                  <a:lnTo>
                    <a:pt x="33" y="346"/>
                  </a:lnTo>
                  <a:lnTo>
                    <a:pt x="37" y="365"/>
                  </a:lnTo>
                  <a:lnTo>
                    <a:pt x="35" y="371"/>
                  </a:lnTo>
                  <a:lnTo>
                    <a:pt x="23" y="391"/>
                  </a:lnTo>
                  <a:lnTo>
                    <a:pt x="38" y="413"/>
                  </a:lnTo>
                  <a:lnTo>
                    <a:pt x="43" y="436"/>
                  </a:lnTo>
                  <a:lnTo>
                    <a:pt x="43" y="476"/>
                  </a:lnTo>
                  <a:lnTo>
                    <a:pt x="20" y="549"/>
                  </a:lnTo>
                  <a:lnTo>
                    <a:pt x="29" y="529"/>
                  </a:lnTo>
                  <a:lnTo>
                    <a:pt x="59" y="532"/>
                  </a:lnTo>
                  <a:lnTo>
                    <a:pt x="85" y="523"/>
                  </a:lnTo>
                  <a:lnTo>
                    <a:pt x="119" y="523"/>
                  </a:lnTo>
                  <a:lnTo>
                    <a:pt x="143" y="547"/>
                  </a:lnTo>
                  <a:lnTo>
                    <a:pt x="160" y="547"/>
                  </a:lnTo>
                  <a:lnTo>
                    <a:pt x="172" y="571"/>
                  </a:lnTo>
                  <a:lnTo>
                    <a:pt x="185" y="577"/>
                  </a:lnTo>
                  <a:lnTo>
                    <a:pt x="190" y="588"/>
                  </a:lnTo>
                  <a:lnTo>
                    <a:pt x="189" y="589"/>
                  </a:lnTo>
                  <a:lnTo>
                    <a:pt x="221" y="613"/>
                  </a:lnTo>
                  <a:lnTo>
                    <a:pt x="241" y="594"/>
                  </a:lnTo>
                  <a:lnTo>
                    <a:pt x="257" y="561"/>
                  </a:lnTo>
                  <a:lnTo>
                    <a:pt x="269" y="566"/>
                  </a:lnTo>
                  <a:lnTo>
                    <a:pt x="278" y="592"/>
                  </a:lnTo>
                  <a:lnTo>
                    <a:pt x="292" y="594"/>
                  </a:lnTo>
                  <a:lnTo>
                    <a:pt x="316" y="57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17" name="Freeform 156"/>
            <p:cNvSpPr>
              <a:spLocks noChangeAspect="1"/>
            </p:cNvSpPr>
            <p:nvPr/>
          </p:nvSpPr>
          <p:spPr bwMode="gray">
            <a:xfrm>
              <a:off x="4638675" y="3530601"/>
              <a:ext cx="188913" cy="163513"/>
            </a:xfrm>
            <a:custGeom>
              <a:avLst/>
              <a:gdLst>
                <a:gd name="T0" fmla="*/ 11 w 387"/>
                <a:gd name="T1" fmla="*/ 2 h 337"/>
                <a:gd name="T2" fmla="*/ 10 w 387"/>
                <a:gd name="T3" fmla="*/ 2 h 337"/>
                <a:gd name="T4" fmla="*/ 9 w 387"/>
                <a:gd name="T5" fmla="*/ 2 h 337"/>
                <a:gd name="T6" fmla="*/ 8 w 387"/>
                <a:gd name="T7" fmla="*/ 2 h 337"/>
                <a:gd name="T8" fmla="*/ 7 w 387"/>
                <a:gd name="T9" fmla="*/ 2 h 337"/>
                <a:gd name="T10" fmla="*/ 7 w 387"/>
                <a:gd name="T11" fmla="*/ 4 h 337"/>
                <a:gd name="T12" fmla="*/ 7 w 387"/>
                <a:gd name="T13" fmla="*/ 5 h 337"/>
                <a:gd name="T14" fmla="*/ 7 w 387"/>
                <a:gd name="T15" fmla="*/ 6 h 337"/>
                <a:gd name="T16" fmla="*/ 6 w 387"/>
                <a:gd name="T17" fmla="*/ 6 h 337"/>
                <a:gd name="T18" fmla="*/ 5 w 387"/>
                <a:gd name="T19" fmla="*/ 7 h 337"/>
                <a:gd name="T20" fmla="*/ 6 w 387"/>
                <a:gd name="T21" fmla="*/ 8 h 337"/>
                <a:gd name="T22" fmla="*/ 6 w 387"/>
                <a:gd name="T23" fmla="*/ 9 h 337"/>
                <a:gd name="T24" fmla="*/ 4 w 387"/>
                <a:gd name="T25" fmla="*/ 9 h 337"/>
                <a:gd name="T26" fmla="*/ 3 w 387"/>
                <a:gd name="T27" fmla="*/ 9 h 337"/>
                <a:gd name="T28" fmla="*/ 2 w 387"/>
                <a:gd name="T29" fmla="*/ 9 h 337"/>
                <a:gd name="T30" fmla="*/ 0 w 387"/>
                <a:gd name="T31" fmla="*/ 9 h 337"/>
                <a:gd name="T32" fmla="*/ 0 w 387"/>
                <a:gd name="T33" fmla="*/ 9 h 337"/>
                <a:gd name="T34" fmla="*/ 0 w 387"/>
                <a:gd name="T35" fmla="*/ 9 h 337"/>
                <a:gd name="T36" fmla="*/ 0 w 387"/>
                <a:gd name="T37" fmla="*/ 8 h 337"/>
                <a:gd name="T38" fmla="*/ 1 w 387"/>
                <a:gd name="T39" fmla="*/ 8 h 337"/>
                <a:gd name="T40" fmla="*/ 1 w 387"/>
                <a:gd name="T41" fmla="*/ 7 h 337"/>
                <a:gd name="T42" fmla="*/ 1 w 387"/>
                <a:gd name="T43" fmla="*/ 7 h 337"/>
                <a:gd name="T44" fmla="*/ 2 w 387"/>
                <a:gd name="T45" fmla="*/ 6 h 337"/>
                <a:gd name="T46" fmla="*/ 3 w 387"/>
                <a:gd name="T47" fmla="*/ 4 h 337"/>
                <a:gd name="T48" fmla="*/ 3 w 387"/>
                <a:gd name="T49" fmla="*/ 2 h 337"/>
                <a:gd name="T50" fmla="*/ 4 w 387"/>
                <a:gd name="T51" fmla="*/ 2 h 337"/>
                <a:gd name="T52" fmla="*/ 5 w 387"/>
                <a:gd name="T53" fmla="*/ 2 h 337"/>
                <a:gd name="T54" fmla="*/ 5 w 387"/>
                <a:gd name="T55" fmla="*/ 1 h 337"/>
                <a:gd name="T56" fmla="*/ 6 w 387"/>
                <a:gd name="T57" fmla="*/ 0 h 337"/>
                <a:gd name="T58" fmla="*/ 7 w 387"/>
                <a:gd name="T59" fmla="*/ 0 h 337"/>
                <a:gd name="T60" fmla="*/ 8 w 387"/>
                <a:gd name="T61" fmla="*/ 0 h 337"/>
                <a:gd name="T62" fmla="*/ 10 w 387"/>
                <a:gd name="T63" fmla="*/ 0 h 337"/>
                <a:gd name="T64" fmla="*/ 11 w 387"/>
                <a:gd name="T65" fmla="*/ 0 h 337"/>
                <a:gd name="T66" fmla="*/ 11 w 387"/>
                <a:gd name="T67" fmla="*/ 1 h 337"/>
                <a:gd name="T68" fmla="*/ 11 w 387"/>
                <a:gd name="T69" fmla="*/ 2 h 337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w 387"/>
                <a:gd name="T106" fmla="*/ 0 h 337"/>
                <a:gd name="T107" fmla="*/ 387 w 387"/>
                <a:gd name="T108" fmla="*/ 337 h 337"/>
              </a:gdLst>
              <a:ahLst/>
              <a:cxnLst>
                <a:cxn ang="T70">
                  <a:pos x="T0" y="T1"/>
                </a:cxn>
                <a:cxn ang="T71">
                  <a:pos x="T2" y="T3"/>
                </a:cxn>
                <a:cxn ang="T72">
                  <a:pos x="T4" y="T5"/>
                </a:cxn>
                <a:cxn ang="T73">
                  <a:pos x="T6" y="T7"/>
                </a:cxn>
                <a:cxn ang="T74">
                  <a:pos x="T8" y="T9"/>
                </a:cxn>
                <a:cxn ang="T75">
                  <a:pos x="T10" y="T11"/>
                </a:cxn>
                <a:cxn ang="T76">
                  <a:pos x="T12" y="T13"/>
                </a:cxn>
                <a:cxn ang="T77">
                  <a:pos x="T14" y="T15"/>
                </a:cxn>
                <a:cxn ang="T78">
                  <a:pos x="T16" y="T17"/>
                </a:cxn>
                <a:cxn ang="T79">
                  <a:pos x="T18" y="T19"/>
                </a:cxn>
                <a:cxn ang="T80">
                  <a:pos x="T20" y="T21"/>
                </a:cxn>
                <a:cxn ang="T81">
                  <a:pos x="T22" y="T23"/>
                </a:cxn>
                <a:cxn ang="T82">
                  <a:pos x="T24" y="T25"/>
                </a:cxn>
                <a:cxn ang="T83">
                  <a:pos x="T26" y="T27"/>
                </a:cxn>
                <a:cxn ang="T84">
                  <a:pos x="T28" y="T29"/>
                </a:cxn>
                <a:cxn ang="T85">
                  <a:pos x="T30" y="T31"/>
                </a:cxn>
                <a:cxn ang="T86">
                  <a:pos x="T32" y="T33"/>
                </a:cxn>
                <a:cxn ang="T87">
                  <a:pos x="T34" y="T35"/>
                </a:cxn>
                <a:cxn ang="T88">
                  <a:pos x="T36" y="T37"/>
                </a:cxn>
                <a:cxn ang="T89">
                  <a:pos x="T38" y="T39"/>
                </a:cxn>
                <a:cxn ang="T90">
                  <a:pos x="T40" y="T41"/>
                </a:cxn>
                <a:cxn ang="T91">
                  <a:pos x="T42" y="T43"/>
                </a:cxn>
                <a:cxn ang="T92">
                  <a:pos x="T44" y="T45"/>
                </a:cxn>
                <a:cxn ang="T93">
                  <a:pos x="T46" y="T47"/>
                </a:cxn>
                <a:cxn ang="T94">
                  <a:pos x="T48" y="T49"/>
                </a:cxn>
                <a:cxn ang="T95">
                  <a:pos x="T50" y="T51"/>
                </a:cxn>
                <a:cxn ang="T96">
                  <a:pos x="T52" y="T53"/>
                </a:cxn>
                <a:cxn ang="T97">
                  <a:pos x="T54" y="T55"/>
                </a:cxn>
                <a:cxn ang="T98">
                  <a:pos x="T56" y="T57"/>
                </a:cxn>
                <a:cxn ang="T99">
                  <a:pos x="T58" y="T59"/>
                </a:cxn>
                <a:cxn ang="T100">
                  <a:pos x="T60" y="T61"/>
                </a:cxn>
                <a:cxn ang="T101">
                  <a:pos x="T62" y="T63"/>
                </a:cxn>
                <a:cxn ang="T102">
                  <a:pos x="T64" y="T65"/>
                </a:cxn>
                <a:cxn ang="T103">
                  <a:pos x="T66" y="T67"/>
                </a:cxn>
                <a:cxn ang="T104">
                  <a:pos x="T68" y="T69"/>
                </a:cxn>
              </a:cxnLst>
              <a:rect l="T105" t="T106" r="T107" b="T108"/>
              <a:pathLst>
                <a:path w="387" h="337">
                  <a:moveTo>
                    <a:pt x="384" y="88"/>
                  </a:moveTo>
                  <a:lnTo>
                    <a:pt x="348" y="88"/>
                  </a:lnTo>
                  <a:lnTo>
                    <a:pt x="311" y="86"/>
                  </a:lnTo>
                  <a:lnTo>
                    <a:pt x="274" y="86"/>
                  </a:lnTo>
                  <a:lnTo>
                    <a:pt x="238" y="86"/>
                  </a:lnTo>
                  <a:lnTo>
                    <a:pt x="238" y="125"/>
                  </a:lnTo>
                  <a:lnTo>
                    <a:pt x="236" y="170"/>
                  </a:lnTo>
                  <a:lnTo>
                    <a:pt x="236" y="215"/>
                  </a:lnTo>
                  <a:lnTo>
                    <a:pt x="192" y="226"/>
                  </a:lnTo>
                  <a:lnTo>
                    <a:pt x="181" y="242"/>
                  </a:lnTo>
                  <a:lnTo>
                    <a:pt x="184" y="275"/>
                  </a:lnTo>
                  <a:lnTo>
                    <a:pt x="187" y="318"/>
                  </a:lnTo>
                  <a:lnTo>
                    <a:pt x="143" y="318"/>
                  </a:lnTo>
                  <a:lnTo>
                    <a:pt x="101" y="318"/>
                  </a:lnTo>
                  <a:lnTo>
                    <a:pt x="57" y="318"/>
                  </a:lnTo>
                  <a:lnTo>
                    <a:pt x="14" y="318"/>
                  </a:lnTo>
                  <a:lnTo>
                    <a:pt x="0" y="337"/>
                  </a:lnTo>
                  <a:lnTo>
                    <a:pt x="4" y="300"/>
                  </a:lnTo>
                  <a:lnTo>
                    <a:pt x="12" y="277"/>
                  </a:lnTo>
                  <a:lnTo>
                    <a:pt x="23" y="272"/>
                  </a:lnTo>
                  <a:lnTo>
                    <a:pt x="40" y="238"/>
                  </a:lnTo>
                  <a:lnTo>
                    <a:pt x="38" y="232"/>
                  </a:lnTo>
                  <a:lnTo>
                    <a:pt x="60" y="193"/>
                  </a:lnTo>
                  <a:lnTo>
                    <a:pt x="102" y="137"/>
                  </a:lnTo>
                  <a:lnTo>
                    <a:pt x="116" y="85"/>
                  </a:lnTo>
                  <a:lnTo>
                    <a:pt x="130" y="68"/>
                  </a:lnTo>
                  <a:lnTo>
                    <a:pt x="160" y="49"/>
                  </a:lnTo>
                  <a:lnTo>
                    <a:pt x="168" y="29"/>
                  </a:lnTo>
                  <a:lnTo>
                    <a:pt x="184" y="1"/>
                  </a:lnTo>
                  <a:lnTo>
                    <a:pt x="235" y="1"/>
                  </a:lnTo>
                  <a:lnTo>
                    <a:pt x="286" y="0"/>
                  </a:lnTo>
                  <a:lnTo>
                    <a:pt x="334" y="0"/>
                  </a:lnTo>
                  <a:lnTo>
                    <a:pt x="385" y="0"/>
                  </a:lnTo>
                  <a:lnTo>
                    <a:pt x="387" y="25"/>
                  </a:lnTo>
                  <a:lnTo>
                    <a:pt x="384" y="8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18" name="Freeform 157"/>
            <p:cNvSpPr>
              <a:spLocks noChangeAspect="1"/>
            </p:cNvSpPr>
            <p:nvPr/>
          </p:nvSpPr>
          <p:spPr bwMode="gray">
            <a:xfrm>
              <a:off x="4826000" y="3281363"/>
              <a:ext cx="457200" cy="460375"/>
            </a:xfrm>
            <a:custGeom>
              <a:avLst/>
              <a:gdLst>
                <a:gd name="T0" fmla="*/ 1 w 933"/>
                <a:gd name="T1" fmla="*/ 16 h 945"/>
                <a:gd name="T2" fmla="*/ 4 w 933"/>
                <a:gd name="T3" fmla="*/ 18 h 945"/>
                <a:gd name="T4" fmla="*/ 6 w 933"/>
                <a:gd name="T5" fmla="*/ 20 h 945"/>
                <a:gd name="T6" fmla="*/ 8 w 933"/>
                <a:gd name="T7" fmla="*/ 21 h 945"/>
                <a:gd name="T8" fmla="*/ 10 w 933"/>
                <a:gd name="T9" fmla="*/ 22 h 945"/>
                <a:gd name="T10" fmla="*/ 12 w 933"/>
                <a:gd name="T11" fmla="*/ 24 h 945"/>
                <a:gd name="T12" fmla="*/ 13 w 933"/>
                <a:gd name="T13" fmla="*/ 25 h 945"/>
                <a:gd name="T14" fmla="*/ 14 w 933"/>
                <a:gd name="T15" fmla="*/ 25 h 945"/>
                <a:gd name="T16" fmla="*/ 15 w 933"/>
                <a:gd name="T17" fmla="*/ 26 h 945"/>
                <a:gd name="T18" fmla="*/ 16 w 933"/>
                <a:gd name="T19" fmla="*/ 27 h 945"/>
                <a:gd name="T20" fmla="*/ 16 w 933"/>
                <a:gd name="T21" fmla="*/ 27 h 945"/>
                <a:gd name="T22" fmla="*/ 18 w 933"/>
                <a:gd name="T23" fmla="*/ 27 h 945"/>
                <a:gd name="T24" fmla="*/ 20 w 933"/>
                <a:gd name="T25" fmla="*/ 26 h 945"/>
                <a:gd name="T26" fmla="*/ 22 w 933"/>
                <a:gd name="T27" fmla="*/ 25 h 945"/>
                <a:gd name="T28" fmla="*/ 23 w 933"/>
                <a:gd name="T29" fmla="*/ 24 h 945"/>
                <a:gd name="T30" fmla="*/ 24 w 933"/>
                <a:gd name="T31" fmla="*/ 23 h 945"/>
                <a:gd name="T32" fmla="*/ 26 w 933"/>
                <a:gd name="T33" fmla="*/ 22 h 945"/>
                <a:gd name="T34" fmla="*/ 27 w 933"/>
                <a:gd name="T35" fmla="*/ 21 h 945"/>
                <a:gd name="T36" fmla="*/ 27 w 933"/>
                <a:gd name="T37" fmla="*/ 20 h 945"/>
                <a:gd name="T38" fmla="*/ 25 w 933"/>
                <a:gd name="T39" fmla="*/ 19 h 945"/>
                <a:gd name="T40" fmla="*/ 25 w 933"/>
                <a:gd name="T41" fmla="*/ 18 h 945"/>
                <a:gd name="T42" fmla="*/ 24 w 933"/>
                <a:gd name="T43" fmla="*/ 17 h 945"/>
                <a:gd name="T44" fmla="*/ 25 w 933"/>
                <a:gd name="T45" fmla="*/ 15 h 945"/>
                <a:gd name="T46" fmla="*/ 24 w 933"/>
                <a:gd name="T47" fmla="*/ 11 h 945"/>
                <a:gd name="T48" fmla="*/ 24 w 933"/>
                <a:gd name="T49" fmla="*/ 11 h 945"/>
                <a:gd name="T50" fmla="*/ 23 w 933"/>
                <a:gd name="T51" fmla="*/ 7 h 945"/>
                <a:gd name="T52" fmla="*/ 23 w 933"/>
                <a:gd name="T53" fmla="*/ 6 h 945"/>
                <a:gd name="T54" fmla="*/ 22 w 933"/>
                <a:gd name="T55" fmla="*/ 5 h 945"/>
                <a:gd name="T56" fmla="*/ 23 w 933"/>
                <a:gd name="T57" fmla="*/ 3 h 945"/>
                <a:gd name="T58" fmla="*/ 23 w 933"/>
                <a:gd name="T59" fmla="*/ 1 h 945"/>
                <a:gd name="T60" fmla="*/ 23 w 933"/>
                <a:gd name="T61" fmla="*/ 0 h 945"/>
                <a:gd name="T62" fmla="*/ 22 w 933"/>
                <a:gd name="T63" fmla="*/ 0 h 945"/>
                <a:gd name="T64" fmla="*/ 20 w 933"/>
                <a:gd name="T65" fmla="*/ 0 h 945"/>
                <a:gd name="T66" fmla="*/ 19 w 933"/>
                <a:gd name="T67" fmla="*/ 1 h 945"/>
                <a:gd name="T68" fmla="*/ 17 w 933"/>
                <a:gd name="T69" fmla="*/ 0 h 945"/>
                <a:gd name="T70" fmla="*/ 16 w 933"/>
                <a:gd name="T71" fmla="*/ 1 h 945"/>
                <a:gd name="T72" fmla="*/ 14 w 933"/>
                <a:gd name="T73" fmla="*/ 1 h 945"/>
                <a:gd name="T74" fmla="*/ 12 w 933"/>
                <a:gd name="T75" fmla="*/ 2 h 945"/>
                <a:gd name="T76" fmla="*/ 10 w 933"/>
                <a:gd name="T77" fmla="*/ 2 h 945"/>
                <a:gd name="T78" fmla="*/ 9 w 933"/>
                <a:gd name="T79" fmla="*/ 3 h 945"/>
                <a:gd name="T80" fmla="*/ 9 w 933"/>
                <a:gd name="T81" fmla="*/ 4 h 945"/>
                <a:gd name="T82" fmla="*/ 9 w 933"/>
                <a:gd name="T83" fmla="*/ 4 h 945"/>
                <a:gd name="T84" fmla="*/ 9 w 933"/>
                <a:gd name="T85" fmla="*/ 4 h 945"/>
                <a:gd name="T86" fmla="*/ 9 w 933"/>
                <a:gd name="T87" fmla="*/ 5 h 945"/>
                <a:gd name="T88" fmla="*/ 10 w 933"/>
                <a:gd name="T89" fmla="*/ 6 h 945"/>
                <a:gd name="T90" fmla="*/ 10 w 933"/>
                <a:gd name="T91" fmla="*/ 7 h 945"/>
                <a:gd name="T92" fmla="*/ 10 w 933"/>
                <a:gd name="T93" fmla="*/ 8 h 945"/>
                <a:gd name="T94" fmla="*/ 8 w 933"/>
                <a:gd name="T95" fmla="*/ 8 h 945"/>
                <a:gd name="T96" fmla="*/ 6 w 933"/>
                <a:gd name="T97" fmla="*/ 9 h 945"/>
                <a:gd name="T98" fmla="*/ 7 w 933"/>
                <a:gd name="T99" fmla="*/ 9 h 945"/>
                <a:gd name="T100" fmla="*/ 7 w 933"/>
                <a:gd name="T101" fmla="*/ 10 h 945"/>
                <a:gd name="T102" fmla="*/ 5 w 933"/>
                <a:gd name="T103" fmla="*/ 10 h 945"/>
                <a:gd name="T104" fmla="*/ 4 w 933"/>
                <a:gd name="T105" fmla="*/ 11 h 945"/>
                <a:gd name="T106" fmla="*/ 3 w 933"/>
                <a:gd name="T107" fmla="*/ 12 h 945"/>
                <a:gd name="T108" fmla="*/ 2 w 933"/>
                <a:gd name="T109" fmla="*/ 12 h 945"/>
                <a:gd name="T110" fmla="*/ 1 w 933"/>
                <a:gd name="T111" fmla="*/ 13 h 945"/>
                <a:gd name="T112" fmla="*/ 0 w 933"/>
                <a:gd name="T113" fmla="*/ 15 h 945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933"/>
                <a:gd name="T172" fmla="*/ 0 h 945"/>
                <a:gd name="T173" fmla="*/ 933 w 933"/>
                <a:gd name="T174" fmla="*/ 945 h 945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933" h="945">
                  <a:moveTo>
                    <a:pt x="2" y="534"/>
                  </a:moveTo>
                  <a:lnTo>
                    <a:pt x="45" y="563"/>
                  </a:lnTo>
                  <a:lnTo>
                    <a:pt x="87" y="592"/>
                  </a:lnTo>
                  <a:lnTo>
                    <a:pt x="129" y="620"/>
                  </a:lnTo>
                  <a:lnTo>
                    <a:pt x="172" y="650"/>
                  </a:lnTo>
                  <a:lnTo>
                    <a:pt x="206" y="673"/>
                  </a:lnTo>
                  <a:lnTo>
                    <a:pt x="241" y="696"/>
                  </a:lnTo>
                  <a:lnTo>
                    <a:pt x="274" y="721"/>
                  </a:lnTo>
                  <a:lnTo>
                    <a:pt x="308" y="744"/>
                  </a:lnTo>
                  <a:lnTo>
                    <a:pt x="342" y="768"/>
                  </a:lnTo>
                  <a:lnTo>
                    <a:pt x="376" y="792"/>
                  </a:lnTo>
                  <a:lnTo>
                    <a:pt x="408" y="815"/>
                  </a:lnTo>
                  <a:lnTo>
                    <a:pt x="444" y="837"/>
                  </a:lnTo>
                  <a:lnTo>
                    <a:pt x="447" y="856"/>
                  </a:lnTo>
                  <a:lnTo>
                    <a:pt x="467" y="865"/>
                  </a:lnTo>
                  <a:lnTo>
                    <a:pt x="478" y="880"/>
                  </a:lnTo>
                  <a:lnTo>
                    <a:pt x="498" y="883"/>
                  </a:lnTo>
                  <a:lnTo>
                    <a:pt x="506" y="893"/>
                  </a:lnTo>
                  <a:lnTo>
                    <a:pt x="540" y="903"/>
                  </a:lnTo>
                  <a:lnTo>
                    <a:pt x="544" y="922"/>
                  </a:lnTo>
                  <a:lnTo>
                    <a:pt x="539" y="939"/>
                  </a:lnTo>
                  <a:lnTo>
                    <a:pt x="546" y="945"/>
                  </a:lnTo>
                  <a:lnTo>
                    <a:pt x="585" y="937"/>
                  </a:lnTo>
                  <a:lnTo>
                    <a:pt x="619" y="928"/>
                  </a:lnTo>
                  <a:lnTo>
                    <a:pt x="656" y="920"/>
                  </a:lnTo>
                  <a:lnTo>
                    <a:pt x="681" y="900"/>
                  </a:lnTo>
                  <a:lnTo>
                    <a:pt x="707" y="882"/>
                  </a:lnTo>
                  <a:lnTo>
                    <a:pt x="732" y="861"/>
                  </a:lnTo>
                  <a:lnTo>
                    <a:pt x="759" y="840"/>
                  </a:lnTo>
                  <a:lnTo>
                    <a:pt x="781" y="827"/>
                  </a:lnTo>
                  <a:lnTo>
                    <a:pt x="803" y="812"/>
                  </a:lnTo>
                  <a:lnTo>
                    <a:pt x="825" y="798"/>
                  </a:lnTo>
                  <a:lnTo>
                    <a:pt x="846" y="783"/>
                  </a:lnTo>
                  <a:lnTo>
                    <a:pt x="869" y="768"/>
                  </a:lnTo>
                  <a:lnTo>
                    <a:pt x="891" y="755"/>
                  </a:lnTo>
                  <a:lnTo>
                    <a:pt x="913" y="739"/>
                  </a:lnTo>
                  <a:lnTo>
                    <a:pt x="933" y="724"/>
                  </a:lnTo>
                  <a:lnTo>
                    <a:pt x="914" y="684"/>
                  </a:lnTo>
                  <a:lnTo>
                    <a:pt x="889" y="671"/>
                  </a:lnTo>
                  <a:lnTo>
                    <a:pt x="863" y="671"/>
                  </a:lnTo>
                  <a:lnTo>
                    <a:pt x="852" y="658"/>
                  </a:lnTo>
                  <a:lnTo>
                    <a:pt x="849" y="633"/>
                  </a:lnTo>
                  <a:lnTo>
                    <a:pt x="821" y="588"/>
                  </a:lnTo>
                  <a:lnTo>
                    <a:pt x="821" y="582"/>
                  </a:lnTo>
                  <a:lnTo>
                    <a:pt x="838" y="575"/>
                  </a:lnTo>
                  <a:lnTo>
                    <a:pt x="842" y="509"/>
                  </a:lnTo>
                  <a:lnTo>
                    <a:pt x="835" y="426"/>
                  </a:lnTo>
                  <a:lnTo>
                    <a:pt x="817" y="396"/>
                  </a:lnTo>
                  <a:lnTo>
                    <a:pt x="817" y="384"/>
                  </a:lnTo>
                  <a:lnTo>
                    <a:pt x="826" y="373"/>
                  </a:lnTo>
                  <a:lnTo>
                    <a:pt x="809" y="280"/>
                  </a:lnTo>
                  <a:lnTo>
                    <a:pt x="771" y="258"/>
                  </a:lnTo>
                  <a:lnTo>
                    <a:pt x="771" y="243"/>
                  </a:lnTo>
                  <a:lnTo>
                    <a:pt x="764" y="226"/>
                  </a:lnTo>
                  <a:lnTo>
                    <a:pt x="744" y="215"/>
                  </a:lnTo>
                  <a:lnTo>
                    <a:pt x="733" y="178"/>
                  </a:lnTo>
                  <a:lnTo>
                    <a:pt x="774" y="142"/>
                  </a:lnTo>
                  <a:lnTo>
                    <a:pt x="783" y="110"/>
                  </a:lnTo>
                  <a:lnTo>
                    <a:pt x="778" y="72"/>
                  </a:lnTo>
                  <a:lnTo>
                    <a:pt x="783" y="37"/>
                  </a:lnTo>
                  <a:lnTo>
                    <a:pt x="774" y="32"/>
                  </a:lnTo>
                  <a:lnTo>
                    <a:pt x="797" y="8"/>
                  </a:lnTo>
                  <a:lnTo>
                    <a:pt x="755" y="11"/>
                  </a:lnTo>
                  <a:lnTo>
                    <a:pt x="732" y="0"/>
                  </a:lnTo>
                  <a:lnTo>
                    <a:pt x="718" y="9"/>
                  </a:lnTo>
                  <a:lnTo>
                    <a:pt x="688" y="0"/>
                  </a:lnTo>
                  <a:lnTo>
                    <a:pt x="681" y="9"/>
                  </a:lnTo>
                  <a:lnTo>
                    <a:pt x="642" y="21"/>
                  </a:lnTo>
                  <a:lnTo>
                    <a:pt x="625" y="11"/>
                  </a:lnTo>
                  <a:lnTo>
                    <a:pt x="577" y="9"/>
                  </a:lnTo>
                  <a:lnTo>
                    <a:pt x="557" y="18"/>
                  </a:lnTo>
                  <a:lnTo>
                    <a:pt x="537" y="17"/>
                  </a:lnTo>
                  <a:lnTo>
                    <a:pt x="520" y="26"/>
                  </a:lnTo>
                  <a:lnTo>
                    <a:pt x="456" y="34"/>
                  </a:lnTo>
                  <a:lnTo>
                    <a:pt x="412" y="54"/>
                  </a:lnTo>
                  <a:lnTo>
                    <a:pt x="407" y="60"/>
                  </a:lnTo>
                  <a:lnTo>
                    <a:pt x="399" y="69"/>
                  </a:lnTo>
                  <a:lnTo>
                    <a:pt x="361" y="76"/>
                  </a:lnTo>
                  <a:lnTo>
                    <a:pt x="337" y="102"/>
                  </a:lnTo>
                  <a:lnTo>
                    <a:pt x="306" y="114"/>
                  </a:lnTo>
                  <a:lnTo>
                    <a:pt x="302" y="118"/>
                  </a:lnTo>
                  <a:lnTo>
                    <a:pt x="302" y="123"/>
                  </a:lnTo>
                  <a:lnTo>
                    <a:pt x="315" y="131"/>
                  </a:lnTo>
                  <a:lnTo>
                    <a:pt x="314" y="135"/>
                  </a:lnTo>
                  <a:lnTo>
                    <a:pt x="319" y="144"/>
                  </a:lnTo>
                  <a:lnTo>
                    <a:pt x="315" y="150"/>
                  </a:lnTo>
                  <a:lnTo>
                    <a:pt x="320" y="167"/>
                  </a:lnTo>
                  <a:lnTo>
                    <a:pt x="317" y="186"/>
                  </a:lnTo>
                  <a:lnTo>
                    <a:pt x="323" y="196"/>
                  </a:lnTo>
                  <a:lnTo>
                    <a:pt x="322" y="209"/>
                  </a:lnTo>
                  <a:lnTo>
                    <a:pt x="327" y="227"/>
                  </a:lnTo>
                  <a:lnTo>
                    <a:pt x="334" y="240"/>
                  </a:lnTo>
                  <a:lnTo>
                    <a:pt x="351" y="253"/>
                  </a:lnTo>
                  <a:lnTo>
                    <a:pt x="340" y="261"/>
                  </a:lnTo>
                  <a:lnTo>
                    <a:pt x="344" y="274"/>
                  </a:lnTo>
                  <a:lnTo>
                    <a:pt x="265" y="275"/>
                  </a:lnTo>
                  <a:lnTo>
                    <a:pt x="260" y="291"/>
                  </a:lnTo>
                  <a:lnTo>
                    <a:pt x="223" y="300"/>
                  </a:lnTo>
                  <a:lnTo>
                    <a:pt x="220" y="311"/>
                  </a:lnTo>
                  <a:lnTo>
                    <a:pt x="227" y="314"/>
                  </a:lnTo>
                  <a:lnTo>
                    <a:pt x="220" y="326"/>
                  </a:lnTo>
                  <a:lnTo>
                    <a:pt x="232" y="331"/>
                  </a:lnTo>
                  <a:lnTo>
                    <a:pt x="231" y="337"/>
                  </a:lnTo>
                  <a:lnTo>
                    <a:pt x="175" y="360"/>
                  </a:lnTo>
                  <a:lnTo>
                    <a:pt x="156" y="384"/>
                  </a:lnTo>
                  <a:lnTo>
                    <a:pt x="141" y="394"/>
                  </a:lnTo>
                  <a:lnTo>
                    <a:pt x="97" y="397"/>
                  </a:lnTo>
                  <a:lnTo>
                    <a:pt x="93" y="409"/>
                  </a:lnTo>
                  <a:lnTo>
                    <a:pt x="70" y="407"/>
                  </a:lnTo>
                  <a:lnTo>
                    <a:pt x="49" y="422"/>
                  </a:lnTo>
                  <a:lnTo>
                    <a:pt x="39" y="424"/>
                  </a:lnTo>
                  <a:lnTo>
                    <a:pt x="22" y="435"/>
                  </a:lnTo>
                  <a:lnTo>
                    <a:pt x="0" y="452"/>
                  </a:lnTo>
                  <a:lnTo>
                    <a:pt x="0" y="509"/>
                  </a:lnTo>
                  <a:lnTo>
                    <a:pt x="2" y="53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19" name="Freeform 158"/>
            <p:cNvSpPr>
              <a:spLocks noChangeAspect="1"/>
            </p:cNvSpPr>
            <p:nvPr/>
          </p:nvSpPr>
          <p:spPr bwMode="gray">
            <a:xfrm>
              <a:off x="4746625" y="3598863"/>
              <a:ext cx="366713" cy="346075"/>
            </a:xfrm>
            <a:custGeom>
              <a:avLst/>
              <a:gdLst>
                <a:gd name="T0" fmla="*/ 4 w 750"/>
                <a:gd name="T1" fmla="*/ 13 h 713"/>
                <a:gd name="T2" fmla="*/ 7 w 750"/>
                <a:gd name="T3" fmla="*/ 13 h 713"/>
                <a:gd name="T4" fmla="*/ 9 w 750"/>
                <a:gd name="T5" fmla="*/ 12 h 713"/>
                <a:gd name="T6" fmla="*/ 9 w 750"/>
                <a:gd name="T7" fmla="*/ 11 h 713"/>
                <a:gd name="T8" fmla="*/ 8 w 750"/>
                <a:gd name="T9" fmla="*/ 7 h 713"/>
                <a:gd name="T10" fmla="*/ 8 w 750"/>
                <a:gd name="T11" fmla="*/ 5 h 713"/>
                <a:gd name="T12" fmla="*/ 8 w 750"/>
                <a:gd name="T13" fmla="*/ 2 h 713"/>
                <a:gd name="T14" fmla="*/ 9 w 750"/>
                <a:gd name="T15" fmla="*/ 0 h 713"/>
                <a:gd name="T16" fmla="*/ 11 w 750"/>
                <a:gd name="T17" fmla="*/ 1 h 713"/>
                <a:gd name="T18" fmla="*/ 13 w 750"/>
                <a:gd name="T19" fmla="*/ 2 h 713"/>
                <a:gd name="T20" fmla="*/ 15 w 750"/>
                <a:gd name="T21" fmla="*/ 3 h 713"/>
                <a:gd name="T22" fmla="*/ 17 w 750"/>
                <a:gd name="T23" fmla="*/ 5 h 713"/>
                <a:gd name="T24" fmla="*/ 18 w 750"/>
                <a:gd name="T25" fmla="*/ 6 h 713"/>
                <a:gd name="T26" fmla="*/ 19 w 750"/>
                <a:gd name="T27" fmla="*/ 6 h 713"/>
                <a:gd name="T28" fmla="*/ 19 w 750"/>
                <a:gd name="T29" fmla="*/ 7 h 713"/>
                <a:gd name="T30" fmla="*/ 21 w 750"/>
                <a:gd name="T31" fmla="*/ 8 h 713"/>
                <a:gd name="T32" fmla="*/ 21 w 750"/>
                <a:gd name="T33" fmla="*/ 9 h 713"/>
                <a:gd name="T34" fmla="*/ 22 w 750"/>
                <a:gd name="T35" fmla="*/ 9 h 713"/>
                <a:gd name="T36" fmla="*/ 22 w 750"/>
                <a:gd name="T37" fmla="*/ 12 h 713"/>
                <a:gd name="T38" fmla="*/ 22 w 750"/>
                <a:gd name="T39" fmla="*/ 13 h 713"/>
                <a:gd name="T40" fmla="*/ 19 w 750"/>
                <a:gd name="T41" fmla="*/ 13 h 713"/>
                <a:gd name="T42" fmla="*/ 18 w 750"/>
                <a:gd name="T43" fmla="*/ 14 h 713"/>
                <a:gd name="T44" fmla="*/ 15 w 750"/>
                <a:gd name="T45" fmla="*/ 14 h 713"/>
                <a:gd name="T46" fmla="*/ 11 w 750"/>
                <a:gd name="T47" fmla="*/ 17 h 713"/>
                <a:gd name="T48" fmla="*/ 10 w 750"/>
                <a:gd name="T49" fmla="*/ 19 h 713"/>
                <a:gd name="T50" fmla="*/ 9 w 750"/>
                <a:gd name="T51" fmla="*/ 20 h 713"/>
                <a:gd name="T52" fmla="*/ 9 w 750"/>
                <a:gd name="T53" fmla="*/ 20 h 713"/>
                <a:gd name="T54" fmla="*/ 8 w 750"/>
                <a:gd name="T55" fmla="*/ 20 h 713"/>
                <a:gd name="T56" fmla="*/ 8 w 750"/>
                <a:gd name="T57" fmla="*/ 20 h 713"/>
                <a:gd name="T58" fmla="*/ 8 w 750"/>
                <a:gd name="T59" fmla="*/ 20 h 713"/>
                <a:gd name="T60" fmla="*/ 7 w 750"/>
                <a:gd name="T61" fmla="*/ 20 h 713"/>
                <a:gd name="T62" fmla="*/ 7 w 750"/>
                <a:gd name="T63" fmla="*/ 20 h 713"/>
                <a:gd name="T64" fmla="*/ 6 w 750"/>
                <a:gd name="T65" fmla="*/ 20 h 713"/>
                <a:gd name="T66" fmla="*/ 6 w 750"/>
                <a:gd name="T67" fmla="*/ 20 h 713"/>
                <a:gd name="T68" fmla="*/ 5 w 750"/>
                <a:gd name="T69" fmla="*/ 19 h 713"/>
                <a:gd name="T70" fmla="*/ 5 w 750"/>
                <a:gd name="T71" fmla="*/ 19 h 713"/>
                <a:gd name="T72" fmla="*/ 5 w 750"/>
                <a:gd name="T73" fmla="*/ 19 h 713"/>
                <a:gd name="T74" fmla="*/ 5 w 750"/>
                <a:gd name="T75" fmla="*/ 19 h 713"/>
                <a:gd name="T76" fmla="*/ 5 w 750"/>
                <a:gd name="T77" fmla="*/ 18 h 713"/>
                <a:gd name="T78" fmla="*/ 4 w 750"/>
                <a:gd name="T79" fmla="*/ 18 h 713"/>
                <a:gd name="T80" fmla="*/ 4 w 750"/>
                <a:gd name="T81" fmla="*/ 17 h 713"/>
                <a:gd name="T82" fmla="*/ 4 w 750"/>
                <a:gd name="T83" fmla="*/ 17 h 713"/>
                <a:gd name="T84" fmla="*/ 3 w 750"/>
                <a:gd name="T85" fmla="*/ 18 h 713"/>
                <a:gd name="T86" fmla="*/ 2 w 750"/>
                <a:gd name="T87" fmla="*/ 18 h 713"/>
                <a:gd name="T88" fmla="*/ 1 w 750"/>
                <a:gd name="T89" fmla="*/ 18 h 713"/>
                <a:gd name="T90" fmla="*/ 1 w 750"/>
                <a:gd name="T91" fmla="*/ 18 h 713"/>
                <a:gd name="T92" fmla="*/ 1 w 750"/>
                <a:gd name="T93" fmla="*/ 17 h 713"/>
                <a:gd name="T94" fmla="*/ 1 w 750"/>
                <a:gd name="T95" fmla="*/ 16 h 713"/>
                <a:gd name="T96" fmla="*/ 0 w 750"/>
                <a:gd name="T97" fmla="*/ 15 h 713"/>
                <a:gd name="T98" fmla="*/ 0 w 750"/>
                <a:gd name="T99" fmla="*/ 15 h 713"/>
                <a:gd name="T100" fmla="*/ 1 w 750"/>
                <a:gd name="T101" fmla="*/ 14 h 713"/>
                <a:gd name="T102" fmla="*/ 2 w 750"/>
                <a:gd name="T103" fmla="*/ 13 h 713"/>
                <a:gd name="T104" fmla="*/ 2 w 750"/>
                <a:gd name="T105" fmla="*/ 14 h 713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750"/>
                <a:gd name="T160" fmla="*/ 0 h 713"/>
                <a:gd name="T161" fmla="*/ 750 w 750"/>
                <a:gd name="T162" fmla="*/ 713 h 713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750" h="713">
                  <a:moveTo>
                    <a:pt x="95" y="459"/>
                  </a:moveTo>
                  <a:lnTo>
                    <a:pt x="147" y="461"/>
                  </a:lnTo>
                  <a:lnTo>
                    <a:pt x="200" y="464"/>
                  </a:lnTo>
                  <a:lnTo>
                    <a:pt x="252" y="464"/>
                  </a:lnTo>
                  <a:lnTo>
                    <a:pt x="305" y="465"/>
                  </a:lnTo>
                  <a:lnTo>
                    <a:pt x="315" y="424"/>
                  </a:lnTo>
                  <a:lnTo>
                    <a:pt x="297" y="419"/>
                  </a:lnTo>
                  <a:lnTo>
                    <a:pt x="291" y="368"/>
                  </a:lnTo>
                  <a:lnTo>
                    <a:pt x="286" y="316"/>
                  </a:lnTo>
                  <a:lnTo>
                    <a:pt x="281" y="263"/>
                  </a:lnTo>
                  <a:lnTo>
                    <a:pt x="276" y="213"/>
                  </a:lnTo>
                  <a:lnTo>
                    <a:pt x="269" y="160"/>
                  </a:lnTo>
                  <a:lnTo>
                    <a:pt x="264" y="106"/>
                  </a:lnTo>
                  <a:lnTo>
                    <a:pt x="259" y="54"/>
                  </a:lnTo>
                  <a:lnTo>
                    <a:pt x="254" y="0"/>
                  </a:lnTo>
                  <a:lnTo>
                    <a:pt x="293" y="0"/>
                  </a:lnTo>
                  <a:lnTo>
                    <a:pt x="336" y="0"/>
                  </a:lnTo>
                  <a:lnTo>
                    <a:pt x="370" y="23"/>
                  </a:lnTo>
                  <a:lnTo>
                    <a:pt x="405" y="46"/>
                  </a:lnTo>
                  <a:lnTo>
                    <a:pt x="438" y="71"/>
                  </a:lnTo>
                  <a:lnTo>
                    <a:pt x="472" y="94"/>
                  </a:lnTo>
                  <a:lnTo>
                    <a:pt x="506" y="118"/>
                  </a:lnTo>
                  <a:lnTo>
                    <a:pt x="540" y="142"/>
                  </a:lnTo>
                  <a:lnTo>
                    <a:pt x="572" y="165"/>
                  </a:lnTo>
                  <a:lnTo>
                    <a:pt x="608" y="187"/>
                  </a:lnTo>
                  <a:lnTo>
                    <a:pt x="611" y="206"/>
                  </a:lnTo>
                  <a:lnTo>
                    <a:pt x="631" y="215"/>
                  </a:lnTo>
                  <a:lnTo>
                    <a:pt x="642" y="230"/>
                  </a:lnTo>
                  <a:lnTo>
                    <a:pt x="662" y="233"/>
                  </a:lnTo>
                  <a:lnTo>
                    <a:pt x="670" y="243"/>
                  </a:lnTo>
                  <a:lnTo>
                    <a:pt x="704" y="253"/>
                  </a:lnTo>
                  <a:lnTo>
                    <a:pt x="708" y="272"/>
                  </a:lnTo>
                  <a:lnTo>
                    <a:pt x="703" y="289"/>
                  </a:lnTo>
                  <a:lnTo>
                    <a:pt x="710" y="295"/>
                  </a:lnTo>
                  <a:lnTo>
                    <a:pt x="749" y="287"/>
                  </a:lnTo>
                  <a:lnTo>
                    <a:pt x="749" y="325"/>
                  </a:lnTo>
                  <a:lnTo>
                    <a:pt x="749" y="363"/>
                  </a:lnTo>
                  <a:lnTo>
                    <a:pt x="749" y="401"/>
                  </a:lnTo>
                  <a:lnTo>
                    <a:pt x="750" y="438"/>
                  </a:lnTo>
                  <a:lnTo>
                    <a:pt x="736" y="442"/>
                  </a:lnTo>
                  <a:lnTo>
                    <a:pt x="716" y="470"/>
                  </a:lnTo>
                  <a:lnTo>
                    <a:pt x="669" y="470"/>
                  </a:lnTo>
                  <a:lnTo>
                    <a:pt x="619" y="470"/>
                  </a:lnTo>
                  <a:lnTo>
                    <a:pt x="596" y="487"/>
                  </a:lnTo>
                  <a:lnTo>
                    <a:pt x="566" y="487"/>
                  </a:lnTo>
                  <a:lnTo>
                    <a:pt x="523" y="493"/>
                  </a:lnTo>
                  <a:lnTo>
                    <a:pt x="445" y="553"/>
                  </a:lnTo>
                  <a:lnTo>
                    <a:pt x="381" y="574"/>
                  </a:lnTo>
                  <a:lnTo>
                    <a:pt x="364" y="616"/>
                  </a:lnTo>
                  <a:lnTo>
                    <a:pt x="328" y="653"/>
                  </a:lnTo>
                  <a:lnTo>
                    <a:pt x="320" y="675"/>
                  </a:lnTo>
                  <a:lnTo>
                    <a:pt x="320" y="705"/>
                  </a:lnTo>
                  <a:lnTo>
                    <a:pt x="311" y="707"/>
                  </a:lnTo>
                  <a:lnTo>
                    <a:pt x="303" y="700"/>
                  </a:lnTo>
                  <a:lnTo>
                    <a:pt x="294" y="700"/>
                  </a:lnTo>
                  <a:lnTo>
                    <a:pt x="283" y="708"/>
                  </a:lnTo>
                  <a:lnTo>
                    <a:pt x="276" y="708"/>
                  </a:lnTo>
                  <a:lnTo>
                    <a:pt x="272" y="687"/>
                  </a:lnTo>
                  <a:lnTo>
                    <a:pt x="266" y="688"/>
                  </a:lnTo>
                  <a:lnTo>
                    <a:pt x="263" y="693"/>
                  </a:lnTo>
                  <a:lnTo>
                    <a:pt x="254" y="690"/>
                  </a:lnTo>
                  <a:lnTo>
                    <a:pt x="252" y="704"/>
                  </a:lnTo>
                  <a:lnTo>
                    <a:pt x="237" y="707"/>
                  </a:lnTo>
                  <a:lnTo>
                    <a:pt x="235" y="713"/>
                  </a:lnTo>
                  <a:lnTo>
                    <a:pt x="226" y="707"/>
                  </a:lnTo>
                  <a:lnTo>
                    <a:pt x="220" y="708"/>
                  </a:lnTo>
                  <a:lnTo>
                    <a:pt x="213" y="699"/>
                  </a:lnTo>
                  <a:lnTo>
                    <a:pt x="193" y="712"/>
                  </a:lnTo>
                  <a:lnTo>
                    <a:pt x="178" y="695"/>
                  </a:lnTo>
                  <a:lnTo>
                    <a:pt x="176" y="671"/>
                  </a:lnTo>
                  <a:lnTo>
                    <a:pt x="167" y="671"/>
                  </a:lnTo>
                  <a:lnTo>
                    <a:pt x="161" y="676"/>
                  </a:lnTo>
                  <a:lnTo>
                    <a:pt x="161" y="671"/>
                  </a:lnTo>
                  <a:lnTo>
                    <a:pt x="175" y="662"/>
                  </a:lnTo>
                  <a:lnTo>
                    <a:pt x="175" y="656"/>
                  </a:lnTo>
                  <a:lnTo>
                    <a:pt x="163" y="650"/>
                  </a:lnTo>
                  <a:lnTo>
                    <a:pt x="159" y="643"/>
                  </a:lnTo>
                  <a:lnTo>
                    <a:pt x="155" y="643"/>
                  </a:lnTo>
                  <a:lnTo>
                    <a:pt x="155" y="629"/>
                  </a:lnTo>
                  <a:lnTo>
                    <a:pt x="150" y="619"/>
                  </a:lnTo>
                  <a:lnTo>
                    <a:pt x="146" y="617"/>
                  </a:lnTo>
                  <a:lnTo>
                    <a:pt x="144" y="603"/>
                  </a:lnTo>
                  <a:lnTo>
                    <a:pt x="129" y="603"/>
                  </a:lnTo>
                  <a:lnTo>
                    <a:pt x="129" y="612"/>
                  </a:lnTo>
                  <a:lnTo>
                    <a:pt x="115" y="617"/>
                  </a:lnTo>
                  <a:lnTo>
                    <a:pt x="113" y="626"/>
                  </a:lnTo>
                  <a:lnTo>
                    <a:pt x="87" y="616"/>
                  </a:lnTo>
                  <a:lnTo>
                    <a:pt x="71" y="631"/>
                  </a:lnTo>
                  <a:lnTo>
                    <a:pt x="57" y="617"/>
                  </a:lnTo>
                  <a:lnTo>
                    <a:pt x="44" y="626"/>
                  </a:lnTo>
                  <a:lnTo>
                    <a:pt x="37" y="625"/>
                  </a:lnTo>
                  <a:lnTo>
                    <a:pt x="32" y="620"/>
                  </a:lnTo>
                  <a:lnTo>
                    <a:pt x="39" y="608"/>
                  </a:lnTo>
                  <a:lnTo>
                    <a:pt x="39" y="580"/>
                  </a:lnTo>
                  <a:lnTo>
                    <a:pt x="27" y="561"/>
                  </a:lnTo>
                  <a:lnTo>
                    <a:pt x="17" y="563"/>
                  </a:lnTo>
                  <a:lnTo>
                    <a:pt x="8" y="548"/>
                  </a:lnTo>
                  <a:lnTo>
                    <a:pt x="12" y="536"/>
                  </a:lnTo>
                  <a:lnTo>
                    <a:pt x="8" y="521"/>
                  </a:lnTo>
                  <a:lnTo>
                    <a:pt x="2" y="514"/>
                  </a:lnTo>
                  <a:lnTo>
                    <a:pt x="0" y="497"/>
                  </a:lnTo>
                  <a:lnTo>
                    <a:pt x="20" y="478"/>
                  </a:lnTo>
                  <a:lnTo>
                    <a:pt x="36" y="445"/>
                  </a:lnTo>
                  <a:lnTo>
                    <a:pt x="48" y="450"/>
                  </a:lnTo>
                  <a:lnTo>
                    <a:pt x="57" y="476"/>
                  </a:lnTo>
                  <a:lnTo>
                    <a:pt x="71" y="478"/>
                  </a:lnTo>
                  <a:lnTo>
                    <a:pt x="95" y="45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20" name="Freeform 159"/>
            <p:cNvSpPr>
              <a:spLocks noChangeAspect="1"/>
            </p:cNvSpPr>
            <p:nvPr/>
          </p:nvSpPr>
          <p:spPr bwMode="gray">
            <a:xfrm>
              <a:off x="4903788" y="3835401"/>
              <a:ext cx="168275" cy="123825"/>
            </a:xfrm>
            <a:custGeom>
              <a:avLst/>
              <a:gdLst>
                <a:gd name="T0" fmla="*/ 3 w 347"/>
                <a:gd name="T1" fmla="*/ 7 h 257"/>
                <a:gd name="T2" fmla="*/ 3 w 347"/>
                <a:gd name="T3" fmla="*/ 6 h 257"/>
                <a:gd name="T4" fmla="*/ 3 w 347"/>
                <a:gd name="T5" fmla="*/ 6 h 257"/>
                <a:gd name="T6" fmla="*/ 3 w 347"/>
                <a:gd name="T7" fmla="*/ 5 h 257"/>
                <a:gd name="T8" fmla="*/ 6 w 347"/>
                <a:gd name="T9" fmla="*/ 5 h 257"/>
                <a:gd name="T10" fmla="*/ 7 w 347"/>
                <a:gd name="T11" fmla="*/ 5 h 257"/>
                <a:gd name="T12" fmla="*/ 7 w 347"/>
                <a:gd name="T13" fmla="*/ 5 h 257"/>
                <a:gd name="T14" fmla="*/ 7 w 347"/>
                <a:gd name="T15" fmla="*/ 5 h 257"/>
                <a:gd name="T16" fmla="*/ 8 w 347"/>
                <a:gd name="T17" fmla="*/ 5 h 257"/>
                <a:gd name="T18" fmla="*/ 9 w 347"/>
                <a:gd name="T19" fmla="*/ 5 h 257"/>
                <a:gd name="T20" fmla="*/ 9 w 347"/>
                <a:gd name="T21" fmla="*/ 5 h 257"/>
                <a:gd name="T22" fmla="*/ 10 w 347"/>
                <a:gd name="T23" fmla="*/ 4 h 257"/>
                <a:gd name="T24" fmla="*/ 9 w 347"/>
                <a:gd name="T25" fmla="*/ 4 h 257"/>
                <a:gd name="T26" fmla="*/ 9 w 347"/>
                <a:gd name="T27" fmla="*/ 4 h 257"/>
                <a:gd name="T28" fmla="*/ 10 w 347"/>
                <a:gd name="T29" fmla="*/ 3 h 257"/>
                <a:gd name="T30" fmla="*/ 9 w 347"/>
                <a:gd name="T31" fmla="*/ 3 h 257"/>
                <a:gd name="T32" fmla="*/ 9 w 347"/>
                <a:gd name="T33" fmla="*/ 3 h 257"/>
                <a:gd name="T34" fmla="*/ 9 w 347"/>
                <a:gd name="T35" fmla="*/ 3 h 257"/>
                <a:gd name="T36" fmla="*/ 9 w 347"/>
                <a:gd name="T37" fmla="*/ 3 h 257"/>
                <a:gd name="T38" fmla="*/ 8 w 347"/>
                <a:gd name="T39" fmla="*/ 2 h 257"/>
                <a:gd name="T40" fmla="*/ 7 w 347"/>
                <a:gd name="T41" fmla="*/ 2 h 257"/>
                <a:gd name="T42" fmla="*/ 7 w 347"/>
                <a:gd name="T43" fmla="*/ 1 h 257"/>
                <a:gd name="T44" fmla="*/ 7 w 347"/>
                <a:gd name="T45" fmla="*/ 1 h 257"/>
                <a:gd name="T46" fmla="*/ 7 w 347"/>
                <a:gd name="T47" fmla="*/ 0 h 257"/>
                <a:gd name="T48" fmla="*/ 6 w 347"/>
                <a:gd name="T49" fmla="*/ 0 h 257"/>
                <a:gd name="T50" fmla="*/ 4 w 347"/>
                <a:gd name="T51" fmla="*/ 2 h 257"/>
                <a:gd name="T52" fmla="*/ 2 w 347"/>
                <a:gd name="T53" fmla="*/ 2 h 257"/>
                <a:gd name="T54" fmla="*/ 1 w 347"/>
                <a:gd name="T55" fmla="*/ 4 h 257"/>
                <a:gd name="T56" fmla="*/ 0 w 347"/>
                <a:gd name="T57" fmla="*/ 5 h 257"/>
                <a:gd name="T58" fmla="*/ 0 w 347"/>
                <a:gd name="T59" fmla="*/ 5 h 257"/>
                <a:gd name="T60" fmla="*/ 0 w 347"/>
                <a:gd name="T61" fmla="*/ 6 h 257"/>
                <a:gd name="T62" fmla="*/ 0 w 347"/>
                <a:gd name="T63" fmla="*/ 7 h 257"/>
                <a:gd name="T64" fmla="*/ 1 w 347"/>
                <a:gd name="T65" fmla="*/ 7 h 257"/>
                <a:gd name="T66" fmla="*/ 1 w 347"/>
                <a:gd name="T67" fmla="*/ 7 h 257"/>
                <a:gd name="T68" fmla="*/ 1 w 347"/>
                <a:gd name="T69" fmla="*/ 7 h 257"/>
                <a:gd name="T70" fmla="*/ 1 w 347"/>
                <a:gd name="T71" fmla="*/ 7 h 257"/>
                <a:gd name="T72" fmla="*/ 2 w 347"/>
                <a:gd name="T73" fmla="*/ 7 h 257"/>
                <a:gd name="T74" fmla="*/ 2 w 347"/>
                <a:gd name="T75" fmla="*/ 7 h 257"/>
                <a:gd name="T76" fmla="*/ 3 w 347"/>
                <a:gd name="T77" fmla="*/ 7 h 257"/>
                <a:gd name="T78" fmla="*/ 3 w 347"/>
                <a:gd name="T79" fmla="*/ 7 h 257"/>
                <a:gd name="T80" fmla="*/ 3 w 347"/>
                <a:gd name="T81" fmla="*/ 7 h 257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w 347"/>
                <a:gd name="T124" fmla="*/ 0 h 257"/>
                <a:gd name="T125" fmla="*/ 347 w 347"/>
                <a:gd name="T126" fmla="*/ 257 h 257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T123" t="T124" r="T125" b="T126"/>
              <a:pathLst>
                <a:path w="347" h="257">
                  <a:moveTo>
                    <a:pt x="118" y="257"/>
                  </a:moveTo>
                  <a:lnTo>
                    <a:pt x="113" y="218"/>
                  </a:lnTo>
                  <a:lnTo>
                    <a:pt x="107" y="201"/>
                  </a:lnTo>
                  <a:lnTo>
                    <a:pt x="110" y="188"/>
                  </a:lnTo>
                  <a:lnTo>
                    <a:pt x="203" y="192"/>
                  </a:lnTo>
                  <a:lnTo>
                    <a:pt x="235" y="189"/>
                  </a:lnTo>
                  <a:lnTo>
                    <a:pt x="249" y="189"/>
                  </a:lnTo>
                  <a:lnTo>
                    <a:pt x="260" y="192"/>
                  </a:lnTo>
                  <a:lnTo>
                    <a:pt x="279" y="188"/>
                  </a:lnTo>
                  <a:lnTo>
                    <a:pt x="303" y="164"/>
                  </a:lnTo>
                  <a:lnTo>
                    <a:pt x="332" y="166"/>
                  </a:lnTo>
                  <a:lnTo>
                    <a:pt x="347" y="144"/>
                  </a:lnTo>
                  <a:lnTo>
                    <a:pt x="333" y="129"/>
                  </a:lnTo>
                  <a:lnTo>
                    <a:pt x="333" y="124"/>
                  </a:lnTo>
                  <a:lnTo>
                    <a:pt x="342" y="121"/>
                  </a:lnTo>
                  <a:lnTo>
                    <a:pt x="336" y="110"/>
                  </a:lnTo>
                  <a:lnTo>
                    <a:pt x="327" y="107"/>
                  </a:lnTo>
                  <a:lnTo>
                    <a:pt x="315" y="113"/>
                  </a:lnTo>
                  <a:lnTo>
                    <a:pt x="302" y="107"/>
                  </a:lnTo>
                  <a:lnTo>
                    <a:pt x="277" y="71"/>
                  </a:lnTo>
                  <a:lnTo>
                    <a:pt x="254" y="48"/>
                  </a:lnTo>
                  <a:lnTo>
                    <a:pt x="251" y="31"/>
                  </a:lnTo>
                  <a:lnTo>
                    <a:pt x="240" y="22"/>
                  </a:lnTo>
                  <a:lnTo>
                    <a:pt x="246" y="0"/>
                  </a:lnTo>
                  <a:lnTo>
                    <a:pt x="203" y="6"/>
                  </a:lnTo>
                  <a:lnTo>
                    <a:pt x="125" y="66"/>
                  </a:lnTo>
                  <a:lnTo>
                    <a:pt x="61" y="87"/>
                  </a:lnTo>
                  <a:lnTo>
                    <a:pt x="44" y="129"/>
                  </a:lnTo>
                  <a:lnTo>
                    <a:pt x="8" y="166"/>
                  </a:lnTo>
                  <a:lnTo>
                    <a:pt x="0" y="188"/>
                  </a:lnTo>
                  <a:lnTo>
                    <a:pt x="0" y="218"/>
                  </a:lnTo>
                  <a:lnTo>
                    <a:pt x="11" y="238"/>
                  </a:lnTo>
                  <a:lnTo>
                    <a:pt x="25" y="247"/>
                  </a:lnTo>
                  <a:lnTo>
                    <a:pt x="31" y="246"/>
                  </a:lnTo>
                  <a:lnTo>
                    <a:pt x="39" y="251"/>
                  </a:lnTo>
                  <a:lnTo>
                    <a:pt x="44" y="243"/>
                  </a:lnTo>
                  <a:lnTo>
                    <a:pt x="73" y="235"/>
                  </a:lnTo>
                  <a:lnTo>
                    <a:pt x="90" y="238"/>
                  </a:lnTo>
                  <a:lnTo>
                    <a:pt x="95" y="235"/>
                  </a:lnTo>
                  <a:lnTo>
                    <a:pt x="109" y="257"/>
                  </a:lnTo>
                  <a:lnTo>
                    <a:pt x="118" y="25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21" name="Freeform 160"/>
            <p:cNvSpPr>
              <a:spLocks noChangeAspect="1"/>
            </p:cNvSpPr>
            <p:nvPr/>
          </p:nvSpPr>
          <p:spPr bwMode="gray">
            <a:xfrm>
              <a:off x="5510213" y="3644901"/>
              <a:ext cx="373063" cy="447675"/>
            </a:xfrm>
            <a:custGeom>
              <a:avLst/>
              <a:gdLst>
                <a:gd name="T0" fmla="*/ 3 w 764"/>
                <a:gd name="T1" fmla="*/ 6 h 920"/>
                <a:gd name="T2" fmla="*/ 3 w 764"/>
                <a:gd name="T3" fmla="*/ 9 h 920"/>
                <a:gd name="T4" fmla="*/ 2 w 764"/>
                <a:gd name="T5" fmla="*/ 10 h 920"/>
                <a:gd name="T6" fmla="*/ 1 w 764"/>
                <a:gd name="T7" fmla="*/ 12 h 920"/>
                <a:gd name="T8" fmla="*/ 0 w 764"/>
                <a:gd name="T9" fmla="*/ 13 h 920"/>
                <a:gd name="T10" fmla="*/ 0 w 764"/>
                <a:gd name="T11" fmla="*/ 14 h 920"/>
                <a:gd name="T12" fmla="*/ 1 w 764"/>
                <a:gd name="T13" fmla="*/ 14 h 920"/>
                <a:gd name="T14" fmla="*/ 1 w 764"/>
                <a:gd name="T15" fmla="*/ 16 h 920"/>
                <a:gd name="T16" fmla="*/ 1 w 764"/>
                <a:gd name="T17" fmla="*/ 17 h 920"/>
                <a:gd name="T18" fmla="*/ 2 w 764"/>
                <a:gd name="T19" fmla="*/ 18 h 920"/>
                <a:gd name="T20" fmla="*/ 2 w 764"/>
                <a:gd name="T21" fmla="*/ 20 h 920"/>
                <a:gd name="T22" fmla="*/ 3 w 764"/>
                <a:gd name="T23" fmla="*/ 20 h 920"/>
                <a:gd name="T24" fmla="*/ 4 w 764"/>
                <a:gd name="T25" fmla="*/ 21 h 920"/>
                <a:gd name="T26" fmla="*/ 6 w 764"/>
                <a:gd name="T27" fmla="*/ 22 h 920"/>
                <a:gd name="T28" fmla="*/ 7 w 764"/>
                <a:gd name="T29" fmla="*/ 24 h 920"/>
                <a:gd name="T30" fmla="*/ 8 w 764"/>
                <a:gd name="T31" fmla="*/ 25 h 920"/>
                <a:gd name="T32" fmla="*/ 9 w 764"/>
                <a:gd name="T33" fmla="*/ 25 h 920"/>
                <a:gd name="T34" fmla="*/ 10 w 764"/>
                <a:gd name="T35" fmla="*/ 25 h 920"/>
                <a:gd name="T36" fmla="*/ 12 w 764"/>
                <a:gd name="T37" fmla="*/ 26 h 920"/>
                <a:gd name="T38" fmla="*/ 14 w 764"/>
                <a:gd name="T39" fmla="*/ 26 h 920"/>
                <a:gd name="T40" fmla="*/ 15 w 764"/>
                <a:gd name="T41" fmla="*/ 26 h 920"/>
                <a:gd name="T42" fmla="*/ 16 w 764"/>
                <a:gd name="T43" fmla="*/ 26 h 920"/>
                <a:gd name="T44" fmla="*/ 19 w 764"/>
                <a:gd name="T45" fmla="*/ 25 h 920"/>
                <a:gd name="T46" fmla="*/ 18 w 764"/>
                <a:gd name="T47" fmla="*/ 24 h 920"/>
                <a:gd name="T48" fmla="*/ 17 w 764"/>
                <a:gd name="T49" fmla="*/ 22 h 920"/>
                <a:gd name="T50" fmla="*/ 15 w 764"/>
                <a:gd name="T51" fmla="*/ 21 h 920"/>
                <a:gd name="T52" fmla="*/ 15 w 764"/>
                <a:gd name="T53" fmla="*/ 20 h 920"/>
                <a:gd name="T54" fmla="*/ 16 w 764"/>
                <a:gd name="T55" fmla="*/ 20 h 920"/>
                <a:gd name="T56" fmla="*/ 17 w 764"/>
                <a:gd name="T57" fmla="*/ 17 h 920"/>
                <a:gd name="T58" fmla="*/ 18 w 764"/>
                <a:gd name="T59" fmla="*/ 17 h 920"/>
                <a:gd name="T60" fmla="*/ 18 w 764"/>
                <a:gd name="T61" fmla="*/ 14 h 920"/>
                <a:gd name="T62" fmla="*/ 20 w 764"/>
                <a:gd name="T63" fmla="*/ 13 h 920"/>
                <a:gd name="T64" fmla="*/ 19 w 764"/>
                <a:gd name="T65" fmla="*/ 11 h 920"/>
                <a:gd name="T66" fmla="*/ 21 w 764"/>
                <a:gd name="T67" fmla="*/ 8 h 920"/>
                <a:gd name="T68" fmla="*/ 22 w 764"/>
                <a:gd name="T69" fmla="*/ 8 h 920"/>
                <a:gd name="T70" fmla="*/ 22 w 764"/>
                <a:gd name="T71" fmla="*/ 7 h 920"/>
                <a:gd name="T72" fmla="*/ 22 w 764"/>
                <a:gd name="T73" fmla="*/ 6 h 920"/>
                <a:gd name="T74" fmla="*/ 21 w 764"/>
                <a:gd name="T75" fmla="*/ 6 h 920"/>
                <a:gd name="T76" fmla="*/ 21 w 764"/>
                <a:gd name="T77" fmla="*/ 3 h 920"/>
                <a:gd name="T78" fmla="*/ 20 w 764"/>
                <a:gd name="T79" fmla="*/ 2 h 920"/>
                <a:gd name="T80" fmla="*/ 19 w 764"/>
                <a:gd name="T81" fmla="*/ 1 h 920"/>
                <a:gd name="T82" fmla="*/ 18 w 764"/>
                <a:gd name="T83" fmla="*/ 1 h 920"/>
                <a:gd name="T84" fmla="*/ 17 w 764"/>
                <a:gd name="T85" fmla="*/ 1 h 920"/>
                <a:gd name="T86" fmla="*/ 16 w 764"/>
                <a:gd name="T87" fmla="*/ 2 h 920"/>
                <a:gd name="T88" fmla="*/ 15 w 764"/>
                <a:gd name="T89" fmla="*/ 2 h 920"/>
                <a:gd name="T90" fmla="*/ 13 w 764"/>
                <a:gd name="T91" fmla="*/ 2 h 920"/>
                <a:gd name="T92" fmla="*/ 13 w 764"/>
                <a:gd name="T93" fmla="*/ 1 h 920"/>
                <a:gd name="T94" fmla="*/ 11 w 764"/>
                <a:gd name="T95" fmla="*/ 2 h 920"/>
                <a:gd name="T96" fmla="*/ 10 w 764"/>
                <a:gd name="T97" fmla="*/ 2 h 920"/>
                <a:gd name="T98" fmla="*/ 7 w 764"/>
                <a:gd name="T99" fmla="*/ 2 h 920"/>
                <a:gd name="T100" fmla="*/ 5 w 764"/>
                <a:gd name="T101" fmla="*/ 2 h 920"/>
                <a:gd name="T102" fmla="*/ 4 w 764"/>
                <a:gd name="T103" fmla="*/ 3 h 920"/>
                <a:gd name="T104" fmla="*/ 3 w 764"/>
                <a:gd name="T105" fmla="*/ 4 h 920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764"/>
                <a:gd name="T160" fmla="*/ 0 h 920"/>
                <a:gd name="T161" fmla="*/ 764 w 764"/>
                <a:gd name="T162" fmla="*/ 920 h 920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764" h="920">
                  <a:moveTo>
                    <a:pt x="98" y="176"/>
                  </a:moveTo>
                  <a:lnTo>
                    <a:pt x="98" y="221"/>
                  </a:lnTo>
                  <a:lnTo>
                    <a:pt x="98" y="266"/>
                  </a:lnTo>
                  <a:lnTo>
                    <a:pt x="98" y="309"/>
                  </a:lnTo>
                  <a:lnTo>
                    <a:pt x="98" y="355"/>
                  </a:lnTo>
                  <a:lnTo>
                    <a:pt x="49" y="360"/>
                  </a:lnTo>
                  <a:lnTo>
                    <a:pt x="42" y="385"/>
                  </a:lnTo>
                  <a:lnTo>
                    <a:pt x="19" y="414"/>
                  </a:lnTo>
                  <a:lnTo>
                    <a:pt x="19" y="436"/>
                  </a:lnTo>
                  <a:lnTo>
                    <a:pt x="10" y="445"/>
                  </a:lnTo>
                  <a:lnTo>
                    <a:pt x="8" y="465"/>
                  </a:lnTo>
                  <a:lnTo>
                    <a:pt x="0" y="486"/>
                  </a:lnTo>
                  <a:lnTo>
                    <a:pt x="0" y="499"/>
                  </a:lnTo>
                  <a:lnTo>
                    <a:pt x="21" y="496"/>
                  </a:lnTo>
                  <a:lnTo>
                    <a:pt x="24" y="521"/>
                  </a:lnTo>
                  <a:lnTo>
                    <a:pt x="46" y="567"/>
                  </a:lnTo>
                  <a:lnTo>
                    <a:pt x="46" y="574"/>
                  </a:lnTo>
                  <a:lnTo>
                    <a:pt x="38" y="577"/>
                  </a:lnTo>
                  <a:lnTo>
                    <a:pt x="75" y="623"/>
                  </a:lnTo>
                  <a:lnTo>
                    <a:pt x="78" y="637"/>
                  </a:lnTo>
                  <a:lnTo>
                    <a:pt x="75" y="677"/>
                  </a:lnTo>
                  <a:lnTo>
                    <a:pt x="83" y="684"/>
                  </a:lnTo>
                  <a:lnTo>
                    <a:pt x="103" y="688"/>
                  </a:lnTo>
                  <a:lnTo>
                    <a:pt x="109" y="701"/>
                  </a:lnTo>
                  <a:lnTo>
                    <a:pt x="135" y="705"/>
                  </a:lnTo>
                  <a:lnTo>
                    <a:pt x="151" y="716"/>
                  </a:lnTo>
                  <a:lnTo>
                    <a:pt x="156" y="738"/>
                  </a:lnTo>
                  <a:lnTo>
                    <a:pt x="202" y="772"/>
                  </a:lnTo>
                  <a:lnTo>
                    <a:pt x="217" y="806"/>
                  </a:lnTo>
                  <a:lnTo>
                    <a:pt x="251" y="826"/>
                  </a:lnTo>
                  <a:lnTo>
                    <a:pt x="261" y="848"/>
                  </a:lnTo>
                  <a:lnTo>
                    <a:pt x="287" y="880"/>
                  </a:lnTo>
                  <a:lnTo>
                    <a:pt x="305" y="888"/>
                  </a:lnTo>
                  <a:lnTo>
                    <a:pt x="316" y="879"/>
                  </a:lnTo>
                  <a:lnTo>
                    <a:pt x="347" y="882"/>
                  </a:lnTo>
                  <a:lnTo>
                    <a:pt x="359" y="874"/>
                  </a:lnTo>
                  <a:lnTo>
                    <a:pt x="414" y="920"/>
                  </a:lnTo>
                  <a:lnTo>
                    <a:pt x="418" y="919"/>
                  </a:lnTo>
                  <a:lnTo>
                    <a:pt x="423" y="916"/>
                  </a:lnTo>
                  <a:lnTo>
                    <a:pt x="465" y="914"/>
                  </a:lnTo>
                  <a:lnTo>
                    <a:pt x="469" y="920"/>
                  </a:lnTo>
                  <a:lnTo>
                    <a:pt x="505" y="912"/>
                  </a:lnTo>
                  <a:lnTo>
                    <a:pt x="536" y="912"/>
                  </a:lnTo>
                  <a:lnTo>
                    <a:pt x="557" y="899"/>
                  </a:lnTo>
                  <a:lnTo>
                    <a:pt x="581" y="877"/>
                  </a:lnTo>
                  <a:lnTo>
                    <a:pt x="644" y="875"/>
                  </a:lnTo>
                  <a:lnTo>
                    <a:pt x="646" y="843"/>
                  </a:lnTo>
                  <a:lnTo>
                    <a:pt x="612" y="829"/>
                  </a:lnTo>
                  <a:lnTo>
                    <a:pt x="591" y="781"/>
                  </a:lnTo>
                  <a:lnTo>
                    <a:pt x="565" y="764"/>
                  </a:lnTo>
                  <a:lnTo>
                    <a:pt x="553" y="739"/>
                  </a:lnTo>
                  <a:lnTo>
                    <a:pt x="513" y="724"/>
                  </a:lnTo>
                  <a:lnTo>
                    <a:pt x="522" y="714"/>
                  </a:lnTo>
                  <a:lnTo>
                    <a:pt x="522" y="701"/>
                  </a:lnTo>
                  <a:lnTo>
                    <a:pt x="548" y="699"/>
                  </a:lnTo>
                  <a:lnTo>
                    <a:pt x="564" y="691"/>
                  </a:lnTo>
                  <a:lnTo>
                    <a:pt x="570" y="603"/>
                  </a:lnTo>
                  <a:lnTo>
                    <a:pt x="573" y="604"/>
                  </a:lnTo>
                  <a:lnTo>
                    <a:pt x="581" y="589"/>
                  </a:lnTo>
                  <a:lnTo>
                    <a:pt x="599" y="580"/>
                  </a:lnTo>
                  <a:lnTo>
                    <a:pt x="608" y="547"/>
                  </a:lnTo>
                  <a:lnTo>
                    <a:pt x="638" y="504"/>
                  </a:lnTo>
                  <a:lnTo>
                    <a:pt x="658" y="489"/>
                  </a:lnTo>
                  <a:lnTo>
                    <a:pt x="674" y="440"/>
                  </a:lnTo>
                  <a:lnTo>
                    <a:pt x="674" y="427"/>
                  </a:lnTo>
                  <a:lnTo>
                    <a:pt x="671" y="396"/>
                  </a:lnTo>
                  <a:lnTo>
                    <a:pt x="698" y="292"/>
                  </a:lnTo>
                  <a:lnTo>
                    <a:pt x="709" y="291"/>
                  </a:lnTo>
                  <a:lnTo>
                    <a:pt x="720" y="281"/>
                  </a:lnTo>
                  <a:lnTo>
                    <a:pt x="756" y="266"/>
                  </a:lnTo>
                  <a:lnTo>
                    <a:pt x="764" y="244"/>
                  </a:lnTo>
                  <a:lnTo>
                    <a:pt x="760" y="237"/>
                  </a:lnTo>
                  <a:lnTo>
                    <a:pt x="751" y="235"/>
                  </a:lnTo>
                  <a:lnTo>
                    <a:pt x="740" y="221"/>
                  </a:lnTo>
                  <a:lnTo>
                    <a:pt x="723" y="215"/>
                  </a:lnTo>
                  <a:lnTo>
                    <a:pt x="714" y="203"/>
                  </a:lnTo>
                  <a:lnTo>
                    <a:pt x="705" y="159"/>
                  </a:lnTo>
                  <a:lnTo>
                    <a:pt x="706" y="98"/>
                  </a:lnTo>
                  <a:lnTo>
                    <a:pt x="691" y="77"/>
                  </a:lnTo>
                  <a:lnTo>
                    <a:pt x="689" y="54"/>
                  </a:lnTo>
                  <a:lnTo>
                    <a:pt x="663" y="26"/>
                  </a:lnTo>
                  <a:lnTo>
                    <a:pt x="640" y="15"/>
                  </a:lnTo>
                  <a:lnTo>
                    <a:pt x="630" y="0"/>
                  </a:lnTo>
                  <a:lnTo>
                    <a:pt x="612" y="15"/>
                  </a:lnTo>
                  <a:lnTo>
                    <a:pt x="601" y="12"/>
                  </a:lnTo>
                  <a:lnTo>
                    <a:pt x="590" y="37"/>
                  </a:lnTo>
                  <a:lnTo>
                    <a:pt x="564" y="44"/>
                  </a:lnTo>
                  <a:lnTo>
                    <a:pt x="559" y="64"/>
                  </a:lnTo>
                  <a:lnTo>
                    <a:pt x="537" y="66"/>
                  </a:lnTo>
                  <a:lnTo>
                    <a:pt x="520" y="54"/>
                  </a:lnTo>
                  <a:lnTo>
                    <a:pt x="479" y="54"/>
                  </a:lnTo>
                  <a:lnTo>
                    <a:pt x="439" y="54"/>
                  </a:lnTo>
                  <a:lnTo>
                    <a:pt x="442" y="44"/>
                  </a:lnTo>
                  <a:lnTo>
                    <a:pt x="437" y="44"/>
                  </a:lnTo>
                  <a:lnTo>
                    <a:pt x="431" y="54"/>
                  </a:lnTo>
                  <a:lnTo>
                    <a:pt x="395" y="54"/>
                  </a:lnTo>
                  <a:lnTo>
                    <a:pt x="359" y="54"/>
                  </a:lnTo>
                  <a:lnTo>
                    <a:pt x="324" y="54"/>
                  </a:lnTo>
                  <a:lnTo>
                    <a:pt x="288" y="54"/>
                  </a:lnTo>
                  <a:lnTo>
                    <a:pt x="251" y="54"/>
                  </a:lnTo>
                  <a:lnTo>
                    <a:pt x="216" y="54"/>
                  </a:lnTo>
                  <a:lnTo>
                    <a:pt x="180" y="54"/>
                  </a:lnTo>
                  <a:lnTo>
                    <a:pt x="144" y="54"/>
                  </a:lnTo>
                  <a:lnTo>
                    <a:pt x="144" y="100"/>
                  </a:lnTo>
                  <a:lnTo>
                    <a:pt x="144" y="147"/>
                  </a:lnTo>
                  <a:lnTo>
                    <a:pt x="98" y="147"/>
                  </a:lnTo>
                  <a:lnTo>
                    <a:pt x="98" y="17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22" name="Freeform 161"/>
            <p:cNvSpPr>
              <a:spLocks noChangeAspect="1"/>
            </p:cNvSpPr>
            <p:nvPr/>
          </p:nvSpPr>
          <p:spPr bwMode="gray">
            <a:xfrm>
              <a:off x="5294313" y="4056063"/>
              <a:ext cx="428625" cy="417513"/>
            </a:xfrm>
            <a:custGeom>
              <a:avLst/>
              <a:gdLst>
                <a:gd name="T0" fmla="*/ 25 w 878"/>
                <a:gd name="T1" fmla="*/ 5 h 855"/>
                <a:gd name="T2" fmla="*/ 25 w 878"/>
                <a:gd name="T3" fmla="*/ 4 h 855"/>
                <a:gd name="T4" fmla="*/ 25 w 878"/>
                <a:gd name="T5" fmla="*/ 2 h 855"/>
                <a:gd name="T6" fmla="*/ 23 w 878"/>
                <a:gd name="T7" fmla="*/ 1 h 855"/>
                <a:gd name="T8" fmla="*/ 22 w 878"/>
                <a:gd name="T9" fmla="*/ 1 h 855"/>
                <a:gd name="T10" fmla="*/ 21 w 878"/>
                <a:gd name="T11" fmla="*/ 1 h 855"/>
                <a:gd name="T12" fmla="*/ 20 w 878"/>
                <a:gd name="T13" fmla="*/ 0 h 855"/>
                <a:gd name="T14" fmla="*/ 19 w 878"/>
                <a:gd name="T15" fmla="*/ 0 h 855"/>
                <a:gd name="T16" fmla="*/ 19 w 878"/>
                <a:gd name="T17" fmla="*/ 0 h 855"/>
                <a:gd name="T18" fmla="*/ 18 w 878"/>
                <a:gd name="T19" fmla="*/ 0 h 855"/>
                <a:gd name="T20" fmla="*/ 17 w 878"/>
                <a:gd name="T21" fmla="*/ 1 h 855"/>
                <a:gd name="T22" fmla="*/ 15 w 878"/>
                <a:gd name="T23" fmla="*/ 1 h 855"/>
                <a:gd name="T24" fmla="*/ 14 w 878"/>
                <a:gd name="T25" fmla="*/ 1 h 855"/>
                <a:gd name="T26" fmla="*/ 14 w 878"/>
                <a:gd name="T27" fmla="*/ 1 h 855"/>
                <a:gd name="T28" fmla="*/ 12 w 878"/>
                <a:gd name="T29" fmla="*/ 1 h 855"/>
                <a:gd name="T30" fmla="*/ 11 w 878"/>
                <a:gd name="T31" fmla="*/ 1 h 855"/>
                <a:gd name="T32" fmla="*/ 10 w 878"/>
                <a:gd name="T33" fmla="*/ 0 h 855"/>
                <a:gd name="T34" fmla="*/ 9 w 878"/>
                <a:gd name="T35" fmla="*/ 2 h 855"/>
                <a:gd name="T36" fmla="*/ 8 w 878"/>
                <a:gd name="T37" fmla="*/ 3 h 855"/>
                <a:gd name="T38" fmla="*/ 7 w 878"/>
                <a:gd name="T39" fmla="*/ 8 h 855"/>
                <a:gd name="T40" fmla="*/ 6 w 878"/>
                <a:gd name="T41" fmla="*/ 10 h 855"/>
                <a:gd name="T42" fmla="*/ 5 w 878"/>
                <a:gd name="T43" fmla="*/ 11 h 855"/>
                <a:gd name="T44" fmla="*/ 3 w 878"/>
                <a:gd name="T45" fmla="*/ 13 h 855"/>
                <a:gd name="T46" fmla="*/ 3 w 878"/>
                <a:gd name="T47" fmla="*/ 13 h 855"/>
                <a:gd name="T48" fmla="*/ 2 w 878"/>
                <a:gd name="T49" fmla="*/ 13 h 855"/>
                <a:gd name="T50" fmla="*/ 1 w 878"/>
                <a:gd name="T51" fmla="*/ 14 h 855"/>
                <a:gd name="T52" fmla="*/ 0 w 878"/>
                <a:gd name="T53" fmla="*/ 14 h 855"/>
                <a:gd name="T54" fmla="*/ 0 w 878"/>
                <a:gd name="T55" fmla="*/ 15 h 855"/>
                <a:gd name="T56" fmla="*/ 1 w 878"/>
                <a:gd name="T57" fmla="*/ 15 h 855"/>
                <a:gd name="T58" fmla="*/ 3 w 878"/>
                <a:gd name="T59" fmla="*/ 15 h 855"/>
                <a:gd name="T60" fmla="*/ 5 w 878"/>
                <a:gd name="T61" fmla="*/ 15 h 855"/>
                <a:gd name="T62" fmla="*/ 6 w 878"/>
                <a:gd name="T63" fmla="*/ 17 h 855"/>
                <a:gd name="T64" fmla="*/ 7 w 878"/>
                <a:gd name="T65" fmla="*/ 18 h 855"/>
                <a:gd name="T66" fmla="*/ 9 w 878"/>
                <a:gd name="T67" fmla="*/ 18 h 855"/>
                <a:gd name="T68" fmla="*/ 11 w 878"/>
                <a:gd name="T69" fmla="*/ 16 h 855"/>
                <a:gd name="T70" fmla="*/ 13 w 878"/>
                <a:gd name="T71" fmla="*/ 17 h 855"/>
                <a:gd name="T72" fmla="*/ 13 w 878"/>
                <a:gd name="T73" fmla="*/ 19 h 855"/>
                <a:gd name="T74" fmla="*/ 13 w 878"/>
                <a:gd name="T75" fmla="*/ 21 h 855"/>
                <a:gd name="T76" fmla="*/ 13 w 878"/>
                <a:gd name="T77" fmla="*/ 22 h 855"/>
                <a:gd name="T78" fmla="*/ 14 w 878"/>
                <a:gd name="T79" fmla="*/ 22 h 855"/>
                <a:gd name="T80" fmla="*/ 16 w 878"/>
                <a:gd name="T81" fmla="*/ 22 h 855"/>
                <a:gd name="T82" fmla="*/ 16 w 878"/>
                <a:gd name="T83" fmla="*/ 22 h 855"/>
                <a:gd name="T84" fmla="*/ 18 w 878"/>
                <a:gd name="T85" fmla="*/ 22 h 855"/>
                <a:gd name="T86" fmla="*/ 20 w 878"/>
                <a:gd name="T87" fmla="*/ 23 h 855"/>
                <a:gd name="T88" fmla="*/ 21 w 878"/>
                <a:gd name="T89" fmla="*/ 23 h 855"/>
                <a:gd name="T90" fmla="*/ 22 w 878"/>
                <a:gd name="T91" fmla="*/ 25 h 855"/>
                <a:gd name="T92" fmla="*/ 23 w 878"/>
                <a:gd name="T93" fmla="*/ 25 h 855"/>
                <a:gd name="T94" fmla="*/ 23 w 878"/>
                <a:gd name="T95" fmla="*/ 23 h 855"/>
                <a:gd name="T96" fmla="*/ 22 w 878"/>
                <a:gd name="T97" fmla="*/ 23 h 855"/>
                <a:gd name="T98" fmla="*/ 22 w 878"/>
                <a:gd name="T99" fmla="*/ 20 h 855"/>
                <a:gd name="T100" fmla="*/ 22 w 878"/>
                <a:gd name="T101" fmla="*/ 19 h 855"/>
                <a:gd name="T102" fmla="*/ 22 w 878"/>
                <a:gd name="T103" fmla="*/ 18 h 855"/>
                <a:gd name="T104" fmla="*/ 25 w 878"/>
                <a:gd name="T105" fmla="*/ 18 h 855"/>
                <a:gd name="T106" fmla="*/ 23 w 878"/>
                <a:gd name="T107" fmla="*/ 16 h 855"/>
                <a:gd name="T108" fmla="*/ 23 w 878"/>
                <a:gd name="T109" fmla="*/ 14 h 855"/>
                <a:gd name="T110" fmla="*/ 22 w 878"/>
                <a:gd name="T111" fmla="*/ 14 h 855"/>
                <a:gd name="T112" fmla="*/ 23 w 878"/>
                <a:gd name="T113" fmla="*/ 13 h 855"/>
                <a:gd name="T114" fmla="*/ 22 w 878"/>
                <a:gd name="T115" fmla="*/ 12 h 855"/>
                <a:gd name="T116" fmla="*/ 23 w 878"/>
                <a:gd name="T117" fmla="*/ 11 h 855"/>
                <a:gd name="T118" fmla="*/ 22 w 878"/>
                <a:gd name="T119" fmla="*/ 10 h 855"/>
                <a:gd name="T120" fmla="*/ 23 w 878"/>
                <a:gd name="T121" fmla="*/ 9 h 855"/>
                <a:gd name="T122" fmla="*/ 23 w 878"/>
                <a:gd name="T123" fmla="*/ 7 h 855"/>
                <a:gd name="T124" fmla="*/ 25 w 878"/>
                <a:gd name="T125" fmla="*/ 6 h 855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  <a:gd name="T189" fmla="*/ 0 w 878"/>
                <a:gd name="T190" fmla="*/ 0 h 855"/>
                <a:gd name="T191" fmla="*/ 878 w 878"/>
                <a:gd name="T192" fmla="*/ 855 h 855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T189" t="T190" r="T191" b="T192"/>
              <a:pathLst>
                <a:path w="878" h="855">
                  <a:moveTo>
                    <a:pt x="843" y="184"/>
                  </a:moveTo>
                  <a:lnTo>
                    <a:pt x="841" y="173"/>
                  </a:lnTo>
                  <a:lnTo>
                    <a:pt x="878" y="140"/>
                  </a:lnTo>
                  <a:lnTo>
                    <a:pt x="861" y="130"/>
                  </a:lnTo>
                  <a:lnTo>
                    <a:pt x="857" y="118"/>
                  </a:lnTo>
                  <a:lnTo>
                    <a:pt x="861" y="74"/>
                  </a:lnTo>
                  <a:lnTo>
                    <a:pt x="857" y="75"/>
                  </a:lnTo>
                  <a:lnTo>
                    <a:pt x="802" y="29"/>
                  </a:lnTo>
                  <a:lnTo>
                    <a:pt x="790" y="37"/>
                  </a:lnTo>
                  <a:lnTo>
                    <a:pt x="759" y="34"/>
                  </a:lnTo>
                  <a:lnTo>
                    <a:pt x="748" y="43"/>
                  </a:lnTo>
                  <a:lnTo>
                    <a:pt x="730" y="35"/>
                  </a:lnTo>
                  <a:lnTo>
                    <a:pt x="704" y="3"/>
                  </a:lnTo>
                  <a:lnTo>
                    <a:pt x="680" y="3"/>
                  </a:lnTo>
                  <a:lnTo>
                    <a:pt x="674" y="13"/>
                  </a:lnTo>
                  <a:lnTo>
                    <a:pt x="663" y="6"/>
                  </a:lnTo>
                  <a:lnTo>
                    <a:pt x="659" y="13"/>
                  </a:lnTo>
                  <a:lnTo>
                    <a:pt x="646" y="0"/>
                  </a:lnTo>
                  <a:lnTo>
                    <a:pt x="614" y="6"/>
                  </a:lnTo>
                  <a:lnTo>
                    <a:pt x="597" y="1"/>
                  </a:lnTo>
                  <a:lnTo>
                    <a:pt x="595" y="13"/>
                  </a:lnTo>
                  <a:lnTo>
                    <a:pt x="578" y="15"/>
                  </a:lnTo>
                  <a:lnTo>
                    <a:pt x="567" y="9"/>
                  </a:lnTo>
                  <a:lnTo>
                    <a:pt x="510" y="27"/>
                  </a:lnTo>
                  <a:lnTo>
                    <a:pt x="489" y="18"/>
                  </a:lnTo>
                  <a:lnTo>
                    <a:pt x="477" y="27"/>
                  </a:lnTo>
                  <a:lnTo>
                    <a:pt x="475" y="40"/>
                  </a:lnTo>
                  <a:lnTo>
                    <a:pt x="468" y="43"/>
                  </a:lnTo>
                  <a:lnTo>
                    <a:pt x="426" y="43"/>
                  </a:lnTo>
                  <a:lnTo>
                    <a:pt x="396" y="30"/>
                  </a:lnTo>
                  <a:lnTo>
                    <a:pt x="389" y="37"/>
                  </a:lnTo>
                  <a:lnTo>
                    <a:pt x="382" y="35"/>
                  </a:lnTo>
                  <a:lnTo>
                    <a:pt x="357" y="4"/>
                  </a:lnTo>
                  <a:lnTo>
                    <a:pt x="334" y="3"/>
                  </a:lnTo>
                  <a:lnTo>
                    <a:pt x="304" y="35"/>
                  </a:lnTo>
                  <a:lnTo>
                    <a:pt x="303" y="69"/>
                  </a:lnTo>
                  <a:lnTo>
                    <a:pt x="292" y="71"/>
                  </a:lnTo>
                  <a:lnTo>
                    <a:pt x="289" y="101"/>
                  </a:lnTo>
                  <a:lnTo>
                    <a:pt x="264" y="151"/>
                  </a:lnTo>
                  <a:lnTo>
                    <a:pt x="250" y="272"/>
                  </a:lnTo>
                  <a:lnTo>
                    <a:pt x="206" y="306"/>
                  </a:lnTo>
                  <a:lnTo>
                    <a:pt x="185" y="337"/>
                  </a:lnTo>
                  <a:lnTo>
                    <a:pt x="181" y="355"/>
                  </a:lnTo>
                  <a:lnTo>
                    <a:pt x="177" y="389"/>
                  </a:lnTo>
                  <a:lnTo>
                    <a:pt x="164" y="421"/>
                  </a:lnTo>
                  <a:lnTo>
                    <a:pt x="120" y="456"/>
                  </a:lnTo>
                  <a:lnTo>
                    <a:pt x="103" y="462"/>
                  </a:lnTo>
                  <a:lnTo>
                    <a:pt x="93" y="460"/>
                  </a:lnTo>
                  <a:lnTo>
                    <a:pt x="91" y="442"/>
                  </a:lnTo>
                  <a:lnTo>
                    <a:pt x="68" y="447"/>
                  </a:lnTo>
                  <a:lnTo>
                    <a:pt x="55" y="462"/>
                  </a:lnTo>
                  <a:lnTo>
                    <a:pt x="45" y="464"/>
                  </a:lnTo>
                  <a:lnTo>
                    <a:pt x="32" y="456"/>
                  </a:lnTo>
                  <a:lnTo>
                    <a:pt x="13" y="470"/>
                  </a:lnTo>
                  <a:lnTo>
                    <a:pt x="8" y="506"/>
                  </a:lnTo>
                  <a:lnTo>
                    <a:pt x="0" y="509"/>
                  </a:lnTo>
                  <a:lnTo>
                    <a:pt x="0" y="527"/>
                  </a:lnTo>
                  <a:lnTo>
                    <a:pt x="45" y="509"/>
                  </a:lnTo>
                  <a:lnTo>
                    <a:pt x="79" y="509"/>
                  </a:lnTo>
                  <a:lnTo>
                    <a:pt x="113" y="507"/>
                  </a:lnTo>
                  <a:lnTo>
                    <a:pt x="147" y="507"/>
                  </a:lnTo>
                  <a:lnTo>
                    <a:pt x="182" y="507"/>
                  </a:lnTo>
                  <a:lnTo>
                    <a:pt x="198" y="521"/>
                  </a:lnTo>
                  <a:lnTo>
                    <a:pt x="213" y="577"/>
                  </a:lnTo>
                  <a:lnTo>
                    <a:pt x="241" y="611"/>
                  </a:lnTo>
                  <a:lnTo>
                    <a:pt x="252" y="614"/>
                  </a:lnTo>
                  <a:lnTo>
                    <a:pt x="292" y="606"/>
                  </a:lnTo>
                  <a:lnTo>
                    <a:pt x="323" y="608"/>
                  </a:lnTo>
                  <a:lnTo>
                    <a:pt x="334" y="561"/>
                  </a:lnTo>
                  <a:lnTo>
                    <a:pt x="391" y="557"/>
                  </a:lnTo>
                  <a:lnTo>
                    <a:pt x="391" y="575"/>
                  </a:lnTo>
                  <a:lnTo>
                    <a:pt x="431" y="575"/>
                  </a:lnTo>
                  <a:lnTo>
                    <a:pt x="436" y="586"/>
                  </a:lnTo>
                  <a:lnTo>
                    <a:pt x="442" y="649"/>
                  </a:lnTo>
                  <a:lnTo>
                    <a:pt x="438" y="675"/>
                  </a:lnTo>
                  <a:lnTo>
                    <a:pt x="451" y="727"/>
                  </a:lnTo>
                  <a:lnTo>
                    <a:pt x="447" y="753"/>
                  </a:lnTo>
                  <a:lnTo>
                    <a:pt x="460" y="761"/>
                  </a:lnTo>
                  <a:lnTo>
                    <a:pt x="470" y="748"/>
                  </a:lnTo>
                  <a:lnTo>
                    <a:pt x="499" y="747"/>
                  </a:lnTo>
                  <a:lnTo>
                    <a:pt x="532" y="747"/>
                  </a:lnTo>
                  <a:lnTo>
                    <a:pt x="541" y="741"/>
                  </a:lnTo>
                  <a:lnTo>
                    <a:pt x="555" y="738"/>
                  </a:lnTo>
                  <a:lnTo>
                    <a:pt x="563" y="761"/>
                  </a:lnTo>
                  <a:lnTo>
                    <a:pt x="594" y="751"/>
                  </a:lnTo>
                  <a:lnTo>
                    <a:pt x="606" y="772"/>
                  </a:lnTo>
                  <a:lnTo>
                    <a:pt x="643" y="789"/>
                  </a:lnTo>
                  <a:lnTo>
                    <a:pt x="682" y="781"/>
                  </a:lnTo>
                  <a:lnTo>
                    <a:pt x="699" y="797"/>
                  </a:lnTo>
                  <a:lnTo>
                    <a:pt x="730" y="807"/>
                  </a:lnTo>
                  <a:lnTo>
                    <a:pt x="742" y="827"/>
                  </a:lnTo>
                  <a:lnTo>
                    <a:pt x="765" y="844"/>
                  </a:lnTo>
                  <a:lnTo>
                    <a:pt x="782" y="849"/>
                  </a:lnTo>
                  <a:lnTo>
                    <a:pt x="792" y="846"/>
                  </a:lnTo>
                  <a:lnTo>
                    <a:pt x="804" y="855"/>
                  </a:lnTo>
                  <a:lnTo>
                    <a:pt x="802" y="806"/>
                  </a:lnTo>
                  <a:lnTo>
                    <a:pt x="770" y="806"/>
                  </a:lnTo>
                  <a:lnTo>
                    <a:pt x="750" y="784"/>
                  </a:lnTo>
                  <a:lnTo>
                    <a:pt x="767" y="721"/>
                  </a:lnTo>
                  <a:lnTo>
                    <a:pt x="767" y="700"/>
                  </a:lnTo>
                  <a:lnTo>
                    <a:pt x="765" y="668"/>
                  </a:lnTo>
                  <a:lnTo>
                    <a:pt x="765" y="657"/>
                  </a:lnTo>
                  <a:lnTo>
                    <a:pt x="772" y="648"/>
                  </a:lnTo>
                  <a:lnTo>
                    <a:pt x="773" y="636"/>
                  </a:lnTo>
                  <a:lnTo>
                    <a:pt x="781" y="631"/>
                  </a:lnTo>
                  <a:lnTo>
                    <a:pt x="843" y="616"/>
                  </a:lnTo>
                  <a:lnTo>
                    <a:pt x="836" y="587"/>
                  </a:lnTo>
                  <a:lnTo>
                    <a:pt x="806" y="563"/>
                  </a:lnTo>
                  <a:lnTo>
                    <a:pt x="789" y="536"/>
                  </a:lnTo>
                  <a:lnTo>
                    <a:pt x="789" y="501"/>
                  </a:lnTo>
                  <a:lnTo>
                    <a:pt x="784" y="489"/>
                  </a:lnTo>
                  <a:lnTo>
                    <a:pt x="778" y="475"/>
                  </a:lnTo>
                  <a:lnTo>
                    <a:pt x="784" y="443"/>
                  </a:lnTo>
                  <a:lnTo>
                    <a:pt x="782" y="434"/>
                  </a:lnTo>
                  <a:lnTo>
                    <a:pt x="778" y="436"/>
                  </a:lnTo>
                  <a:lnTo>
                    <a:pt x="778" y="421"/>
                  </a:lnTo>
                  <a:lnTo>
                    <a:pt x="787" y="394"/>
                  </a:lnTo>
                  <a:lnTo>
                    <a:pt x="785" y="374"/>
                  </a:lnTo>
                  <a:lnTo>
                    <a:pt x="778" y="363"/>
                  </a:lnTo>
                  <a:lnTo>
                    <a:pt x="773" y="349"/>
                  </a:lnTo>
                  <a:lnTo>
                    <a:pt x="785" y="329"/>
                  </a:lnTo>
                  <a:lnTo>
                    <a:pt x="806" y="300"/>
                  </a:lnTo>
                  <a:lnTo>
                    <a:pt x="807" y="258"/>
                  </a:lnTo>
                  <a:lnTo>
                    <a:pt x="807" y="247"/>
                  </a:lnTo>
                  <a:lnTo>
                    <a:pt x="814" y="221"/>
                  </a:lnTo>
                  <a:lnTo>
                    <a:pt x="843" y="18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23" name="Freeform 162"/>
            <p:cNvSpPr>
              <a:spLocks noChangeAspect="1"/>
            </p:cNvSpPr>
            <p:nvPr/>
          </p:nvSpPr>
          <p:spPr bwMode="gray">
            <a:xfrm>
              <a:off x="5216525" y="4121151"/>
              <a:ext cx="123825" cy="141288"/>
            </a:xfrm>
            <a:custGeom>
              <a:avLst/>
              <a:gdLst>
                <a:gd name="T0" fmla="*/ 3 w 256"/>
                <a:gd name="T1" fmla="*/ 0 h 288"/>
                <a:gd name="T2" fmla="*/ 3 w 256"/>
                <a:gd name="T3" fmla="*/ 1 h 288"/>
                <a:gd name="T4" fmla="*/ 3 w 256"/>
                <a:gd name="T5" fmla="*/ 2 h 288"/>
                <a:gd name="T6" fmla="*/ 2 w 256"/>
                <a:gd name="T7" fmla="*/ 2 h 288"/>
                <a:gd name="T8" fmla="*/ 1 w 256"/>
                <a:gd name="T9" fmla="*/ 2 h 288"/>
                <a:gd name="T10" fmla="*/ 1 w 256"/>
                <a:gd name="T11" fmla="*/ 2 h 288"/>
                <a:gd name="T12" fmla="*/ 1 w 256"/>
                <a:gd name="T13" fmla="*/ 2 h 288"/>
                <a:gd name="T14" fmla="*/ 2 w 256"/>
                <a:gd name="T15" fmla="*/ 3 h 288"/>
                <a:gd name="T16" fmla="*/ 1 w 256"/>
                <a:gd name="T17" fmla="*/ 3 h 288"/>
                <a:gd name="T18" fmla="*/ 1 w 256"/>
                <a:gd name="T19" fmla="*/ 3 h 288"/>
                <a:gd name="T20" fmla="*/ 1 w 256"/>
                <a:gd name="T21" fmla="*/ 4 h 288"/>
                <a:gd name="T22" fmla="*/ 0 w 256"/>
                <a:gd name="T23" fmla="*/ 4 h 288"/>
                <a:gd name="T24" fmla="*/ 0 w 256"/>
                <a:gd name="T25" fmla="*/ 4 h 288"/>
                <a:gd name="T26" fmla="*/ 0 w 256"/>
                <a:gd name="T27" fmla="*/ 4 h 288"/>
                <a:gd name="T28" fmla="*/ 1 w 256"/>
                <a:gd name="T29" fmla="*/ 6 h 288"/>
                <a:gd name="T30" fmla="*/ 2 w 256"/>
                <a:gd name="T31" fmla="*/ 7 h 288"/>
                <a:gd name="T32" fmla="*/ 3 w 256"/>
                <a:gd name="T33" fmla="*/ 8 h 288"/>
                <a:gd name="T34" fmla="*/ 3 w 256"/>
                <a:gd name="T35" fmla="*/ 9 h 288"/>
                <a:gd name="T36" fmla="*/ 3 w 256"/>
                <a:gd name="T37" fmla="*/ 8 h 288"/>
                <a:gd name="T38" fmla="*/ 4 w 256"/>
                <a:gd name="T39" fmla="*/ 8 h 288"/>
                <a:gd name="T40" fmla="*/ 4 w 256"/>
                <a:gd name="T41" fmla="*/ 8 h 288"/>
                <a:gd name="T42" fmla="*/ 4 w 256"/>
                <a:gd name="T43" fmla="*/ 7 h 288"/>
                <a:gd name="T44" fmla="*/ 4 w 256"/>
                <a:gd name="T45" fmla="*/ 6 h 288"/>
                <a:gd name="T46" fmla="*/ 5 w 256"/>
                <a:gd name="T47" fmla="*/ 6 h 288"/>
                <a:gd name="T48" fmla="*/ 5 w 256"/>
                <a:gd name="T49" fmla="*/ 6 h 288"/>
                <a:gd name="T50" fmla="*/ 5 w 256"/>
                <a:gd name="T51" fmla="*/ 6 h 288"/>
                <a:gd name="T52" fmla="*/ 6 w 256"/>
                <a:gd name="T53" fmla="*/ 6 h 288"/>
                <a:gd name="T54" fmla="*/ 6 w 256"/>
                <a:gd name="T55" fmla="*/ 6 h 288"/>
                <a:gd name="T56" fmla="*/ 7 w 256"/>
                <a:gd name="T57" fmla="*/ 6 h 288"/>
                <a:gd name="T58" fmla="*/ 7 w 256"/>
                <a:gd name="T59" fmla="*/ 4 h 288"/>
                <a:gd name="T60" fmla="*/ 7 w 256"/>
                <a:gd name="T61" fmla="*/ 3 h 288"/>
                <a:gd name="T62" fmla="*/ 7 w 256"/>
                <a:gd name="T63" fmla="*/ 3 h 288"/>
                <a:gd name="T64" fmla="*/ 7 w 256"/>
                <a:gd name="T65" fmla="*/ 2 h 288"/>
                <a:gd name="T66" fmla="*/ 7 w 256"/>
                <a:gd name="T67" fmla="*/ 2 h 288"/>
                <a:gd name="T68" fmla="*/ 7 w 256"/>
                <a:gd name="T69" fmla="*/ 1 h 288"/>
                <a:gd name="T70" fmla="*/ 6 w 256"/>
                <a:gd name="T71" fmla="*/ 1 h 288"/>
                <a:gd name="T72" fmla="*/ 6 w 256"/>
                <a:gd name="T73" fmla="*/ 2 h 288"/>
                <a:gd name="T74" fmla="*/ 6 w 256"/>
                <a:gd name="T75" fmla="*/ 2 h 288"/>
                <a:gd name="T76" fmla="*/ 6 w 256"/>
                <a:gd name="T77" fmla="*/ 1 h 288"/>
                <a:gd name="T78" fmla="*/ 6 w 256"/>
                <a:gd name="T79" fmla="*/ 0 h 288"/>
                <a:gd name="T80" fmla="*/ 4 w 256"/>
                <a:gd name="T81" fmla="*/ 0 h 288"/>
                <a:gd name="T82" fmla="*/ 3 w 256"/>
                <a:gd name="T83" fmla="*/ 0 h 288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w 256"/>
                <a:gd name="T127" fmla="*/ 0 h 288"/>
                <a:gd name="T128" fmla="*/ 256 w 256"/>
                <a:gd name="T129" fmla="*/ 288 h 288"/>
              </a:gdLst>
              <a:ahLst/>
              <a:cxnLst>
                <a:cxn ang="T84">
                  <a:pos x="T0" y="T1"/>
                </a:cxn>
                <a:cxn ang="T85">
                  <a:pos x="T2" y="T3"/>
                </a:cxn>
                <a:cxn ang="T86">
                  <a:pos x="T4" y="T5"/>
                </a:cxn>
                <a:cxn ang="T87">
                  <a:pos x="T6" y="T7"/>
                </a:cxn>
                <a:cxn ang="T88">
                  <a:pos x="T8" y="T9"/>
                </a:cxn>
                <a:cxn ang="T89">
                  <a:pos x="T10" y="T11"/>
                </a:cxn>
                <a:cxn ang="T90">
                  <a:pos x="T12" y="T13"/>
                </a:cxn>
                <a:cxn ang="T91">
                  <a:pos x="T14" y="T15"/>
                </a:cxn>
                <a:cxn ang="T92">
                  <a:pos x="T16" y="T17"/>
                </a:cxn>
                <a:cxn ang="T93">
                  <a:pos x="T18" y="T19"/>
                </a:cxn>
                <a:cxn ang="T94">
                  <a:pos x="T20" y="T21"/>
                </a:cxn>
                <a:cxn ang="T95">
                  <a:pos x="T22" y="T23"/>
                </a:cxn>
                <a:cxn ang="T96">
                  <a:pos x="T24" y="T25"/>
                </a:cxn>
                <a:cxn ang="T97">
                  <a:pos x="T26" y="T27"/>
                </a:cxn>
                <a:cxn ang="T98">
                  <a:pos x="T28" y="T29"/>
                </a:cxn>
                <a:cxn ang="T99">
                  <a:pos x="T30" y="T31"/>
                </a:cxn>
                <a:cxn ang="T100">
                  <a:pos x="T32" y="T33"/>
                </a:cxn>
                <a:cxn ang="T101">
                  <a:pos x="T34" y="T35"/>
                </a:cxn>
                <a:cxn ang="T102">
                  <a:pos x="T36" y="T37"/>
                </a:cxn>
                <a:cxn ang="T103">
                  <a:pos x="T38" y="T39"/>
                </a:cxn>
                <a:cxn ang="T104">
                  <a:pos x="T40" y="T41"/>
                </a:cxn>
                <a:cxn ang="T105">
                  <a:pos x="T42" y="T43"/>
                </a:cxn>
                <a:cxn ang="T106">
                  <a:pos x="T44" y="T45"/>
                </a:cxn>
                <a:cxn ang="T107">
                  <a:pos x="T46" y="T47"/>
                </a:cxn>
                <a:cxn ang="T108">
                  <a:pos x="T48" y="T49"/>
                </a:cxn>
                <a:cxn ang="T109">
                  <a:pos x="T50" y="T51"/>
                </a:cxn>
                <a:cxn ang="T110">
                  <a:pos x="T52" y="T53"/>
                </a:cxn>
                <a:cxn ang="T111">
                  <a:pos x="T54" y="T55"/>
                </a:cxn>
                <a:cxn ang="T112">
                  <a:pos x="T56" y="T57"/>
                </a:cxn>
                <a:cxn ang="T113">
                  <a:pos x="T58" y="T59"/>
                </a:cxn>
                <a:cxn ang="T114">
                  <a:pos x="T60" y="T61"/>
                </a:cxn>
                <a:cxn ang="T115">
                  <a:pos x="T62" y="T63"/>
                </a:cxn>
                <a:cxn ang="T116">
                  <a:pos x="T64" y="T65"/>
                </a:cxn>
                <a:cxn ang="T117">
                  <a:pos x="T66" y="T67"/>
                </a:cxn>
                <a:cxn ang="T118">
                  <a:pos x="T68" y="T69"/>
                </a:cxn>
                <a:cxn ang="T119">
                  <a:pos x="T70" y="T71"/>
                </a:cxn>
                <a:cxn ang="T120">
                  <a:pos x="T72" y="T73"/>
                </a:cxn>
                <a:cxn ang="T121">
                  <a:pos x="T74" y="T75"/>
                </a:cxn>
                <a:cxn ang="T122">
                  <a:pos x="T76" y="T77"/>
                </a:cxn>
                <a:cxn ang="T123">
                  <a:pos x="T78" y="T79"/>
                </a:cxn>
                <a:cxn ang="T124">
                  <a:pos x="T80" y="T81"/>
                </a:cxn>
                <a:cxn ang="T125">
                  <a:pos x="T82" y="T83"/>
                </a:cxn>
              </a:cxnLst>
              <a:rect l="T126" t="T127" r="T128" b="T129"/>
              <a:pathLst>
                <a:path w="256" h="288">
                  <a:moveTo>
                    <a:pt x="115" y="5"/>
                  </a:moveTo>
                  <a:lnTo>
                    <a:pt x="110" y="16"/>
                  </a:lnTo>
                  <a:lnTo>
                    <a:pt x="115" y="56"/>
                  </a:lnTo>
                  <a:lnTo>
                    <a:pt x="56" y="56"/>
                  </a:lnTo>
                  <a:lnTo>
                    <a:pt x="36" y="61"/>
                  </a:lnTo>
                  <a:lnTo>
                    <a:pt x="36" y="75"/>
                  </a:lnTo>
                  <a:lnTo>
                    <a:pt x="25" y="83"/>
                  </a:lnTo>
                  <a:lnTo>
                    <a:pt x="48" y="100"/>
                  </a:lnTo>
                  <a:lnTo>
                    <a:pt x="37" y="101"/>
                  </a:lnTo>
                  <a:lnTo>
                    <a:pt x="23" y="95"/>
                  </a:lnTo>
                  <a:lnTo>
                    <a:pt x="20" y="126"/>
                  </a:lnTo>
                  <a:lnTo>
                    <a:pt x="8" y="139"/>
                  </a:lnTo>
                  <a:lnTo>
                    <a:pt x="0" y="142"/>
                  </a:lnTo>
                  <a:lnTo>
                    <a:pt x="5" y="149"/>
                  </a:lnTo>
                  <a:lnTo>
                    <a:pt x="22" y="194"/>
                  </a:lnTo>
                  <a:lnTo>
                    <a:pt x="51" y="230"/>
                  </a:lnTo>
                  <a:lnTo>
                    <a:pt x="101" y="276"/>
                  </a:lnTo>
                  <a:lnTo>
                    <a:pt x="107" y="288"/>
                  </a:lnTo>
                  <a:lnTo>
                    <a:pt x="113" y="270"/>
                  </a:lnTo>
                  <a:lnTo>
                    <a:pt x="132" y="267"/>
                  </a:lnTo>
                  <a:lnTo>
                    <a:pt x="135" y="262"/>
                  </a:lnTo>
                  <a:lnTo>
                    <a:pt x="129" y="240"/>
                  </a:lnTo>
                  <a:lnTo>
                    <a:pt x="133" y="223"/>
                  </a:lnTo>
                  <a:lnTo>
                    <a:pt x="163" y="208"/>
                  </a:lnTo>
                  <a:lnTo>
                    <a:pt x="178" y="193"/>
                  </a:lnTo>
                  <a:lnTo>
                    <a:pt x="193" y="205"/>
                  </a:lnTo>
                  <a:lnTo>
                    <a:pt x="214" y="203"/>
                  </a:lnTo>
                  <a:lnTo>
                    <a:pt x="229" y="217"/>
                  </a:lnTo>
                  <a:lnTo>
                    <a:pt x="242" y="211"/>
                  </a:lnTo>
                  <a:lnTo>
                    <a:pt x="252" y="142"/>
                  </a:lnTo>
                  <a:lnTo>
                    <a:pt x="240" y="106"/>
                  </a:lnTo>
                  <a:lnTo>
                    <a:pt x="240" y="93"/>
                  </a:lnTo>
                  <a:lnTo>
                    <a:pt x="256" y="69"/>
                  </a:lnTo>
                  <a:lnTo>
                    <a:pt x="254" y="50"/>
                  </a:lnTo>
                  <a:lnTo>
                    <a:pt x="245" y="41"/>
                  </a:lnTo>
                  <a:lnTo>
                    <a:pt x="222" y="33"/>
                  </a:lnTo>
                  <a:lnTo>
                    <a:pt x="208" y="55"/>
                  </a:lnTo>
                  <a:lnTo>
                    <a:pt x="201" y="50"/>
                  </a:lnTo>
                  <a:lnTo>
                    <a:pt x="201" y="19"/>
                  </a:lnTo>
                  <a:lnTo>
                    <a:pt x="206" y="7"/>
                  </a:lnTo>
                  <a:lnTo>
                    <a:pt x="155" y="0"/>
                  </a:lnTo>
                  <a:lnTo>
                    <a:pt x="115" y="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24" name="Freeform 163"/>
            <p:cNvSpPr>
              <a:spLocks noChangeAspect="1"/>
            </p:cNvSpPr>
            <p:nvPr/>
          </p:nvSpPr>
          <p:spPr bwMode="gray">
            <a:xfrm>
              <a:off x="5267325" y="4090988"/>
              <a:ext cx="171450" cy="196850"/>
            </a:xfrm>
            <a:custGeom>
              <a:avLst/>
              <a:gdLst>
                <a:gd name="T0" fmla="*/ 11 w 348"/>
                <a:gd name="T1" fmla="*/ 0 h 402"/>
                <a:gd name="T2" fmla="*/ 9 w 348"/>
                <a:gd name="T3" fmla="*/ 0 h 402"/>
                <a:gd name="T4" fmla="*/ 9 w 348"/>
                <a:gd name="T5" fmla="*/ 0 h 402"/>
                <a:gd name="T6" fmla="*/ 8 w 348"/>
                <a:gd name="T7" fmla="*/ 0 h 402"/>
                <a:gd name="T8" fmla="*/ 7 w 348"/>
                <a:gd name="T9" fmla="*/ 1 h 402"/>
                <a:gd name="T10" fmla="*/ 7 w 348"/>
                <a:gd name="T11" fmla="*/ 1 h 402"/>
                <a:gd name="T12" fmla="*/ 7 w 348"/>
                <a:gd name="T13" fmla="*/ 2 h 402"/>
                <a:gd name="T14" fmla="*/ 7 w 348"/>
                <a:gd name="T15" fmla="*/ 3 h 402"/>
                <a:gd name="T16" fmla="*/ 6 w 348"/>
                <a:gd name="T17" fmla="*/ 2 h 402"/>
                <a:gd name="T18" fmla="*/ 5 w 348"/>
                <a:gd name="T19" fmla="*/ 2 h 402"/>
                <a:gd name="T20" fmla="*/ 3 w 348"/>
                <a:gd name="T21" fmla="*/ 2 h 402"/>
                <a:gd name="T22" fmla="*/ 3 w 348"/>
                <a:gd name="T23" fmla="*/ 2 h 402"/>
                <a:gd name="T24" fmla="*/ 3 w 348"/>
                <a:gd name="T25" fmla="*/ 3 h 402"/>
                <a:gd name="T26" fmla="*/ 3 w 348"/>
                <a:gd name="T27" fmla="*/ 3 h 402"/>
                <a:gd name="T28" fmla="*/ 3 w 348"/>
                <a:gd name="T29" fmla="*/ 3 h 402"/>
                <a:gd name="T30" fmla="*/ 4 w 348"/>
                <a:gd name="T31" fmla="*/ 3 h 402"/>
                <a:gd name="T32" fmla="*/ 4 w 348"/>
                <a:gd name="T33" fmla="*/ 3 h 402"/>
                <a:gd name="T34" fmla="*/ 4 w 348"/>
                <a:gd name="T35" fmla="*/ 4 h 402"/>
                <a:gd name="T36" fmla="*/ 4 w 348"/>
                <a:gd name="T37" fmla="*/ 5 h 402"/>
                <a:gd name="T38" fmla="*/ 4 w 348"/>
                <a:gd name="T39" fmla="*/ 5 h 402"/>
                <a:gd name="T40" fmla="*/ 4 w 348"/>
                <a:gd name="T41" fmla="*/ 6 h 402"/>
                <a:gd name="T42" fmla="*/ 4 w 348"/>
                <a:gd name="T43" fmla="*/ 8 h 402"/>
                <a:gd name="T44" fmla="*/ 4 w 348"/>
                <a:gd name="T45" fmla="*/ 8 h 402"/>
                <a:gd name="T46" fmla="*/ 3 w 348"/>
                <a:gd name="T47" fmla="*/ 8 h 402"/>
                <a:gd name="T48" fmla="*/ 2 w 348"/>
                <a:gd name="T49" fmla="*/ 8 h 402"/>
                <a:gd name="T50" fmla="*/ 2 w 348"/>
                <a:gd name="T51" fmla="*/ 7 h 402"/>
                <a:gd name="T52" fmla="*/ 2 w 348"/>
                <a:gd name="T53" fmla="*/ 8 h 402"/>
                <a:gd name="T54" fmla="*/ 1 w 348"/>
                <a:gd name="T55" fmla="*/ 8 h 402"/>
                <a:gd name="T56" fmla="*/ 1 w 348"/>
                <a:gd name="T57" fmla="*/ 9 h 402"/>
                <a:gd name="T58" fmla="*/ 1 w 348"/>
                <a:gd name="T59" fmla="*/ 10 h 402"/>
                <a:gd name="T60" fmla="*/ 1 w 348"/>
                <a:gd name="T61" fmla="*/ 10 h 402"/>
                <a:gd name="T62" fmla="*/ 0 w 348"/>
                <a:gd name="T63" fmla="*/ 10 h 402"/>
                <a:gd name="T64" fmla="*/ 0 w 348"/>
                <a:gd name="T65" fmla="*/ 10 h 402"/>
                <a:gd name="T66" fmla="*/ 0 w 348"/>
                <a:gd name="T67" fmla="*/ 10 h 402"/>
                <a:gd name="T68" fmla="*/ 1 w 348"/>
                <a:gd name="T69" fmla="*/ 11 h 402"/>
                <a:gd name="T70" fmla="*/ 1 w 348"/>
                <a:gd name="T71" fmla="*/ 12 h 402"/>
                <a:gd name="T72" fmla="*/ 2 w 348"/>
                <a:gd name="T73" fmla="*/ 11 h 402"/>
                <a:gd name="T74" fmla="*/ 2 w 348"/>
                <a:gd name="T75" fmla="*/ 11 h 402"/>
                <a:gd name="T76" fmla="*/ 2 w 348"/>
                <a:gd name="T77" fmla="*/ 11 h 402"/>
                <a:gd name="T78" fmla="*/ 2 w 348"/>
                <a:gd name="T79" fmla="*/ 11 h 402"/>
                <a:gd name="T80" fmla="*/ 2 w 348"/>
                <a:gd name="T81" fmla="*/ 11 h 402"/>
                <a:gd name="T82" fmla="*/ 3 w 348"/>
                <a:gd name="T83" fmla="*/ 11 h 402"/>
                <a:gd name="T84" fmla="*/ 3 w 348"/>
                <a:gd name="T85" fmla="*/ 11 h 402"/>
                <a:gd name="T86" fmla="*/ 4 w 348"/>
                <a:gd name="T87" fmla="*/ 11 h 402"/>
                <a:gd name="T88" fmla="*/ 4 w 348"/>
                <a:gd name="T89" fmla="*/ 11 h 402"/>
                <a:gd name="T90" fmla="*/ 4 w 348"/>
                <a:gd name="T91" fmla="*/ 11 h 402"/>
                <a:gd name="T92" fmla="*/ 5 w 348"/>
                <a:gd name="T93" fmla="*/ 11 h 402"/>
                <a:gd name="T94" fmla="*/ 5 w 348"/>
                <a:gd name="T95" fmla="*/ 11 h 402"/>
                <a:gd name="T96" fmla="*/ 7 w 348"/>
                <a:gd name="T97" fmla="*/ 10 h 402"/>
                <a:gd name="T98" fmla="*/ 7 w 348"/>
                <a:gd name="T99" fmla="*/ 9 h 402"/>
                <a:gd name="T100" fmla="*/ 7 w 348"/>
                <a:gd name="T101" fmla="*/ 8 h 402"/>
                <a:gd name="T102" fmla="*/ 7 w 348"/>
                <a:gd name="T103" fmla="*/ 8 h 402"/>
                <a:gd name="T104" fmla="*/ 8 w 348"/>
                <a:gd name="T105" fmla="*/ 7 h 402"/>
                <a:gd name="T106" fmla="*/ 9 w 348"/>
                <a:gd name="T107" fmla="*/ 6 h 402"/>
                <a:gd name="T108" fmla="*/ 10 w 348"/>
                <a:gd name="T109" fmla="*/ 2 h 402"/>
                <a:gd name="T110" fmla="*/ 10 w 348"/>
                <a:gd name="T111" fmla="*/ 1 h 402"/>
                <a:gd name="T112" fmla="*/ 11 w 348"/>
                <a:gd name="T113" fmla="*/ 0 h 402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348"/>
                <a:gd name="T172" fmla="*/ 0 h 402"/>
                <a:gd name="T173" fmla="*/ 348 w 348"/>
                <a:gd name="T174" fmla="*/ 402 h 402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348" h="402">
                  <a:moveTo>
                    <a:pt x="348" y="0"/>
                  </a:moveTo>
                  <a:lnTo>
                    <a:pt x="316" y="13"/>
                  </a:lnTo>
                  <a:lnTo>
                    <a:pt x="288" y="0"/>
                  </a:lnTo>
                  <a:lnTo>
                    <a:pt x="272" y="3"/>
                  </a:lnTo>
                  <a:lnTo>
                    <a:pt x="252" y="15"/>
                  </a:lnTo>
                  <a:lnTo>
                    <a:pt x="230" y="38"/>
                  </a:lnTo>
                  <a:lnTo>
                    <a:pt x="230" y="85"/>
                  </a:lnTo>
                  <a:lnTo>
                    <a:pt x="224" y="96"/>
                  </a:lnTo>
                  <a:lnTo>
                    <a:pt x="204" y="80"/>
                  </a:lnTo>
                  <a:lnTo>
                    <a:pt x="164" y="71"/>
                  </a:lnTo>
                  <a:lnTo>
                    <a:pt x="99" y="71"/>
                  </a:lnTo>
                  <a:lnTo>
                    <a:pt x="94" y="83"/>
                  </a:lnTo>
                  <a:lnTo>
                    <a:pt x="94" y="114"/>
                  </a:lnTo>
                  <a:lnTo>
                    <a:pt x="101" y="119"/>
                  </a:lnTo>
                  <a:lnTo>
                    <a:pt x="115" y="97"/>
                  </a:lnTo>
                  <a:lnTo>
                    <a:pt x="138" y="105"/>
                  </a:lnTo>
                  <a:lnTo>
                    <a:pt x="147" y="114"/>
                  </a:lnTo>
                  <a:lnTo>
                    <a:pt x="149" y="133"/>
                  </a:lnTo>
                  <a:lnTo>
                    <a:pt x="133" y="157"/>
                  </a:lnTo>
                  <a:lnTo>
                    <a:pt x="133" y="170"/>
                  </a:lnTo>
                  <a:lnTo>
                    <a:pt x="145" y="206"/>
                  </a:lnTo>
                  <a:lnTo>
                    <a:pt x="135" y="275"/>
                  </a:lnTo>
                  <a:lnTo>
                    <a:pt x="122" y="281"/>
                  </a:lnTo>
                  <a:lnTo>
                    <a:pt x="107" y="267"/>
                  </a:lnTo>
                  <a:lnTo>
                    <a:pt x="86" y="269"/>
                  </a:lnTo>
                  <a:lnTo>
                    <a:pt x="71" y="257"/>
                  </a:lnTo>
                  <a:lnTo>
                    <a:pt x="56" y="272"/>
                  </a:lnTo>
                  <a:lnTo>
                    <a:pt x="26" y="287"/>
                  </a:lnTo>
                  <a:lnTo>
                    <a:pt x="22" y="304"/>
                  </a:lnTo>
                  <a:lnTo>
                    <a:pt x="28" y="326"/>
                  </a:lnTo>
                  <a:lnTo>
                    <a:pt x="25" y="331"/>
                  </a:lnTo>
                  <a:lnTo>
                    <a:pt x="6" y="334"/>
                  </a:lnTo>
                  <a:lnTo>
                    <a:pt x="0" y="352"/>
                  </a:lnTo>
                  <a:lnTo>
                    <a:pt x="9" y="357"/>
                  </a:lnTo>
                  <a:lnTo>
                    <a:pt x="28" y="377"/>
                  </a:lnTo>
                  <a:lnTo>
                    <a:pt x="40" y="402"/>
                  </a:lnTo>
                  <a:lnTo>
                    <a:pt x="60" y="389"/>
                  </a:lnTo>
                  <a:lnTo>
                    <a:pt x="68" y="377"/>
                  </a:lnTo>
                  <a:lnTo>
                    <a:pt x="76" y="372"/>
                  </a:lnTo>
                  <a:lnTo>
                    <a:pt x="82" y="376"/>
                  </a:lnTo>
                  <a:lnTo>
                    <a:pt x="88" y="385"/>
                  </a:lnTo>
                  <a:lnTo>
                    <a:pt x="101" y="393"/>
                  </a:lnTo>
                  <a:lnTo>
                    <a:pt x="111" y="391"/>
                  </a:lnTo>
                  <a:lnTo>
                    <a:pt x="124" y="376"/>
                  </a:lnTo>
                  <a:lnTo>
                    <a:pt x="147" y="371"/>
                  </a:lnTo>
                  <a:lnTo>
                    <a:pt x="149" y="389"/>
                  </a:lnTo>
                  <a:lnTo>
                    <a:pt x="159" y="391"/>
                  </a:lnTo>
                  <a:lnTo>
                    <a:pt x="176" y="385"/>
                  </a:lnTo>
                  <a:lnTo>
                    <a:pt x="220" y="350"/>
                  </a:lnTo>
                  <a:lnTo>
                    <a:pt x="233" y="318"/>
                  </a:lnTo>
                  <a:lnTo>
                    <a:pt x="237" y="284"/>
                  </a:lnTo>
                  <a:lnTo>
                    <a:pt x="241" y="266"/>
                  </a:lnTo>
                  <a:lnTo>
                    <a:pt x="262" y="235"/>
                  </a:lnTo>
                  <a:lnTo>
                    <a:pt x="306" y="201"/>
                  </a:lnTo>
                  <a:lnTo>
                    <a:pt x="320" y="80"/>
                  </a:lnTo>
                  <a:lnTo>
                    <a:pt x="345" y="30"/>
                  </a:lnTo>
                  <a:lnTo>
                    <a:pt x="348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25" name="Freeform 164"/>
            <p:cNvSpPr>
              <a:spLocks noChangeAspect="1"/>
            </p:cNvSpPr>
            <p:nvPr/>
          </p:nvSpPr>
          <p:spPr bwMode="gray">
            <a:xfrm>
              <a:off x="5227638" y="4122738"/>
              <a:ext cx="46038" cy="30163"/>
            </a:xfrm>
            <a:custGeom>
              <a:avLst/>
              <a:gdLst>
                <a:gd name="T0" fmla="*/ 3 w 90"/>
                <a:gd name="T1" fmla="*/ 0 h 56"/>
                <a:gd name="T2" fmla="*/ 1 w 90"/>
                <a:gd name="T3" fmla="*/ 0 h 56"/>
                <a:gd name="T4" fmla="*/ 0 w 90"/>
                <a:gd name="T5" fmla="*/ 1 h 56"/>
                <a:gd name="T6" fmla="*/ 0 w 90"/>
                <a:gd name="T7" fmla="*/ 2 h 56"/>
                <a:gd name="T8" fmla="*/ 0 w 90"/>
                <a:gd name="T9" fmla="*/ 2 h 56"/>
                <a:gd name="T10" fmla="*/ 0 w 90"/>
                <a:gd name="T11" fmla="*/ 2 h 56"/>
                <a:gd name="T12" fmla="*/ 1 w 90"/>
                <a:gd name="T13" fmla="*/ 2 h 56"/>
                <a:gd name="T14" fmla="*/ 3 w 90"/>
                <a:gd name="T15" fmla="*/ 2 h 56"/>
                <a:gd name="T16" fmla="*/ 3 w 90"/>
                <a:gd name="T17" fmla="*/ 0 h 56"/>
                <a:gd name="T18" fmla="*/ 3 w 90"/>
                <a:gd name="T19" fmla="*/ 0 h 5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90"/>
                <a:gd name="T31" fmla="*/ 0 h 56"/>
                <a:gd name="T32" fmla="*/ 90 w 90"/>
                <a:gd name="T33" fmla="*/ 56 h 5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90" h="56">
                  <a:moveTo>
                    <a:pt x="90" y="0"/>
                  </a:moveTo>
                  <a:lnTo>
                    <a:pt x="17" y="2"/>
                  </a:lnTo>
                  <a:lnTo>
                    <a:pt x="11" y="31"/>
                  </a:lnTo>
                  <a:lnTo>
                    <a:pt x="0" y="45"/>
                  </a:lnTo>
                  <a:lnTo>
                    <a:pt x="12" y="53"/>
                  </a:lnTo>
                  <a:lnTo>
                    <a:pt x="11" y="56"/>
                  </a:lnTo>
                  <a:lnTo>
                    <a:pt x="31" y="51"/>
                  </a:lnTo>
                  <a:lnTo>
                    <a:pt x="90" y="51"/>
                  </a:lnTo>
                  <a:lnTo>
                    <a:pt x="85" y="11"/>
                  </a:lnTo>
                  <a:lnTo>
                    <a:pt x="90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26" name="Freeform 165"/>
            <p:cNvSpPr>
              <a:spLocks noChangeAspect="1"/>
            </p:cNvSpPr>
            <p:nvPr/>
          </p:nvSpPr>
          <p:spPr bwMode="gray">
            <a:xfrm>
              <a:off x="5208588" y="4087813"/>
              <a:ext cx="11113" cy="12700"/>
            </a:xfrm>
            <a:custGeom>
              <a:avLst/>
              <a:gdLst>
                <a:gd name="T0" fmla="*/ 1 w 21"/>
                <a:gd name="T1" fmla="*/ 0 h 23"/>
                <a:gd name="T2" fmla="*/ 1 w 21"/>
                <a:gd name="T3" fmla="*/ 1 h 23"/>
                <a:gd name="T4" fmla="*/ 0 w 21"/>
                <a:gd name="T5" fmla="*/ 1 h 23"/>
                <a:gd name="T6" fmla="*/ 0 w 21"/>
                <a:gd name="T7" fmla="*/ 0 h 23"/>
                <a:gd name="T8" fmla="*/ 1 w 21"/>
                <a:gd name="T9" fmla="*/ 0 h 23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21"/>
                <a:gd name="T16" fmla="*/ 0 h 23"/>
                <a:gd name="T17" fmla="*/ 21 w 21"/>
                <a:gd name="T18" fmla="*/ 23 h 23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21" h="23">
                  <a:moveTo>
                    <a:pt x="21" y="6"/>
                  </a:moveTo>
                  <a:lnTo>
                    <a:pt x="14" y="23"/>
                  </a:lnTo>
                  <a:lnTo>
                    <a:pt x="0" y="23"/>
                  </a:lnTo>
                  <a:lnTo>
                    <a:pt x="7" y="0"/>
                  </a:lnTo>
                  <a:lnTo>
                    <a:pt x="21" y="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27" name="Freeform 166"/>
            <p:cNvSpPr>
              <a:spLocks noChangeAspect="1"/>
            </p:cNvSpPr>
            <p:nvPr/>
          </p:nvSpPr>
          <p:spPr bwMode="gray">
            <a:xfrm>
              <a:off x="5181600" y="4133851"/>
              <a:ext cx="3175" cy="6350"/>
            </a:xfrm>
            <a:custGeom>
              <a:avLst/>
              <a:gdLst>
                <a:gd name="T0" fmla="*/ 1 w 4"/>
                <a:gd name="T1" fmla="*/ 0 h 11"/>
                <a:gd name="T2" fmla="*/ 1 w 4"/>
                <a:gd name="T3" fmla="*/ 0 h 11"/>
                <a:gd name="T4" fmla="*/ 0 w 4"/>
                <a:gd name="T5" fmla="*/ 0 h 11"/>
                <a:gd name="T6" fmla="*/ 1 w 4"/>
                <a:gd name="T7" fmla="*/ 0 h 11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4"/>
                <a:gd name="T13" fmla="*/ 0 h 11"/>
                <a:gd name="T14" fmla="*/ 4 w 4"/>
                <a:gd name="T15" fmla="*/ 11 h 11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4" h="11">
                  <a:moveTo>
                    <a:pt x="3" y="0"/>
                  </a:moveTo>
                  <a:lnTo>
                    <a:pt x="4" y="5"/>
                  </a:lnTo>
                  <a:lnTo>
                    <a:pt x="0" y="11"/>
                  </a:lnTo>
                  <a:lnTo>
                    <a:pt x="3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28" name="Freeform 167"/>
            <p:cNvSpPr>
              <a:spLocks noChangeAspect="1"/>
            </p:cNvSpPr>
            <p:nvPr/>
          </p:nvSpPr>
          <p:spPr bwMode="gray">
            <a:xfrm>
              <a:off x="5959475" y="3886201"/>
              <a:ext cx="33338" cy="42863"/>
            </a:xfrm>
            <a:custGeom>
              <a:avLst/>
              <a:gdLst>
                <a:gd name="T0" fmla="*/ 2 w 69"/>
                <a:gd name="T1" fmla="*/ 0 h 88"/>
                <a:gd name="T2" fmla="*/ 1 w 69"/>
                <a:gd name="T3" fmla="*/ 1 h 88"/>
                <a:gd name="T4" fmla="*/ 1 w 69"/>
                <a:gd name="T5" fmla="*/ 1 h 88"/>
                <a:gd name="T6" fmla="*/ 0 w 69"/>
                <a:gd name="T7" fmla="*/ 2 h 88"/>
                <a:gd name="T8" fmla="*/ 0 w 69"/>
                <a:gd name="T9" fmla="*/ 2 h 88"/>
                <a:gd name="T10" fmla="*/ 0 w 69"/>
                <a:gd name="T11" fmla="*/ 2 h 88"/>
                <a:gd name="T12" fmla="*/ 1 w 69"/>
                <a:gd name="T13" fmla="*/ 2 h 88"/>
                <a:gd name="T14" fmla="*/ 1 w 69"/>
                <a:gd name="T15" fmla="*/ 2 h 88"/>
                <a:gd name="T16" fmla="*/ 2 w 69"/>
                <a:gd name="T17" fmla="*/ 2 h 88"/>
                <a:gd name="T18" fmla="*/ 2 w 69"/>
                <a:gd name="T19" fmla="*/ 2 h 88"/>
                <a:gd name="T20" fmla="*/ 2 w 69"/>
                <a:gd name="T21" fmla="*/ 2 h 88"/>
                <a:gd name="T22" fmla="*/ 1 w 69"/>
                <a:gd name="T23" fmla="*/ 2 h 88"/>
                <a:gd name="T24" fmla="*/ 1 w 69"/>
                <a:gd name="T25" fmla="*/ 2 h 88"/>
                <a:gd name="T26" fmla="*/ 1 w 69"/>
                <a:gd name="T27" fmla="*/ 2 h 88"/>
                <a:gd name="T28" fmla="*/ 1 w 69"/>
                <a:gd name="T29" fmla="*/ 2 h 88"/>
                <a:gd name="T30" fmla="*/ 2 w 69"/>
                <a:gd name="T31" fmla="*/ 1 h 88"/>
                <a:gd name="T32" fmla="*/ 2 w 69"/>
                <a:gd name="T33" fmla="*/ 1 h 88"/>
                <a:gd name="T34" fmla="*/ 2 w 69"/>
                <a:gd name="T35" fmla="*/ 0 h 88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w 69"/>
                <a:gd name="T55" fmla="*/ 0 h 88"/>
                <a:gd name="T56" fmla="*/ 69 w 69"/>
                <a:gd name="T57" fmla="*/ 88 h 88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T54" t="T55" r="T56" b="T57"/>
              <a:pathLst>
                <a:path w="69" h="88">
                  <a:moveTo>
                    <a:pt x="55" y="0"/>
                  </a:moveTo>
                  <a:lnTo>
                    <a:pt x="23" y="20"/>
                  </a:lnTo>
                  <a:lnTo>
                    <a:pt x="18" y="25"/>
                  </a:lnTo>
                  <a:lnTo>
                    <a:pt x="12" y="53"/>
                  </a:lnTo>
                  <a:lnTo>
                    <a:pt x="0" y="73"/>
                  </a:lnTo>
                  <a:lnTo>
                    <a:pt x="6" y="87"/>
                  </a:lnTo>
                  <a:lnTo>
                    <a:pt x="26" y="88"/>
                  </a:lnTo>
                  <a:lnTo>
                    <a:pt x="38" y="81"/>
                  </a:lnTo>
                  <a:lnTo>
                    <a:pt x="49" y="88"/>
                  </a:lnTo>
                  <a:lnTo>
                    <a:pt x="66" y="62"/>
                  </a:lnTo>
                  <a:lnTo>
                    <a:pt x="60" y="58"/>
                  </a:lnTo>
                  <a:lnTo>
                    <a:pt x="37" y="64"/>
                  </a:lnTo>
                  <a:lnTo>
                    <a:pt x="32" y="59"/>
                  </a:lnTo>
                  <a:lnTo>
                    <a:pt x="38" y="59"/>
                  </a:lnTo>
                  <a:lnTo>
                    <a:pt x="44" y="49"/>
                  </a:lnTo>
                  <a:lnTo>
                    <a:pt x="69" y="37"/>
                  </a:lnTo>
                  <a:lnTo>
                    <a:pt x="68" y="20"/>
                  </a:lnTo>
                  <a:lnTo>
                    <a:pt x="55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29" name="Freeform 168"/>
            <p:cNvSpPr>
              <a:spLocks noChangeAspect="1"/>
            </p:cNvSpPr>
            <p:nvPr/>
          </p:nvSpPr>
          <p:spPr bwMode="gray">
            <a:xfrm>
              <a:off x="5942013" y="3906838"/>
              <a:ext cx="228600" cy="303213"/>
            </a:xfrm>
            <a:custGeom>
              <a:avLst/>
              <a:gdLst>
                <a:gd name="T0" fmla="*/ 8 w 472"/>
                <a:gd name="T1" fmla="*/ 6 h 624"/>
                <a:gd name="T2" fmla="*/ 6 w 472"/>
                <a:gd name="T3" fmla="*/ 8 h 624"/>
                <a:gd name="T4" fmla="*/ 4 w 472"/>
                <a:gd name="T5" fmla="*/ 9 h 624"/>
                <a:gd name="T6" fmla="*/ 2 w 472"/>
                <a:gd name="T7" fmla="*/ 10 h 624"/>
                <a:gd name="T8" fmla="*/ 2 w 472"/>
                <a:gd name="T9" fmla="*/ 10 h 624"/>
                <a:gd name="T10" fmla="*/ 1 w 472"/>
                <a:gd name="T11" fmla="*/ 11 h 624"/>
                <a:gd name="T12" fmla="*/ 0 w 472"/>
                <a:gd name="T13" fmla="*/ 13 h 624"/>
                <a:gd name="T14" fmla="*/ 0 w 472"/>
                <a:gd name="T15" fmla="*/ 16 h 624"/>
                <a:gd name="T16" fmla="*/ 1 w 472"/>
                <a:gd name="T17" fmla="*/ 18 h 624"/>
                <a:gd name="T18" fmla="*/ 2 w 472"/>
                <a:gd name="T19" fmla="*/ 16 h 624"/>
                <a:gd name="T20" fmla="*/ 3 w 472"/>
                <a:gd name="T21" fmla="*/ 15 h 624"/>
                <a:gd name="T22" fmla="*/ 6 w 472"/>
                <a:gd name="T23" fmla="*/ 13 h 624"/>
                <a:gd name="T24" fmla="*/ 9 w 472"/>
                <a:gd name="T25" fmla="*/ 10 h 624"/>
                <a:gd name="T26" fmla="*/ 10 w 472"/>
                <a:gd name="T27" fmla="*/ 8 h 624"/>
                <a:gd name="T28" fmla="*/ 12 w 472"/>
                <a:gd name="T29" fmla="*/ 6 h 624"/>
                <a:gd name="T30" fmla="*/ 12 w 472"/>
                <a:gd name="T31" fmla="*/ 5 h 624"/>
                <a:gd name="T32" fmla="*/ 13 w 472"/>
                <a:gd name="T33" fmla="*/ 2 h 624"/>
                <a:gd name="T34" fmla="*/ 13 w 472"/>
                <a:gd name="T35" fmla="*/ 2 h 624"/>
                <a:gd name="T36" fmla="*/ 13 w 472"/>
                <a:gd name="T37" fmla="*/ 2 h 624"/>
                <a:gd name="T38" fmla="*/ 13 w 472"/>
                <a:gd name="T39" fmla="*/ 1 h 624"/>
                <a:gd name="T40" fmla="*/ 13 w 472"/>
                <a:gd name="T41" fmla="*/ 0 h 624"/>
                <a:gd name="T42" fmla="*/ 11 w 472"/>
                <a:gd name="T43" fmla="*/ 1 h 624"/>
                <a:gd name="T44" fmla="*/ 10 w 472"/>
                <a:gd name="T45" fmla="*/ 1 h 624"/>
                <a:gd name="T46" fmla="*/ 8 w 472"/>
                <a:gd name="T47" fmla="*/ 1 h 624"/>
                <a:gd name="T48" fmla="*/ 6 w 472"/>
                <a:gd name="T49" fmla="*/ 2 h 624"/>
                <a:gd name="T50" fmla="*/ 5 w 472"/>
                <a:gd name="T51" fmla="*/ 2 h 624"/>
                <a:gd name="T52" fmla="*/ 3 w 472"/>
                <a:gd name="T53" fmla="*/ 1 h 624"/>
                <a:gd name="T54" fmla="*/ 2 w 472"/>
                <a:gd name="T55" fmla="*/ 2 h 624"/>
                <a:gd name="T56" fmla="*/ 3 w 472"/>
                <a:gd name="T57" fmla="*/ 3 h 624"/>
                <a:gd name="T58" fmla="*/ 5 w 472"/>
                <a:gd name="T59" fmla="*/ 4 h 624"/>
                <a:gd name="T60" fmla="*/ 7 w 472"/>
                <a:gd name="T61" fmla="*/ 5 h 624"/>
                <a:gd name="T62" fmla="*/ 9 w 472"/>
                <a:gd name="T63" fmla="*/ 5 h 624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472"/>
                <a:gd name="T97" fmla="*/ 0 h 624"/>
                <a:gd name="T98" fmla="*/ 472 w 472"/>
                <a:gd name="T99" fmla="*/ 624 h 624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472" h="624">
                  <a:moveTo>
                    <a:pt x="316" y="192"/>
                  </a:moveTo>
                  <a:lnTo>
                    <a:pt x="283" y="223"/>
                  </a:lnTo>
                  <a:lnTo>
                    <a:pt x="251" y="256"/>
                  </a:lnTo>
                  <a:lnTo>
                    <a:pt x="219" y="288"/>
                  </a:lnTo>
                  <a:lnTo>
                    <a:pt x="186" y="320"/>
                  </a:lnTo>
                  <a:lnTo>
                    <a:pt x="132" y="320"/>
                  </a:lnTo>
                  <a:lnTo>
                    <a:pt x="107" y="333"/>
                  </a:lnTo>
                  <a:lnTo>
                    <a:pt x="85" y="349"/>
                  </a:lnTo>
                  <a:lnTo>
                    <a:pt x="58" y="357"/>
                  </a:lnTo>
                  <a:lnTo>
                    <a:pt x="55" y="359"/>
                  </a:lnTo>
                  <a:lnTo>
                    <a:pt x="41" y="370"/>
                  </a:lnTo>
                  <a:lnTo>
                    <a:pt x="22" y="399"/>
                  </a:lnTo>
                  <a:lnTo>
                    <a:pt x="0" y="420"/>
                  </a:lnTo>
                  <a:lnTo>
                    <a:pt x="0" y="463"/>
                  </a:lnTo>
                  <a:lnTo>
                    <a:pt x="0" y="505"/>
                  </a:lnTo>
                  <a:lnTo>
                    <a:pt x="0" y="547"/>
                  </a:lnTo>
                  <a:lnTo>
                    <a:pt x="0" y="590"/>
                  </a:lnTo>
                  <a:lnTo>
                    <a:pt x="25" y="624"/>
                  </a:lnTo>
                  <a:lnTo>
                    <a:pt x="68" y="574"/>
                  </a:lnTo>
                  <a:lnTo>
                    <a:pt x="73" y="556"/>
                  </a:lnTo>
                  <a:lnTo>
                    <a:pt x="87" y="556"/>
                  </a:lnTo>
                  <a:lnTo>
                    <a:pt x="118" y="522"/>
                  </a:lnTo>
                  <a:lnTo>
                    <a:pt x="181" y="466"/>
                  </a:lnTo>
                  <a:lnTo>
                    <a:pt x="222" y="447"/>
                  </a:lnTo>
                  <a:lnTo>
                    <a:pt x="249" y="415"/>
                  </a:lnTo>
                  <a:lnTo>
                    <a:pt x="305" y="364"/>
                  </a:lnTo>
                  <a:lnTo>
                    <a:pt x="333" y="319"/>
                  </a:lnTo>
                  <a:lnTo>
                    <a:pt x="363" y="290"/>
                  </a:lnTo>
                  <a:lnTo>
                    <a:pt x="376" y="249"/>
                  </a:lnTo>
                  <a:lnTo>
                    <a:pt x="404" y="200"/>
                  </a:lnTo>
                  <a:lnTo>
                    <a:pt x="407" y="184"/>
                  </a:lnTo>
                  <a:lnTo>
                    <a:pt x="418" y="173"/>
                  </a:lnTo>
                  <a:lnTo>
                    <a:pt x="446" y="132"/>
                  </a:lnTo>
                  <a:lnTo>
                    <a:pt x="454" y="78"/>
                  </a:lnTo>
                  <a:lnTo>
                    <a:pt x="472" y="76"/>
                  </a:lnTo>
                  <a:lnTo>
                    <a:pt x="466" y="70"/>
                  </a:lnTo>
                  <a:lnTo>
                    <a:pt x="460" y="71"/>
                  </a:lnTo>
                  <a:lnTo>
                    <a:pt x="464" y="65"/>
                  </a:lnTo>
                  <a:lnTo>
                    <a:pt x="466" y="41"/>
                  </a:lnTo>
                  <a:lnTo>
                    <a:pt x="461" y="29"/>
                  </a:lnTo>
                  <a:lnTo>
                    <a:pt x="469" y="7"/>
                  </a:lnTo>
                  <a:lnTo>
                    <a:pt x="444" y="0"/>
                  </a:lnTo>
                  <a:lnTo>
                    <a:pt x="417" y="17"/>
                  </a:lnTo>
                  <a:lnTo>
                    <a:pt x="376" y="25"/>
                  </a:lnTo>
                  <a:lnTo>
                    <a:pt x="363" y="31"/>
                  </a:lnTo>
                  <a:lnTo>
                    <a:pt x="346" y="29"/>
                  </a:lnTo>
                  <a:lnTo>
                    <a:pt x="330" y="37"/>
                  </a:lnTo>
                  <a:lnTo>
                    <a:pt x="288" y="39"/>
                  </a:lnTo>
                  <a:lnTo>
                    <a:pt x="254" y="58"/>
                  </a:lnTo>
                  <a:lnTo>
                    <a:pt x="217" y="50"/>
                  </a:lnTo>
                  <a:lnTo>
                    <a:pt x="181" y="71"/>
                  </a:lnTo>
                  <a:lnTo>
                    <a:pt x="158" y="71"/>
                  </a:lnTo>
                  <a:lnTo>
                    <a:pt x="141" y="63"/>
                  </a:lnTo>
                  <a:lnTo>
                    <a:pt x="104" y="20"/>
                  </a:lnTo>
                  <a:lnTo>
                    <a:pt x="87" y="46"/>
                  </a:lnTo>
                  <a:lnTo>
                    <a:pt x="84" y="56"/>
                  </a:lnTo>
                  <a:lnTo>
                    <a:pt x="87" y="74"/>
                  </a:lnTo>
                  <a:lnTo>
                    <a:pt x="118" y="112"/>
                  </a:lnTo>
                  <a:lnTo>
                    <a:pt x="140" y="130"/>
                  </a:lnTo>
                  <a:lnTo>
                    <a:pt x="175" y="144"/>
                  </a:lnTo>
                  <a:lnTo>
                    <a:pt x="211" y="156"/>
                  </a:lnTo>
                  <a:lnTo>
                    <a:pt x="245" y="167"/>
                  </a:lnTo>
                  <a:lnTo>
                    <a:pt x="280" y="180"/>
                  </a:lnTo>
                  <a:lnTo>
                    <a:pt x="324" y="180"/>
                  </a:lnTo>
                  <a:lnTo>
                    <a:pt x="316" y="19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30" name="Freeform 169"/>
            <p:cNvSpPr>
              <a:spLocks noChangeAspect="1"/>
            </p:cNvSpPr>
            <p:nvPr/>
          </p:nvSpPr>
          <p:spPr bwMode="gray">
            <a:xfrm>
              <a:off x="5762625" y="3840163"/>
              <a:ext cx="336550" cy="254000"/>
            </a:xfrm>
            <a:custGeom>
              <a:avLst/>
              <a:gdLst>
                <a:gd name="T0" fmla="*/ 19 w 693"/>
                <a:gd name="T1" fmla="*/ 10 h 527"/>
                <a:gd name="T2" fmla="*/ 17 w 693"/>
                <a:gd name="T3" fmla="*/ 12 h 527"/>
                <a:gd name="T4" fmla="*/ 14 w 693"/>
                <a:gd name="T5" fmla="*/ 13 h 527"/>
                <a:gd name="T6" fmla="*/ 13 w 693"/>
                <a:gd name="T7" fmla="*/ 14 h 527"/>
                <a:gd name="T8" fmla="*/ 12 w 693"/>
                <a:gd name="T9" fmla="*/ 14 h 527"/>
                <a:gd name="T10" fmla="*/ 11 w 693"/>
                <a:gd name="T11" fmla="*/ 14 h 527"/>
                <a:gd name="T12" fmla="*/ 9 w 693"/>
                <a:gd name="T13" fmla="*/ 14 h 527"/>
                <a:gd name="T14" fmla="*/ 9 w 693"/>
                <a:gd name="T15" fmla="*/ 15 h 527"/>
                <a:gd name="T16" fmla="*/ 6 w 693"/>
                <a:gd name="T17" fmla="*/ 14 h 527"/>
                <a:gd name="T18" fmla="*/ 4 w 693"/>
                <a:gd name="T19" fmla="*/ 13 h 527"/>
                <a:gd name="T20" fmla="*/ 3 w 693"/>
                <a:gd name="T21" fmla="*/ 12 h 527"/>
                <a:gd name="T22" fmla="*/ 2 w 693"/>
                <a:gd name="T23" fmla="*/ 10 h 527"/>
                <a:gd name="T24" fmla="*/ 0 w 693"/>
                <a:gd name="T25" fmla="*/ 9 h 527"/>
                <a:gd name="T26" fmla="*/ 0 w 693"/>
                <a:gd name="T27" fmla="*/ 9 h 527"/>
                <a:gd name="T28" fmla="*/ 2 w 693"/>
                <a:gd name="T29" fmla="*/ 8 h 527"/>
                <a:gd name="T30" fmla="*/ 2 w 693"/>
                <a:gd name="T31" fmla="*/ 6 h 527"/>
                <a:gd name="T32" fmla="*/ 2 w 693"/>
                <a:gd name="T33" fmla="*/ 5 h 527"/>
                <a:gd name="T34" fmla="*/ 4 w 693"/>
                <a:gd name="T35" fmla="*/ 3 h 527"/>
                <a:gd name="T36" fmla="*/ 5 w 693"/>
                <a:gd name="T37" fmla="*/ 1 h 527"/>
                <a:gd name="T38" fmla="*/ 5 w 693"/>
                <a:gd name="T39" fmla="*/ 1 h 527"/>
                <a:gd name="T40" fmla="*/ 6 w 693"/>
                <a:gd name="T41" fmla="*/ 1 h 527"/>
                <a:gd name="T42" fmla="*/ 6 w 693"/>
                <a:gd name="T43" fmla="*/ 0 h 527"/>
                <a:gd name="T44" fmla="*/ 7 w 693"/>
                <a:gd name="T45" fmla="*/ 1 h 527"/>
                <a:gd name="T46" fmla="*/ 8 w 693"/>
                <a:gd name="T47" fmla="*/ 0 h 527"/>
                <a:gd name="T48" fmla="*/ 9 w 693"/>
                <a:gd name="T49" fmla="*/ 1 h 527"/>
                <a:gd name="T50" fmla="*/ 9 w 693"/>
                <a:gd name="T51" fmla="*/ 1 h 527"/>
                <a:gd name="T52" fmla="*/ 11 w 693"/>
                <a:gd name="T53" fmla="*/ 2 h 527"/>
                <a:gd name="T54" fmla="*/ 12 w 693"/>
                <a:gd name="T55" fmla="*/ 3 h 527"/>
                <a:gd name="T56" fmla="*/ 12 w 693"/>
                <a:gd name="T57" fmla="*/ 3 h 527"/>
                <a:gd name="T58" fmla="*/ 12 w 693"/>
                <a:gd name="T59" fmla="*/ 5 h 527"/>
                <a:gd name="T60" fmla="*/ 12 w 693"/>
                <a:gd name="T61" fmla="*/ 5 h 527"/>
                <a:gd name="T62" fmla="*/ 13 w 693"/>
                <a:gd name="T63" fmla="*/ 5 h 527"/>
                <a:gd name="T64" fmla="*/ 13 w 693"/>
                <a:gd name="T65" fmla="*/ 6 h 527"/>
                <a:gd name="T66" fmla="*/ 15 w 693"/>
                <a:gd name="T67" fmla="*/ 8 h 527"/>
                <a:gd name="T68" fmla="*/ 17 w 693"/>
                <a:gd name="T69" fmla="*/ 8 h 527"/>
                <a:gd name="T70" fmla="*/ 19 w 693"/>
                <a:gd name="T71" fmla="*/ 9 h 527"/>
                <a:gd name="T72" fmla="*/ 20 w 693"/>
                <a:gd name="T73" fmla="*/ 9 h 527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w 693"/>
                <a:gd name="T112" fmla="*/ 0 h 527"/>
                <a:gd name="T113" fmla="*/ 693 w 693"/>
                <a:gd name="T114" fmla="*/ 527 h 527"/>
              </a:gdLst>
              <a:ahLst/>
              <a:cxnLst>
                <a:cxn ang="T74">
                  <a:pos x="T0" y="T1"/>
                </a:cxn>
                <a:cxn ang="T75">
                  <a:pos x="T2" y="T3"/>
                </a:cxn>
                <a:cxn ang="T76">
                  <a:pos x="T4" y="T5"/>
                </a:cxn>
                <a:cxn ang="T77">
                  <a:pos x="T6" y="T7"/>
                </a:cxn>
                <a:cxn ang="T78">
                  <a:pos x="T8" y="T9"/>
                </a:cxn>
                <a:cxn ang="T79">
                  <a:pos x="T10" y="T11"/>
                </a:cxn>
                <a:cxn ang="T80">
                  <a:pos x="T12" y="T13"/>
                </a:cxn>
                <a:cxn ang="T81">
                  <a:pos x="T14" y="T15"/>
                </a:cxn>
                <a:cxn ang="T82">
                  <a:pos x="T16" y="T17"/>
                </a:cxn>
                <a:cxn ang="T83">
                  <a:pos x="T18" y="T19"/>
                </a:cxn>
                <a:cxn ang="T84">
                  <a:pos x="T20" y="T21"/>
                </a:cxn>
                <a:cxn ang="T85">
                  <a:pos x="T22" y="T23"/>
                </a:cxn>
                <a:cxn ang="T86">
                  <a:pos x="T24" y="T25"/>
                </a:cxn>
                <a:cxn ang="T87">
                  <a:pos x="T26" y="T27"/>
                </a:cxn>
                <a:cxn ang="T88">
                  <a:pos x="T28" y="T29"/>
                </a:cxn>
                <a:cxn ang="T89">
                  <a:pos x="T30" y="T31"/>
                </a:cxn>
                <a:cxn ang="T90">
                  <a:pos x="T32" y="T33"/>
                </a:cxn>
                <a:cxn ang="T91">
                  <a:pos x="T34" y="T35"/>
                </a:cxn>
                <a:cxn ang="T92">
                  <a:pos x="T36" y="T37"/>
                </a:cxn>
                <a:cxn ang="T93">
                  <a:pos x="T38" y="T39"/>
                </a:cxn>
                <a:cxn ang="T94">
                  <a:pos x="T40" y="T41"/>
                </a:cxn>
                <a:cxn ang="T95">
                  <a:pos x="T42" y="T43"/>
                </a:cxn>
                <a:cxn ang="T96">
                  <a:pos x="T44" y="T45"/>
                </a:cxn>
                <a:cxn ang="T97">
                  <a:pos x="T46" y="T47"/>
                </a:cxn>
                <a:cxn ang="T98">
                  <a:pos x="T48" y="T49"/>
                </a:cxn>
                <a:cxn ang="T99">
                  <a:pos x="T50" y="T51"/>
                </a:cxn>
                <a:cxn ang="T100">
                  <a:pos x="T52" y="T53"/>
                </a:cxn>
                <a:cxn ang="T101">
                  <a:pos x="T54" y="T55"/>
                </a:cxn>
                <a:cxn ang="T102">
                  <a:pos x="T56" y="T57"/>
                </a:cxn>
                <a:cxn ang="T103">
                  <a:pos x="T58" y="T59"/>
                </a:cxn>
                <a:cxn ang="T104">
                  <a:pos x="T60" y="T61"/>
                </a:cxn>
                <a:cxn ang="T105">
                  <a:pos x="T62" y="T63"/>
                </a:cxn>
                <a:cxn ang="T106">
                  <a:pos x="T64" y="T65"/>
                </a:cxn>
                <a:cxn ang="T107">
                  <a:pos x="T66" y="T67"/>
                </a:cxn>
                <a:cxn ang="T108">
                  <a:pos x="T68" y="T69"/>
                </a:cxn>
                <a:cxn ang="T109">
                  <a:pos x="T70" y="T71"/>
                </a:cxn>
                <a:cxn ang="T110">
                  <a:pos x="T72" y="T73"/>
                </a:cxn>
              </a:cxnLst>
              <a:rect l="T111" t="T112" r="T113" b="T114"/>
              <a:pathLst>
                <a:path w="693" h="527">
                  <a:moveTo>
                    <a:pt x="685" y="331"/>
                  </a:moveTo>
                  <a:lnTo>
                    <a:pt x="652" y="362"/>
                  </a:lnTo>
                  <a:lnTo>
                    <a:pt x="620" y="395"/>
                  </a:lnTo>
                  <a:lnTo>
                    <a:pt x="588" y="427"/>
                  </a:lnTo>
                  <a:lnTo>
                    <a:pt x="555" y="459"/>
                  </a:lnTo>
                  <a:lnTo>
                    <a:pt x="501" y="459"/>
                  </a:lnTo>
                  <a:lnTo>
                    <a:pt x="476" y="472"/>
                  </a:lnTo>
                  <a:lnTo>
                    <a:pt x="454" y="488"/>
                  </a:lnTo>
                  <a:lnTo>
                    <a:pt x="427" y="496"/>
                  </a:lnTo>
                  <a:lnTo>
                    <a:pt x="424" y="498"/>
                  </a:lnTo>
                  <a:lnTo>
                    <a:pt x="410" y="509"/>
                  </a:lnTo>
                  <a:lnTo>
                    <a:pt x="386" y="509"/>
                  </a:lnTo>
                  <a:lnTo>
                    <a:pt x="359" y="495"/>
                  </a:lnTo>
                  <a:lnTo>
                    <a:pt x="327" y="503"/>
                  </a:lnTo>
                  <a:lnTo>
                    <a:pt x="314" y="517"/>
                  </a:lnTo>
                  <a:lnTo>
                    <a:pt x="293" y="527"/>
                  </a:lnTo>
                  <a:lnTo>
                    <a:pt x="273" y="527"/>
                  </a:lnTo>
                  <a:lnTo>
                    <a:pt x="224" y="515"/>
                  </a:lnTo>
                  <a:lnTo>
                    <a:pt x="168" y="480"/>
                  </a:lnTo>
                  <a:lnTo>
                    <a:pt x="131" y="476"/>
                  </a:lnTo>
                  <a:lnTo>
                    <a:pt x="133" y="444"/>
                  </a:lnTo>
                  <a:lnTo>
                    <a:pt x="99" y="430"/>
                  </a:lnTo>
                  <a:lnTo>
                    <a:pt x="78" y="382"/>
                  </a:lnTo>
                  <a:lnTo>
                    <a:pt x="52" y="365"/>
                  </a:lnTo>
                  <a:lnTo>
                    <a:pt x="40" y="340"/>
                  </a:lnTo>
                  <a:lnTo>
                    <a:pt x="0" y="325"/>
                  </a:lnTo>
                  <a:lnTo>
                    <a:pt x="9" y="315"/>
                  </a:lnTo>
                  <a:lnTo>
                    <a:pt x="9" y="302"/>
                  </a:lnTo>
                  <a:lnTo>
                    <a:pt x="35" y="300"/>
                  </a:lnTo>
                  <a:lnTo>
                    <a:pt x="51" y="292"/>
                  </a:lnTo>
                  <a:lnTo>
                    <a:pt x="57" y="204"/>
                  </a:lnTo>
                  <a:lnTo>
                    <a:pt x="60" y="205"/>
                  </a:lnTo>
                  <a:lnTo>
                    <a:pt x="68" y="190"/>
                  </a:lnTo>
                  <a:lnTo>
                    <a:pt x="86" y="181"/>
                  </a:lnTo>
                  <a:lnTo>
                    <a:pt x="95" y="148"/>
                  </a:lnTo>
                  <a:lnTo>
                    <a:pt x="125" y="105"/>
                  </a:lnTo>
                  <a:lnTo>
                    <a:pt x="145" y="90"/>
                  </a:lnTo>
                  <a:lnTo>
                    <a:pt x="161" y="41"/>
                  </a:lnTo>
                  <a:lnTo>
                    <a:pt x="161" y="28"/>
                  </a:lnTo>
                  <a:lnTo>
                    <a:pt x="181" y="29"/>
                  </a:lnTo>
                  <a:lnTo>
                    <a:pt x="187" y="20"/>
                  </a:lnTo>
                  <a:lnTo>
                    <a:pt x="193" y="20"/>
                  </a:lnTo>
                  <a:lnTo>
                    <a:pt x="205" y="37"/>
                  </a:lnTo>
                  <a:lnTo>
                    <a:pt x="221" y="0"/>
                  </a:lnTo>
                  <a:lnTo>
                    <a:pt x="238" y="11"/>
                  </a:lnTo>
                  <a:lnTo>
                    <a:pt x="246" y="23"/>
                  </a:lnTo>
                  <a:lnTo>
                    <a:pt x="267" y="19"/>
                  </a:lnTo>
                  <a:lnTo>
                    <a:pt x="272" y="12"/>
                  </a:lnTo>
                  <a:lnTo>
                    <a:pt x="283" y="20"/>
                  </a:lnTo>
                  <a:lnTo>
                    <a:pt x="297" y="15"/>
                  </a:lnTo>
                  <a:lnTo>
                    <a:pt x="314" y="23"/>
                  </a:lnTo>
                  <a:lnTo>
                    <a:pt x="327" y="20"/>
                  </a:lnTo>
                  <a:lnTo>
                    <a:pt x="352" y="34"/>
                  </a:lnTo>
                  <a:lnTo>
                    <a:pt x="374" y="60"/>
                  </a:lnTo>
                  <a:lnTo>
                    <a:pt x="399" y="79"/>
                  </a:lnTo>
                  <a:lnTo>
                    <a:pt x="408" y="97"/>
                  </a:lnTo>
                  <a:lnTo>
                    <a:pt x="430" y="117"/>
                  </a:lnTo>
                  <a:lnTo>
                    <a:pt x="425" y="122"/>
                  </a:lnTo>
                  <a:lnTo>
                    <a:pt x="419" y="150"/>
                  </a:lnTo>
                  <a:lnTo>
                    <a:pt x="407" y="170"/>
                  </a:lnTo>
                  <a:lnTo>
                    <a:pt x="413" y="184"/>
                  </a:lnTo>
                  <a:lnTo>
                    <a:pt x="433" y="185"/>
                  </a:lnTo>
                  <a:lnTo>
                    <a:pt x="445" y="178"/>
                  </a:lnTo>
                  <a:lnTo>
                    <a:pt x="456" y="185"/>
                  </a:lnTo>
                  <a:lnTo>
                    <a:pt x="453" y="195"/>
                  </a:lnTo>
                  <a:lnTo>
                    <a:pt x="456" y="213"/>
                  </a:lnTo>
                  <a:lnTo>
                    <a:pt x="487" y="251"/>
                  </a:lnTo>
                  <a:lnTo>
                    <a:pt x="509" y="269"/>
                  </a:lnTo>
                  <a:lnTo>
                    <a:pt x="544" y="283"/>
                  </a:lnTo>
                  <a:lnTo>
                    <a:pt x="580" y="295"/>
                  </a:lnTo>
                  <a:lnTo>
                    <a:pt x="614" y="306"/>
                  </a:lnTo>
                  <a:lnTo>
                    <a:pt x="649" y="319"/>
                  </a:lnTo>
                  <a:lnTo>
                    <a:pt x="693" y="319"/>
                  </a:lnTo>
                  <a:lnTo>
                    <a:pt x="685" y="33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31" name="Freeform 170"/>
            <p:cNvSpPr>
              <a:spLocks noChangeAspect="1" noEditPoints="1"/>
            </p:cNvSpPr>
            <p:nvPr/>
          </p:nvSpPr>
          <p:spPr bwMode="gray">
            <a:xfrm>
              <a:off x="5838825" y="3763963"/>
              <a:ext cx="147638" cy="131763"/>
            </a:xfrm>
            <a:custGeom>
              <a:avLst/>
              <a:gdLst>
                <a:gd name="T0" fmla="*/ 3 w 304"/>
                <a:gd name="T1" fmla="*/ 0 h 272"/>
                <a:gd name="T2" fmla="*/ 2 w 304"/>
                <a:gd name="T3" fmla="*/ 1 h 272"/>
                <a:gd name="T4" fmla="*/ 2 w 304"/>
                <a:gd name="T5" fmla="*/ 1 h 272"/>
                <a:gd name="T6" fmla="*/ 1 w 304"/>
                <a:gd name="T7" fmla="*/ 1 h 272"/>
                <a:gd name="T8" fmla="*/ 1 w 304"/>
                <a:gd name="T9" fmla="*/ 2 h 272"/>
                <a:gd name="T10" fmla="*/ 0 w 304"/>
                <a:gd name="T11" fmla="*/ 4 h 272"/>
                <a:gd name="T12" fmla="*/ 0 w 304"/>
                <a:gd name="T13" fmla="*/ 5 h 272"/>
                <a:gd name="T14" fmla="*/ 1 w 304"/>
                <a:gd name="T15" fmla="*/ 5 h 272"/>
                <a:gd name="T16" fmla="*/ 1 w 304"/>
                <a:gd name="T17" fmla="*/ 5 h 272"/>
                <a:gd name="T18" fmla="*/ 1 w 304"/>
                <a:gd name="T19" fmla="*/ 5 h 272"/>
                <a:gd name="T20" fmla="*/ 1 w 304"/>
                <a:gd name="T21" fmla="*/ 5 h 272"/>
                <a:gd name="T22" fmla="*/ 2 w 304"/>
                <a:gd name="T23" fmla="*/ 4 h 272"/>
                <a:gd name="T24" fmla="*/ 2 w 304"/>
                <a:gd name="T25" fmla="*/ 5 h 272"/>
                <a:gd name="T26" fmla="*/ 2 w 304"/>
                <a:gd name="T27" fmla="*/ 5 h 272"/>
                <a:gd name="T28" fmla="*/ 3 w 304"/>
                <a:gd name="T29" fmla="*/ 5 h 272"/>
                <a:gd name="T30" fmla="*/ 3 w 304"/>
                <a:gd name="T31" fmla="*/ 5 h 272"/>
                <a:gd name="T32" fmla="*/ 4 w 304"/>
                <a:gd name="T33" fmla="*/ 5 h 272"/>
                <a:gd name="T34" fmla="*/ 4 w 304"/>
                <a:gd name="T35" fmla="*/ 5 h 272"/>
                <a:gd name="T36" fmla="*/ 5 w 304"/>
                <a:gd name="T37" fmla="*/ 5 h 272"/>
                <a:gd name="T38" fmla="*/ 5 w 304"/>
                <a:gd name="T39" fmla="*/ 5 h 272"/>
                <a:gd name="T40" fmla="*/ 6 w 304"/>
                <a:gd name="T41" fmla="*/ 5 h 272"/>
                <a:gd name="T42" fmla="*/ 6 w 304"/>
                <a:gd name="T43" fmla="*/ 6 h 272"/>
                <a:gd name="T44" fmla="*/ 7 w 304"/>
                <a:gd name="T45" fmla="*/ 7 h 272"/>
                <a:gd name="T46" fmla="*/ 7 w 304"/>
                <a:gd name="T47" fmla="*/ 7 h 272"/>
                <a:gd name="T48" fmla="*/ 8 w 304"/>
                <a:gd name="T49" fmla="*/ 8 h 272"/>
                <a:gd name="T50" fmla="*/ 9 w 304"/>
                <a:gd name="T51" fmla="*/ 7 h 272"/>
                <a:gd name="T52" fmla="*/ 8 w 304"/>
                <a:gd name="T53" fmla="*/ 7 h 272"/>
                <a:gd name="T54" fmla="*/ 8 w 304"/>
                <a:gd name="T55" fmla="*/ 6 h 272"/>
                <a:gd name="T56" fmla="*/ 7 w 304"/>
                <a:gd name="T57" fmla="*/ 6 h 272"/>
                <a:gd name="T58" fmla="*/ 7 w 304"/>
                <a:gd name="T59" fmla="*/ 6 h 272"/>
                <a:gd name="T60" fmla="*/ 7 w 304"/>
                <a:gd name="T61" fmla="*/ 6 h 272"/>
                <a:gd name="T62" fmla="*/ 6 w 304"/>
                <a:gd name="T63" fmla="*/ 5 h 272"/>
                <a:gd name="T64" fmla="*/ 6 w 304"/>
                <a:gd name="T65" fmla="*/ 5 h 272"/>
                <a:gd name="T66" fmla="*/ 5 w 304"/>
                <a:gd name="T67" fmla="*/ 4 h 272"/>
                <a:gd name="T68" fmla="*/ 5 w 304"/>
                <a:gd name="T69" fmla="*/ 4 h 272"/>
                <a:gd name="T70" fmla="*/ 5 w 304"/>
                <a:gd name="T71" fmla="*/ 4 h 272"/>
                <a:gd name="T72" fmla="*/ 5 w 304"/>
                <a:gd name="T73" fmla="*/ 4 h 272"/>
                <a:gd name="T74" fmla="*/ 5 w 304"/>
                <a:gd name="T75" fmla="*/ 4 h 272"/>
                <a:gd name="T76" fmla="*/ 4 w 304"/>
                <a:gd name="T77" fmla="*/ 4 h 272"/>
                <a:gd name="T78" fmla="*/ 5 w 304"/>
                <a:gd name="T79" fmla="*/ 4 h 272"/>
                <a:gd name="T80" fmla="*/ 4 w 304"/>
                <a:gd name="T81" fmla="*/ 4 h 272"/>
                <a:gd name="T82" fmla="*/ 4 w 304"/>
                <a:gd name="T83" fmla="*/ 4 h 272"/>
                <a:gd name="T84" fmla="*/ 4 w 304"/>
                <a:gd name="T85" fmla="*/ 3 h 272"/>
                <a:gd name="T86" fmla="*/ 4 w 304"/>
                <a:gd name="T87" fmla="*/ 3 h 272"/>
                <a:gd name="T88" fmla="*/ 3 w 304"/>
                <a:gd name="T89" fmla="*/ 1 h 272"/>
                <a:gd name="T90" fmla="*/ 3 w 304"/>
                <a:gd name="T91" fmla="*/ 0 h 272"/>
                <a:gd name="T92" fmla="*/ 5 w 304"/>
                <a:gd name="T93" fmla="*/ 3 h 272"/>
                <a:gd name="T94" fmla="*/ 5 w 304"/>
                <a:gd name="T95" fmla="*/ 3 h 272"/>
                <a:gd name="T96" fmla="*/ 5 w 304"/>
                <a:gd name="T97" fmla="*/ 3 h 272"/>
                <a:gd name="T98" fmla="*/ 5 w 304"/>
                <a:gd name="T99" fmla="*/ 3 h 272"/>
                <a:gd name="T100" fmla="*/ 5 w 304"/>
                <a:gd name="T101" fmla="*/ 3 h 272"/>
                <a:gd name="T102" fmla="*/ 5 w 304"/>
                <a:gd name="T103" fmla="*/ 3 h 272"/>
                <a:gd name="T104" fmla="*/ 5 w 304"/>
                <a:gd name="T105" fmla="*/ 3 h 272"/>
                <a:gd name="T106" fmla="*/ 5 w 304"/>
                <a:gd name="T107" fmla="*/ 3 h 272"/>
                <a:gd name="T108" fmla="*/ 5 w 304"/>
                <a:gd name="T109" fmla="*/ 3 h 272"/>
                <a:gd name="T110" fmla="*/ 5 w 304"/>
                <a:gd name="T111" fmla="*/ 3 h 272"/>
                <a:gd name="T112" fmla="*/ 5 w 304"/>
                <a:gd name="T113" fmla="*/ 3 h 272"/>
                <a:gd name="T114" fmla="*/ 5 w 304"/>
                <a:gd name="T115" fmla="*/ 3 h 272"/>
                <a:gd name="T116" fmla="*/ 5 w 304"/>
                <a:gd name="T117" fmla="*/ 3 h 272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304"/>
                <a:gd name="T178" fmla="*/ 0 h 272"/>
                <a:gd name="T179" fmla="*/ 304 w 304"/>
                <a:gd name="T180" fmla="*/ 272 h 272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304" h="272">
                  <a:moveTo>
                    <a:pt x="93" y="0"/>
                  </a:moveTo>
                  <a:lnTo>
                    <a:pt x="85" y="22"/>
                  </a:lnTo>
                  <a:lnTo>
                    <a:pt x="49" y="37"/>
                  </a:lnTo>
                  <a:lnTo>
                    <a:pt x="38" y="47"/>
                  </a:lnTo>
                  <a:lnTo>
                    <a:pt x="27" y="48"/>
                  </a:lnTo>
                  <a:lnTo>
                    <a:pt x="0" y="152"/>
                  </a:lnTo>
                  <a:lnTo>
                    <a:pt x="3" y="183"/>
                  </a:lnTo>
                  <a:lnTo>
                    <a:pt x="23" y="184"/>
                  </a:lnTo>
                  <a:lnTo>
                    <a:pt x="29" y="175"/>
                  </a:lnTo>
                  <a:lnTo>
                    <a:pt x="35" y="175"/>
                  </a:lnTo>
                  <a:lnTo>
                    <a:pt x="47" y="192"/>
                  </a:lnTo>
                  <a:lnTo>
                    <a:pt x="63" y="155"/>
                  </a:lnTo>
                  <a:lnTo>
                    <a:pt x="80" y="166"/>
                  </a:lnTo>
                  <a:lnTo>
                    <a:pt x="88" y="178"/>
                  </a:lnTo>
                  <a:lnTo>
                    <a:pt x="109" y="174"/>
                  </a:lnTo>
                  <a:lnTo>
                    <a:pt x="114" y="167"/>
                  </a:lnTo>
                  <a:lnTo>
                    <a:pt x="125" y="175"/>
                  </a:lnTo>
                  <a:lnTo>
                    <a:pt x="139" y="170"/>
                  </a:lnTo>
                  <a:lnTo>
                    <a:pt x="156" y="178"/>
                  </a:lnTo>
                  <a:lnTo>
                    <a:pt x="169" y="175"/>
                  </a:lnTo>
                  <a:lnTo>
                    <a:pt x="194" y="189"/>
                  </a:lnTo>
                  <a:lnTo>
                    <a:pt x="216" y="215"/>
                  </a:lnTo>
                  <a:lnTo>
                    <a:pt x="241" y="234"/>
                  </a:lnTo>
                  <a:lnTo>
                    <a:pt x="250" y="252"/>
                  </a:lnTo>
                  <a:lnTo>
                    <a:pt x="272" y="272"/>
                  </a:lnTo>
                  <a:lnTo>
                    <a:pt x="304" y="252"/>
                  </a:lnTo>
                  <a:lnTo>
                    <a:pt x="276" y="234"/>
                  </a:lnTo>
                  <a:lnTo>
                    <a:pt x="267" y="217"/>
                  </a:lnTo>
                  <a:lnTo>
                    <a:pt x="259" y="213"/>
                  </a:lnTo>
                  <a:lnTo>
                    <a:pt x="253" y="203"/>
                  </a:lnTo>
                  <a:lnTo>
                    <a:pt x="242" y="200"/>
                  </a:lnTo>
                  <a:lnTo>
                    <a:pt x="222" y="169"/>
                  </a:lnTo>
                  <a:lnTo>
                    <a:pt x="199" y="162"/>
                  </a:lnTo>
                  <a:lnTo>
                    <a:pt x="186" y="150"/>
                  </a:lnTo>
                  <a:lnTo>
                    <a:pt x="173" y="152"/>
                  </a:lnTo>
                  <a:lnTo>
                    <a:pt x="164" y="141"/>
                  </a:lnTo>
                  <a:lnTo>
                    <a:pt x="165" y="130"/>
                  </a:lnTo>
                  <a:lnTo>
                    <a:pt x="159" y="127"/>
                  </a:lnTo>
                  <a:lnTo>
                    <a:pt x="154" y="130"/>
                  </a:lnTo>
                  <a:lnTo>
                    <a:pt x="156" y="142"/>
                  </a:lnTo>
                  <a:lnTo>
                    <a:pt x="148" y="141"/>
                  </a:lnTo>
                  <a:lnTo>
                    <a:pt x="143" y="124"/>
                  </a:lnTo>
                  <a:lnTo>
                    <a:pt x="137" y="119"/>
                  </a:lnTo>
                  <a:lnTo>
                    <a:pt x="126" y="101"/>
                  </a:lnTo>
                  <a:lnTo>
                    <a:pt x="109" y="27"/>
                  </a:lnTo>
                  <a:lnTo>
                    <a:pt x="93" y="0"/>
                  </a:lnTo>
                  <a:close/>
                  <a:moveTo>
                    <a:pt x="173" y="115"/>
                  </a:moveTo>
                  <a:lnTo>
                    <a:pt x="164" y="108"/>
                  </a:lnTo>
                  <a:lnTo>
                    <a:pt x="157" y="111"/>
                  </a:lnTo>
                  <a:lnTo>
                    <a:pt x="162" y="113"/>
                  </a:lnTo>
                  <a:lnTo>
                    <a:pt x="164" y="116"/>
                  </a:lnTo>
                  <a:lnTo>
                    <a:pt x="159" y="116"/>
                  </a:lnTo>
                  <a:lnTo>
                    <a:pt x="162" y="119"/>
                  </a:lnTo>
                  <a:lnTo>
                    <a:pt x="179" y="121"/>
                  </a:lnTo>
                  <a:lnTo>
                    <a:pt x="173" y="115"/>
                  </a:lnTo>
                  <a:close/>
                  <a:moveTo>
                    <a:pt x="164" y="96"/>
                  </a:moveTo>
                  <a:lnTo>
                    <a:pt x="160" y="99"/>
                  </a:lnTo>
                  <a:lnTo>
                    <a:pt x="165" y="102"/>
                  </a:lnTo>
                  <a:lnTo>
                    <a:pt x="164" y="9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32" name="Freeform 171"/>
            <p:cNvSpPr>
              <a:spLocks noChangeAspect="1" noEditPoints="1"/>
            </p:cNvSpPr>
            <p:nvPr/>
          </p:nvSpPr>
          <p:spPr bwMode="gray">
            <a:xfrm>
              <a:off x="4452938" y="3784601"/>
              <a:ext cx="58738" cy="57150"/>
            </a:xfrm>
            <a:custGeom>
              <a:avLst/>
              <a:gdLst>
                <a:gd name="T0" fmla="*/ 0 w 122"/>
                <a:gd name="T1" fmla="*/ 0 h 114"/>
                <a:gd name="T2" fmla="*/ 0 w 122"/>
                <a:gd name="T3" fmla="*/ 0 h 114"/>
                <a:gd name="T4" fmla="*/ 0 w 122"/>
                <a:gd name="T5" fmla="*/ 0 h 114"/>
                <a:gd name="T6" fmla="*/ 1 w 122"/>
                <a:gd name="T7" fmla="*/ 0 h 114"/>
                <a:gd name="T8" fmla="*/ 0 w 122"/>
                <a:gd name="T9" fmla="*/ 0 h 114"/>
                <a:gd name="T10" fmla="*/ 1 w 122"/>
                <a:gd name="T11" fmla="*/ 3 h 114"/>
                <a:gd name="T12" fmla="*/ 1 w 122"/>
                <a:gd name="T13" fmla="*/ 3 h 114"/>
                <a:gd name="T14" fmla="*/ 1 w 122"/>
                <a:gd name="T15" fmla="*/ 3 h 114"/>
                <a:gd name="T16" fmla="*/ 1 w 122"/>
                <a:gd name="T17" fmla="*/ 3 h 114"/>
                <a:gd name="T18" fmla="*/ 1 w 122"/>
                <a:gd name="T19" fmla="*/ 3 h 114"/>
                <a:gd name="T20" fmla="*/ 2 w 122"/>
                <a:gd name="T21" fmla="*/ 3 h 114"/>
                <a:gd name="T22" fmla="*/ 2 w 122"/>
                <a:gd name="T23" fmla="*/ 3 h 114"/>
                <a:gd name="T24" fmla="*/ 2 w 122"/>
                <a:gd name="T25" fmla="*/ 3 h 114"/>
                <a:gd name="T26" fmla="*/ 2 w 122"/>
                <a:gd name="T27" fmla="*/ 3 h 114"/>
                <a:gd name="T28" fmla="*/ 2 w 122"/>
                <a:gd name="T29" fmla="*/ 3 h 114"/>
                <a:gd name="T30" fmla="*/ 3 w 122"/>
                <a:gd name="T31" fmla="*/ 2 h 114"/>
                <a:gd name="T32" fmla="*/ 3 w 122"/>
                <a:gd name="T33" fmla="*/ 2 h 114"/>
                <a:gd name="T34" fmla="*/ 3 w 122"/>
                <a:gd name="T35" fmla="*/ 2 h 114"/>
                <a:gd name="T36" fmla="*/ 3 w 122"/>
                <a:gd name="T37" fmla="*/ 2 h 114"/>
                <a:gd name="T38" fmla="*/ 3 w 122"/>
                <a:gd name="T39" fmla="*/ 2 h 114"/>
                <a:gd name="T40" fmla="*/ 3 w 122"/>
                <a:gd name="T41" fmla="*/ 0 h 114"/>
                <a:gd name="T42" fmla="*/ 3 w 122"/>
                <a:gd name="T43" fmla="*/ 1 h 114"/>
                <a:gd name="T44" fmla="*/ 3 w 122"/>
                <a:gd name="T45" fmla="*/ 1 h 114"/>
                <a:gd name="T46" fmla="*/ 3 w 122"/>
                <a:gd name="T47" fmla="*/ 0 h 114"/>
                <a:gd name="T48" fmla="*/ 2 w 122"/>
                <a:gd name="T49" fmla="*/ 1 h 114"/>
                <a:gd name="T50" fmla="*/ 1 w 122"/>
                <a:gd name="T51" fmla="*/ 1 h 114"/>
                <a:gd name="T52" fmla="*/ 1 w 122"/>
                <a:gd name="T53" fmla="*/ 1 h 114"/>
                <a:gd name="T54" fmla="*/ 2 w 122"/>
                <a:gd name="T55" fmla="*/ 1 h 114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w 122"/>
                <a:gd name="T85" fmla="*/ 0 h 114"/>
                <a:gd name="T86" fmla="*/ 122 w 122"/>
                <a:gd name="T87" fmla="*/ 114 h 114"/>
              </a:gdLst>
              <a:ahLst/>
              <a:cxnLst>
                <a:cxn ang="T56">
                  <a:pos x="T0" y="T1"/>
                </a:cxn>
                <a:cxn ang="T57">
                  <a:pos x="T2" y="T3"/>
                </a:cxn>
                <a:cxn ang="T58">
                  <a:pos x="T4" y="T5"/>
                </a:cxn>
                <a:cxn ang="T59">
                  <a:pos x="T6" y="T7"/>
                </a:cxn>
                <a:cxn ang="T60">
                  <a:pos x="T8" y="T9"/>
                </a:cxn>
                <a:cxn ang="T61">
                  <a:pos x="T10" y="T11"/>
                </a:cxn>
                <a:cxn ang="T62">
                  <a:pos x="T12" y="T13"/>
                </a:cxn>
                <a:cxn ang="T63">
                  <a:pos x="T14" y="T15"/>
                </a:cxn>
                <a:cxn ang="T64">
                  <a:pos x="T16" y="T17"/>
                </a:cxn>
                <a:cxn ang="T65">
                  <a:pos x="T18" y="T19"/>
                </a:cxn>
                <a:cxn ang="T66">
                  <a:pos x="T20" y="T21"/>
                </a:cxn>
                <a:cxn ang="T67">
                  <a:pos x="T22" y="T23"/>
                </a:cxn>
                <a:cxn ang="T68">
                  <a:pos x="T24" y="T25"/>
                </a:cxn>
                <a:cxn ang="T69">
                  <a:pos x="T26" y="T27"/>
                </a:cxn>
                <a:cxn ang="T70">
                  <a:pos x="T28" y="T29"/>
                </a:cxn>
                <a:cxn ang="T71">
                  <a:pos x="T30" y="T31"/>
                </a:cxn>
                <a:cxn ang="T72">
                  <a:pos x="T32" y="T33"/>
                </a:cxn>
                <a:cxn ang="T73">
                  <a:pos x="T34" y="T35"/>
                </a:cxn>
                <a:cxn ang="T74">
                  <a:pos x="T36" y="T37"/>
                </a:cxn>
                <a:cxn ang="T75">
                  <a:pos x="T38" y="T39"/>
                </a:cxn>
                <a:cxn ang="T76">
                  <a:pos x="T40" y="T41"/>
                </a:cxn>
                <a:cxn ang="T77">
                  <a:pos x="T42" y="T43"/>
                </a:cxn>
                <a:cxn ang="T78">
                  <a:pos x="T44" y="T45"/>
                </a:cxn>
                <a:cxn ang="T79">
                  <a:pos x="T46" y="T47"/>
                </a:cxn>
                <a:cxn ang="T80">
                  <a:pos x="T48" y="T49"/>
                </a:cxn>
                <a:cxn ang="T81">
                  <a:pos x="T50" y="T51"/>
                </a:cxn>
                <a:cxn ang="T82">
                  <a:pos x="T52" y="T53"/>
                </a:cxn>
                <a:cxn ang="T83">
                  <a:pos x="T54" y="T55"/>
                </a:cxn>
              </a:cxnLst>
              <a:rect l="T84" t="T85" r="T86" b="T87"/>
              <a:pathLst>
                <a:path w="122" h="114">
                  <a:moveTo>
                    <a:pt x="13" y="0"/>
                  </a:moveTo>
                  <a:lnTo>
                    <a:pt x="0" y="2"/>
                  </a:lnTo>
                  <a:lnTo>
                    <a:pt x="1" y="12"/>
                  </a:lnTo>
                  <a:lnTo>
                    <a:pt x="15" y="6"/>
                  </a:lnTo>
                  <a:lnTo>
                    <a:pt x="13" y="0"/>
                  </a:lnTo>
                  <a:close/>
                  <a:moveTo>
                    <a:pt x="43" y="107"/>
                  </a:moveTo>
                  <a:lnTo>
                    <a:pt x="38" y="107"/>
                  </a:lnTo>
                  <a:lnTo>
                    <a:pt x="38" y="114"/>
                  </a:lnTo>
                  <a:lnTo>
                    <a:pt x="46" y="110"/>
                  </a:lnTo>
                  <a:lnTo>
                    <a:pt x="43" y="107"/>
                  </a:lnTo>
                  <a:close/>
                  <a:moveTo>
                    <a:pt x="72" y="91"/>
                  </a:moveTo>
                  <a:lnTo>
                    <a:pt x="72" y="108"/>
                  </a:lnTo>
                  <a:lnTo>
                    <a:pt x="85" y="107"/>
                  </a:lnTo>
                  <a:lnTo>
                    <a:pt x="85" y="100"/>
                  </a:lnTo>
                  <a:lnTo>
                    <a:pt x="72" y="91"/>
                  </a:lnTo>
                  <a:close/>
                  <a:moveTo>
                    <a:pt x="111" y="49"/>
                  </a:moveTo>
                  <a:lnTo>
                    <a:pt x="120" y="51"/>
                  </a:lnTo>
                  <a:lnTo>
                    <a:pt x="122" y="56"/>
                  </a:lnTo>
                  <a:lnTo>
                    <a:pt x="113" y="60"/>
                  </a:lnTo>
                  <a:lnTo>
                    <a:pt x="111" y="49"/>
                  </a:lnTo>
                  <a:close/>
                  <a:moveTo>
                    <a:pt x="110" y="14"/>
                  </a:moveTo>
                  <a:lnTo>
                    <a:pt x="108" y="26"/>
                  </a:lnTo>
                  <a:lnTo>
                    <a:pt x="111" y="26"/>
                  </a:lnTo>
                  <a:lnTo>
                    <a:pt x="110" y="14"/>
                  </a:lnTo>
                  <a:close/>
                  <a:moveTo>
                    <a:pt x="63" y="29"/>
                  </a:moveTo>
                  <a:lnTo>
                    <a:pt x="43" y="26"/>
                  </a:lnTo>
                  <a:lnTo>
                    <a:pt x="43" y="31"/>
                  </a:lnTo>
                  <a:lnTo>
                    <a:pt x="63" y="2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33" name="Freeform 172"/>
            <p:cNvSpPr>
              <a:spLocks noChangeAspect="1" noEditPoints="1"/>
            </p:cNvSpPr>
            <p:nvPr/>
          </p:nvSpPr>
          <p:spPr bwMode="gray">
            <a:xfrm>
              <a:off x="4637088" y="3400426"/>
              <a:ext cx="82550" cy="130175"/>
            </a:xfrm>
            <a:custGeom>
              <a:avLst/>
              <a:gdLst>
                <a:gd name="T0" fmla="*/ 1 w 170"/>
                <a:gd name="T1" fmla="*/ 6 h 269"/>
                <a:gd name="T2" fmla="*/ 0 w 170"/>
                <a:gd name="T3" fmla="*/ 7 h 269"/>
                <a:gd name="T4" fmla="*/ 0 w 170"/>
                <a:gd name="T5" fmla="*/ 7 h 269"/>
                <a:gd name="T6" fmla="*/ 1 w 170"/>
                <a:gd name="T7" fmla="*/ 7 h 269"/>
                <a:gd name="T8" fmla="*/ 1 w 170"/>
                <a:gd name="T9" fmla="*/ 7 h 269"/>
                <a:gd name="T10" fmla="*/ 1 w 170"/>
                <a:gd name="T11" fmla="*/ 7 h 269"/>
                <a:gd name="T12" fmla="*/ 1 w 170"/>
                <a:gd name="T13" fmla="*/ 6 h 269"/>
                <a:gd name="T14" fmla="*/ 1 w 170"/>
                <a:gd name="T15" fmla="*/ 6 h 269"/>
                <a:gd name="T16" fmla="*/ 0 w 170"/>
                <a:gd name="T17" fmla="*/ 0 h 269"/>
                <a:gd name="T18" fmla="*/ 0 w 170"/>
                <a:gd name="T19" fmla="*/ 0 h 269"/>
                <a:gd name="T20" fmla="*/ 0 w 170"/>
                <a:gd name="T21" fmla="*/ 0 h 269"/>
                <a:gd name="T22" fmla="*/ 1 w 170"/>
                <a:gd name="T23" fmla="*/ 0 h 269"/>
                <a:gd name="T24" fmla="*/ 1 w 170"/>
                <a:gd name="T25" fmla="*/ 0 h 269"/>
                <a:gd name="T26" fmla="*/ 0 w 170"/>
                <a:gd name="T27" fmla="*/ 0 h 269"/>
                <a:gd name="T28" fmla="*/ 5 w 170"/>
                <a:gd name="T29" fmla="*/ 5 h 269"/>
                <a:gd name="T30" fmla="*/ 5 w 170"/>
                <a:gd name="T31" fmla="*/ 6 h 269"/>
                <a:gd name="T32" fmla="*/ 4 w 170"/>
                <a:gd name="T33" fmla="*/ 6 h 269"/>
                <a:gd name="T34" fmla="*/ 5 w 170"/>
                <a:gd name="T35" fmla="*/ 6 h 269"/>
                <a:gd name="T36" fmla="*/ 5 w 170"/>
                <a:gd name="T37" fmla="*/ 5 h 269"/>
                <a:gd name="T38" fmla="*/ 4 w 170"/>
                <a:gd name="T39" fmla="*/ 6 h 269"/>
                <a:gd name="T40" fmla="*/ 4 w 170"/>
                <a:gd name="T41" fmla="*/ 6 h 269"/>
                <a:gd name="T42" fmla="*/ 4 w 170"/>
                <a:gd name="T43" fmla="*/ 7 h 269"/>
                <a:gd name="T44" fmla="*/ 4 w 170"/>
                <a:gd name="T45" fmla="*/ 7 h 269"/>
                <a:gd name="T46" fmla="*/ 4 w 170"/>
                <a:gd name="T47" fmla="*/ 7 h 269"/>
                <a:gd name="T48" fmla="*/ 4 w 170"/>
                <a:gd name="T49" fmla="*/ 6 h 269"/>
                <a:gd name="T50" fmla="*/ 2 w 170"/>
                <a:gd name="T51" fmla="*/ 7 h 269"/>
                <a:gd name="T52" fmla="*/ 2 w 170"/>
                <a:gd name="T53" fmla="*/ 8 h 269"/>
                <a:gd name="T54" fmla="*/ 2 w 170"/>
                <a:gd name="T55" fmla="*/ 8 h 269"/>
                <a:gd name="T56" fmla="*/ 2 w 170"/>
                <a:gd name="T57" fmla="*/ 8 h 269"/>
                <a:gd name="T58" fmla="*/ 2 w 170"/>
                <a:gd name="T59" fmla="*/ 7 h 269"/>
                <a:gd name="T60" fmla="*/ 2 w 170"/>
                <a:gd name="T61" fmla="*/ 7 h 269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w 170"/>
                <a:gd name="T94" fmla="*/ 0 h 269"/>
                <a:gd name="T95" fmla="*/ 170 w 170"/>
                <a:gd name="T96" fmla="*/ 269 h 269"/>
              </a:gdLst>
              <a:ahLst/>
              <a:cxnLst>
                <a:cxn ang="T62">
                  <a:pos x="T0" y="T1"/>
                </a:cxn>
                <a:cxn ang="T63">
                  <a:pos x="T2" y="T3"/>
                </a:cxn>
                <a:cxn ang="T64">
                  <a:pos x="T4" y="T5"/>
                </a:cxn>
                <a:cxn ang="T65">
                  <a:pos x="T6" y="T7"/>
                </a:cxn>
                <a:cxn ang="T66">
                  <a:pos x="T8" y="T9"/>
                </a:cxn>
                <a:cxn ang="T67">
                  <a:pos x="T10" y="T11"/>
                </a:cxn>
                <a:cxn ang="T68">
                  <a:pos x="T12" y="T13"/>
                </a:cxn>
                <a:cxn ang="T69">
                  <a:pos x="T14" y="T15"/>
                </a:cxn>
                <a:cxn ang="T70">
                  <a:pos x="T16" y="T17"/>
                </a:cxn>
                <a:cxn ang="T71">
                  <a:pos x="T18" y="T19"/>
                </a:cxn>
                <a:cxn ang="T72">
                  <a:pos x="T20" y="T21"/>
                </a:cxn>
                <a:cxn ang="T73">
                  <a:pos x="T22" y="T23"/>
                </a:cxn>
                <a:cxn ang="T74">
                  <a:pos x="T24" y="T25"/>
                </a:cxn>
                <a:cxn ang="T75">
                  <a:pos x="T26" y="T27"/>
                </a:cxn>
                <a:cxn ang="T76">
                  <a:pos x="T28" y="T29"/>
                </a:cxn>
                <a:cxn ang="T77">
                  <a:pos x="T30" y="T31"/>
                </a:cxn>
                <a:cxn ang="T78">
                  <a:pos x="T32" y="T33"/>
                </a:cxn>
                <a:cxn ang="T79">
                  <a:pos x="T34" y="T35"/>
                </a:cxn>
                <a:cxn ang="T80">
                  <a:pos x="T36" y="T37"/>
                </a:cxn>
                <a:cxn ang="T81">
                  <a:pos x="T38" y="T39"/>
                </a:cxn>
                <a:cxn ang="T82">
                  <a:pos x="T40" y="T41"/>
                </a:cxn>
                <a:cxn ang="T83">
                  <a:pos x="T42" y="T43"/>
                </a:cxn>
                <a:cxn ang="T84">
                  <a:pos x="T44" y="T45"/>
                </a:cxn>
                <a:cxn ang="T85">
                  <a:pos x="T46" y="T47"/>
                </a:cxn>
                <a:cxn ang="T86">
                  <a:pos x="T48" y="T49"/>
                </a:cxn>
                <a:cxn ang="T87">
                  <a:pos x="T50" y="T51"/>
                </a:cxn>
                <a:cxn ang="T88">
                  <a:pos x="T52" y="T53"/>
                </a:cxn>
                <a:cxn ang="T89">
                  <a:pos x="T54" y="T55"/>
                </a:cxn>
                <a:cxn ang="T90">
                  <a:pos x="T56" y="T57"/>
                </a:cxn>
                <a:cxn ang="T91">
                  <a:pos x="T58" y="T59"/>
                </a:cxn>
                <a:cxn ang="T92">
                  <a:pos x="T60" y="T61"/>
                </a:cxn>
              </a:cxnLst>
              <a:rect l="T93" t="T94" r="T95" b="T96"/>
              <a:pathLst>
                <a:path w="170" h="269">
                  <a:moveTo>
                    <a:pt x="41" y="228"/>
                  </a:moveTo>
                  <a:lnTo>
                    <a:pt x="12" y="239"/>
                  </a:lnTo>
                  <a:lnTo>
                    <a:pt x="14" y="248"/>
                  </a:lnTo>
                  <a:lnTo>
                    <a:pt x="20" y="254"/>
                  </a:lnTo>
                  <a:lnTo>
                    <a:pt x="31" y="251"/>
                  </a:lnTo>
                  <a:lnTo>
                    <a:pt x="32" y="239"/>
                  </a:lnTo>
                  <a:lnTo>
                    <a:pt x="44" y="229"/>
                  </a:lnTo>
                  <a:lnTo>
                    <a:pt x="41" y="228"/>
                  </a:lnTo>
                  <a:close/>
                  <a:moveTo>
                    <a:pt x="14" y="0"/>
                  </a:moveTo>
                  <a:lnTo>
                    <a:pt x="0" y="2"/>
                  </a:lnTo>
                  <a:lnTo>
                    <a:pt x="14" y="11"/>
                  </a:lnTo>
                  <a:lnTo>
                    <a:pt x="20" y="9"/>
                  </a:lnTo>
                  <a:lnTo>
                    <a:pt x="20" y="2"/>
                  </a:lnTo>
                  <a:lnTo>
                    <a:pt x="14" y="0"/>
                  </a:lnTo>
                  <a:close/>
                  <a:moveTo>
                    <a:pt x="170" y="194"/>
                  </a:moveTo>
                  <a:lnTo>
                    <a:pt x="156" y="202"/>
                  </a:lnTo>
                  <a:lnTo>
                    <a:pt x="151" y="211"/>
                  </a:lnTo>
                  <a:lnTo>
                    <a:pt x="164" y="206"/>
                  </a:lnTo>
                  <a:lnTo>
                    <a:pt x="170" y="194"/>
                  </a:lnTo>
                  <a:close/>
                  <a:moveTo>
                    <a:pt x="149" y="219"/>
                  </a:moveTo>
                  <a:lnTo>
                    <a:pt x="145" y="219"/>
                  </a:lnTo>
                  <a:lnTo>
                    <a:pt x="132" y="248"/>
                  </a:lnTo>
                  <a:lnTo>
                    <a:pt x="127" y="251"/>
                  </a:lnTo>
                  <a:lnTo>
                    <a:pt x="147" y="239"/>
                  </a:lnTo>
                  <a:lnTo>
                    <a:pt x="149" y="219"/>
                  </a:lnTo>
                  <a:close/>
                  <a:moveTo>
                    <a:pt x="66" y="248"/>
                  </a:moveTo>
                  <a:lnTo>
                    <a:pt x="61" y="268"/>
                  </a:lnTo>
                  <a:lnTo>
                    <a:pt x="71" y="269"/>
                  </a:lnTo>
                  <a:lnTo>
                    <a:pt x="80" y="265"/>
                  </a:lnTo>
                  <a:lnTo>
                    <a:pt x="80" y="252"/>
                  </a:lnTo>
                  <a:lnTo>
                    <a:pt x="66" y="24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34" name="Freeform 173"/>
            <p:cNvSpPr>
              <a:spLocks noChangeAspect="1" noEditPoints="1"/>
            </p:cNvSpPr>
            <p:nvPr/>
          </p:nvSpPr>
          <p:spPr bwMode="gray">
            <a:xfrm>
              <a:off x="5989638" y="4427538"/>
              <a:ext cx="46038" cy="39688"/>
            </a:xfrm>
            <a:custGeom>
              <a:avLst/>
              <a:gdLst>
                <a:gd name="T0" fmla="*/ 0 w 93"/>
                <a:gd name="T1" fmla="*/ 0 h 80"/>
                <a:gd name="T2" fmla="*/ 0 w 93"/>
                <a:gd name="T3" fmla="*/ 1 h 80"/>
                <a:gd name="T4" fmla="*/ 0 w 93"/>
                <a:gd name="T5" fmla="*/ 1 h 80"/>
                <a:gd name="T6" fmla="*/ 0 w 93"/>
                <a:gd name="T7" fmla="*/ 0 h 80"/>
                <a:gd name="T8" fmla="*/ 0 w 93"/>
                <a:gd name="T9" fmla="*/ 0 h 80"/>
                <a:gd name="T10" fmla="*/ 3 w 93"/>
                <a:gd name="T11" fmla="*/ 2 h 80"/>
                <a:gd name="T12" fmla="*/ 3 w 93"/>
                <a:gd name="T13" fmla="*/ 3 h 80"/>
                <a:gd name="T14" fmla="*/ 2 w 93"/>
                <a:gd name="T15" fmla="*/ 2 h 80"/>
                <a:gd name="T16" fmla="*/ 2 w 93"/>
                <a:gd name="T17" fmla="*/ 2 h 80"/>
                <a:gd name="T18" fmla="*/ 3 w 93"/>
                <a:gd name="T19" fmla="*/ 2 h 80"/>
                <a:gd name="T20" fmla="*/ 2 w 93"/>
                <a:gd name="T21" fmla="*/ 1 h 80"/>
                <a:gd name="T22" fmla="*/ 2 w 93"/>
                <a:gd name="T23" fmla="*/ 2 h 80"/>
                <a:gd name="T24" fmla="*/ 2 w 93"/>
                <a:gd name="T25" fmla="*/ 1 h 80"/>
                <a:gd name="T26" fmla="*/ 2 w 93"/>
                <a:gd name="T27" fmla="*/ 1 h 80"/>
                <a:gd name="T28" fmla="*/ 1 w 93"/>
                <a:gd name="T29" fmla="*/ 2 h 80"/>
                <a:gd name="T30" fmla="*/ 1 w 93"/>
                <a:gd name="T31" fmla="*/ 1 h 80"/>
                <a:gd name="T32" fmla="*/ 1 w 93"/>
                <a:gd name="T33" fmla="*/ 2 h 80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93"/>
                <a:gd name="T52" fmla="*/ 0 h 80"/>
                <a:gd name="T53" fmla="*/ 93 w 93"/>
                <a:gd name="T54" fmla="*/ 80 h 80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93" h="80">
                  <a:moveTo>
                    <a:pt x="5" y="0"/>
                  </a:moveTo>
                  <a:lnTo>
                    <a:pt x="8" y="27"/>
                  </a:lnTo>
                  <a:lnTo>
                    <a:pt x="0" y="17"/>
                  </a:lnTo>
                  <a:lnTo>
                    <a:pt x="0" y="4"/>
                  </a:lnTo>
                  <a:lnTo>
                    <a:pt x="5" y="0"/>
                  </a:lnTo>
                  <a:close/>
                  <a:moveTo>
                    <a:pt x="93" y="69"/>
                  </a:moveTo>
                  <a:lnTo>
                    <a:pt x="92" y="80"/>
                  </a:lnTo>
                  <a:lnTo>
                    <a:pt x="87" y="78"/>
                  </a:lnTo>
                  <a:lnTo>
                    <a:pt x="84" y="66"/>
                  </a:lnTo>
                  <a:lnTo>
                    <a:pt x="93" y="69"/>
                  </a:lnTo>
                  <a:close/>
                  <a:moveTo>
                    <a:pt x="58" y="38"/>
                  </a:moveTo>
                  <a:lnTo>
                    <a:pt x="58" y="51"/>
                  </a:lnTo>
                  <a:lnTo>
                    <a:pt x="47" y="41"/>
                  </a:lnTo>
                  <a:lnTo>
                    <a:pt x="58" y="38"/>
                  </a:lnTo>
                  <a:close/>
                  <a:moveTo>
                    <a:pt x="30" y="49"/>
                  </a:moveTo>
                  <a:lnTo>
                    <a:pt x="19" y="44"/>
                  </a:lnTo>
                  <a:lnTo>
                    <a:pt x="30" y="4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35" name="Freeform 174"/>
            <p:cNvSpPr>
              <a:spLocks noChangeAspect="1" noEditPoints="1"/>
            </p:cNvSpPr>
            <p:nvPr/>
          </p:nvSpPr>
          <p:spPr bwMode="gray">
            <a:xfrm>
              <a:off x="5684838" y="4197351"/>
              <a:ext cx="242888" cy="241300"/>
            </a:xfrm>
            <a:custGeom>
              <a:avLst/>
              <a:gdLst>
                <a:gd name="T0" fmla="*/ 1 w 498"/>
                <a:gd name="T1" fmla="*/ 9 h 495"/>
                <a:gd name="T2" fmla="*/ 1 w 498"/>
                <a:gd name="T3" fmla="*/ 7 h 495"/>
                <a:gd name="T4" fmla="*/ 0 w 498"/>
                <a:gd name="T5" fmla="*/ 7 h 495"/>
                <a:gd name="T6" fmla="*/ 0 w 498"/>
                <a:gd name="T7" fmla="*/ 6 h 495"/>
                <a:gd name="T8" fmla="*/ 0 w 498"/>
                <a:gd name="T9" fmla="*/ 5 h 495"/>
                <a:gd name="T10" fmla="*/ 2 w 498"/>
                <a:gd name="T11" fmla="*/ 3 h 495"/>
                <a:gd name="T12" fmla="*/ 1 w 498"/>
                <a:gd name="T13" fmla="*/ 2 h 495"/>
                <a:gd name="T14" fmla="*/ 2 w 498"/>
                <a:gd name="T15" fmla="*/ 1 h 495"/>
                <a:gd name="T16" fmla="*/ 3 w 498"/>
                <a:gd name="T17" fmla="*/ 0 h 495"/>
                <a:gd name="T18" fmla="*/ 3 w 498"/>
                <a:gd name="T19" fmla="*/ 1 h 495"/>
                <a:gd name="T20" fmla="*/ 3 w 498"/>
                <a:gd name="T21" fmla="*/ 2 h 495"/>
                <a:gd name="T22" fmla="*/ 3 w 498"/>
                <a:gd name="T23" fmla="*/ 2 h 495"/>
                <a:gd name="T24" fmla="*/ 3 w 498"/>
                <a:gd name="T25" fmla="*/ 2 h 495"/>
                <a:gd name="T26" fmla="*/ 3 w 498"/>
                <a:gd name="T27" fmla="*/ 2 h 495"/>
                <a:gd name="T28" fmla="*/ 3 w 498"/>
                <a:gd name="T29" fmla="*/ 2 h 495"/>
                <a:gd name="T30" fmla="*/ 4 w 498"/>
                <a:gd name="T31" fmla="*/ 2 h 495"/>
                <a:gd name="T32" fmla="*/ 4 w 498"/>
                <a:gd name="T33" fmla="*/ 2 h 495"/>
                <a:gd name="T34" fmla="*/ 4 w 498"/>
                <a:gd name="T35" fmla="*/ 2 h 495"/>
                <a:gd name="T36" fmla="*/ 4 w 498"/>
                <a:gd name="T37" fmla="*/ 2 h 495"/>
                <a:gd name="T38" fmla="*/ 5 w 498"/>
                <a:gd name="T39" fmla="*/ 2 h 495"/>
                <a:gd name="T40" fmla="*/ 5 w 498"/>
                <a:gd name="T41" fmla="*/ 2 h 495"/>
                <a:gd name="T42" fmla="*/ 6 w 498"/>
                <a:gd name="T43" fmla="*/ 2 h 495"/>
                <a:gd name="T44" fmla="*/ 6 w 498"/>
                <a:gd name="T45" fmla="*/ 2 h 495"/>
                <a:gd name="T46" fmla="*/ 5 w 498"/>
                <a:gd name="T47" fmla="*/ 2 h 495"/>
                <a:gd name="T48" fmla="*/ 5 w 498"/>
                <a:gd name="T49" fmla="*/ 1 h 495"/>
                <a:gd name="T50" fmla="*/ 5 w 498"/>
                <a:gd name="T51" fmla="*/ 1 h 495"/>
                <a:gd name="T52" fmla="*/ 6 w 498"/>
                <a:gd name="T53" fmla="*/ 1 h 495"/>
                <a:gd name="T54" fmla="*/ 6 w 498"/>
                <a:gd name="T55" fmla="*/ 1 h 495"/>
                <a:gd name="T56" fmla="*/ 6 w 498"/>
                <a:gd name="T57" fmla="*/ 1 h 495"/>
                <a:gd name="T58" fmla="*/ 6 w 498"/>
                <a:gd name="T59" fmla="*/ 0 h 495"/>
                <a:gd name="T60" fmla="*/ 6 w 498"/>
                <a:gd name="T61" fmla="*/ 0 h 495"/>
                <a:gd name="T62" fmla="*/ 11 w 498"/>
                <a:gd name="T63" fmla="*/ 3 h 495"/>
                <a:gd name="T64" fmla="*/ 13 w 498"/>
                <a:gd name="T65" fmla="*/ 5 h 495"/>
                <a:gd name="T66" fmla="*/ 12 w 498"/>
                <a:gd name="T67" fmla="*/ 7 h 495"/>
                <a:gd name="T68" fmla="*/ 13 w 498"/>
                <a:gd name="T69" fmla="*/ 9 h 495"/>
                <a:gd name="T70" fmla="*/ 13 w 498"/>
                <a:gd name="T71" fmla="*/ 10 h 495"/>
                <a:gd name="T72" fmla="*/ 13 w 498"/>
                <a:gd name="T73" fmla="*/ 10 h 495"/>
                <a:gd name="T74" fmla="*/ 13 w 498"/>
                <a:gd name="T75" fmla="*/ 10 h 495"/>
                <a:gd name="T76" fmla="*/ 14 w 498"/>
                <a:gd name="T77" fmla="*/ 12 h 495"/>
                <a:gd name="T78" fmla="*/ 14 w 498"/>
                <a:gd name="T79" fmla="*/ 13 h 495"/>
                <a:gd name="T80" fmla="*/ 13 w 498"/>
                <a:gd name="T81" fmla="*/ 14 h 495"/>
                <a:gd name="T82" fmla="*/ 12 w 498"/>
                <a:gd name="T83" fmla="*/ 14 h 495"/>
                <a:gd name="T84" fmla="*/ 11 w 498"/>
                <a:gd name="T85" fmla="*/ 14 h 495"/>
                <a:gd name="T86" fmla="*/ 9 w 498"/>
                <a:gd name="T87" fmla="*/ 14 h 495"/>
                <a:gd name="T88" fmla="*/ 8 w 498"/>
                <a:gd name="T89" fmla="*/ 14 h 495"/>
                <a:gd name="T90" fmla="*/ 7 w 498"/>
                <a:gd name="T91" fmla="*/ 14 h 495"/>
                <a:gd name="T92" fmla="*/ 6 w 498"/>
                <a:gd name="T93" fmla="*/ 11 h 495"/>
                <a:gd name="T94" fmla="*/ 6 w 498"/>
                <a:gd name="T95" fmla="*/ 12 h 495"/>
                <a:gd name="T96" fmla="*/ 5 w 498"/>
                <a:gd name="T97" fmla="*/ 11 h 495"/>
                <a:gd name="T98" fmla="*/ 3 w 498"/>
                <a:gd name="T99" fmla="*/ 11 h 495"/>
                <a:gd name="T100" fmla="*/ 2 w 498"/>
                <a:gd name="T101" fmla="*/ 10 h 495"/>
                <a:gd name="T102" fmla="*/ 14 w 498"/>
                <a:gd name="T103" fmla="*/ 6 h 495"/>
                <a:gd name="T104" fmla="*/ 14 w 498"/>
                <a:gd name="T105" fmla="*/ 5 h 495"/>
                <a:gd name="T106" fmla="*/ 14 w 498"/>
                <a:gd name="T107" fmla="*/ 6 h 495"/>
                <a:gd name="T108" fmla="*/ 13 w 498"/>
                <a:gd name="T109" fmla="*/ 7 h 495"/>
                <a:gd name="T110" fmla="*/ 13 w 498"/>
                <a:gd name="T111" fmla="*/ 6 h 495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w 498"/>
                <a:gd name="T169" fmla="*/ 0 h 495"/>
                <a:gd name="T170" fmla="*/ 498 w 498"/>
                <a:gd name="T171" fmla="*/ 495 h 495"/>
              </a:gdLst>
              <a:ahLst/>
              <a:cxnLst>
                <a:cxn ang="T112">
                  <a:pos x="T0" y="T1"/>
                </a:cxn>
                <a:cxn ang="T113">
                  <a:pos x="T2" y="T3"/>
                </a:cxn>
                <a:cxn ang="T114">
                  <a:pos x="T4" y="T5"/>
                </a:cxn>
                <a:cxn ang="T115">
                  <a:pos x="T6" y="T7"/>
                </a:cxn>
                <a:cxn ang="T116">
                  <a:pos x="T8" y="T9"/>
                </a:cxn>
                <a:cxn ang="T117">
                  <a:pos x="T10" y="T11"/>
                </a:cxn>
                <a:cxn ang="T118">
                  <a:pos x="T12" y="T13"/>
                </a:cxn>
                <a:cxn ang="T119">
                  <a:pos x="T14" y="T15"/>
                </a:cxn>
                <a:cxn ang="T120">
                  <a:pos x="T16" y="T17"/>
                </a:cxn>
                <a:cxn ang="T121">
                  <a:pos x="T18" y="T19"/>
                </a:cxn>
                <a:cxn ang="T122">
                  <a:pos x="T20" y="T21"/>
                </a:cxn>
                <a:cxn ang="T123">
                  <a:pos x="T22" y="T23"/>
                </a:cxn>
                <a:cxn ang="T124">
                  <a:pos x="T24" y="T25"/>
                </a:cxn>
                <a:cxn ang="T125">
                  <a:pos x="T26" y="T27"/>
                </a:cxn>
                <a:cxn ang="T126">
                  <a:pos x="T28" y="T29"/>
                </a:cxn>
                <a:cxn ang="T127">
                  <a:pos x="T30" y="T31"/>
                </a:cxn>
                <a:cxn ang="T128">
                  <a:pos x="T32" y="T33"/>
                </a:cxn>
                <a:cxn ang="T129">
                  <a:pos x="T34" y="T35"/>
                </a:cxn>
                <a:cxn ang="T130">
                  <a:pos x="T36" y="T37"/>
                </a:cxn>
                <a:cxn ang="T131">
                  <a:pos x="T38" y="T39"/>
                </a:cxn>
                <a:cxn ang="T132">
                  <a:pos x="T40" y="T41"/>
                </a:cxn>
                <a:cxn ang="T133">
                  <a:pos x="T42" y="T43"/>
                </a:cxn>
                <a:cxn ang="T134">
                  <a:pos x="T44" y="T45"/>
                </a:cxn>
                <a:cxn ang="T135">
                  <a:pos x="T46" y="T47"/>
                </a:cxn>
                <a:cxn ang="T136">
                  <a:pos x="T48" y="T49"/>
                </a:cxn>
                <a:cxn ang="T137">
                  <a:pos x="T50" y="T51"/>
                </a:cxn>
                <a:cxn ang="T138">
                  <a:pos x="T52" y="T53"/>
                </a:cxn>
                <a:cxn ang="T139">
                  <a:pos x="T54" y="T55"/>
                </a:cxn>
                <a:cxn ang="T140">
                  <a:pos x="T56" y="T57"/>
                </a:cxn>
                <a:cxn ang="T141">
                  <a:pos x="T58" y="T59"/>
                </a:cxn>
                <a:cxn ang="T142">
                  <a:pos x="T60" y="T61"/>
                </a:cxn>
                <a:cxn ang="T143">
                  <a:pos x="T62" y="T63"/>
                </a:cxn>
                <a:cxn ang="T144">
                  <a:pos x="T64" y="T65"/>
                </a:cxn>
                <a:cxn ang="T145">
                  <a:pos x="T66" y="T67"/>
                </a:cxn>
                <a:cxn ang="T146">
                  <a:pos x="T68" y="T69"/>
                </a:cxn>
                <a:cxn ang="T147">
                  <a:pos x="T70" y="T71"/>
                </a:cxn>
                <a:cxn ang="T148">
                  <a:pos x="T72" y="T73"/>
                </a:cxn>
                <a:cxn ang="T149">
                  <a:pos x="T74" y="T75"/>
                </a:cxn>
                <a:cxn ang="T150">
                  <a:pos x="T76" y="T77"/>
                </a:cxn>
                <a:cxn ang="T151">
                  <a:pos x="T78" y="T79"/>
                </a:cxn>
                <a:cxn ang="T152">
                  <a:pos x="T80" y="T81"/>
                </a:cxn>
                <a:cxn ang="T153">
                  <a:pos x="T82" y="T83"/>
                </a:cxn>
                <a:cxn ang="T154">
                  <a:pos x="T84" y="T85"/>
                </a:cxn>
                <a:cxn ang="T155">
                  <a:pos x="T86" y="T87"/>
                </a:cxn>
                <a:cxn ang="T156">
                  <a:pos x="T88" y="T89"/>
                </a:cxn>
                <a:cxn ang="T157">
                  <a:pos x="T90" y="T91"/>
                </a:cxn>
                <a:cxn ang="T158">
                  <a:pos x="T92" y="T93"/>
                </a:cxn>
                <a:cxn ang="T159">
                  <a:pos x="T94" y="T95"/>
                </a:cxn>
                <a:cxn ang="T160">
                  <a:pos x="T96" y="T97"/>
                </a:cxn>
                <a:cxn ang="T161">
                  <a:pos x="T98" y="T99"/>
                </a:cxn>
                <a:cxn ang="T162">
                  <a:pos x="T100" y="T101"/>
                </a:cxn>
                <a:cxn ang="T163">
                  <a:pos x="T102" y="T103"/>
                </a:cxn>
                <a:cxn ang="T164">
                  <a:pos x="T104" y="T105"/>
                </a:cxn>
                <a:cxn ang="T165">
                  <a:pos x="T106" y="T107"/>
                </a:cxn>
                <a:cxn ang="T166">
                  <a:pos x="T108" y="T109"/>
                </a:cxn>
                <a:cxn ang="T167">
                  <a:pos x="T110" y="T111"/>
                </a:cxn>
              </a:cxnLst>
              <a:rect l="T168" t="T169" r="T170" b="T171"/>
              <a:pathLst>
                <a:path w="498" h="495">
                  <a:moveTo>
                    <a:pt x="68" y="348"/>
                  </a:moveTo>
                  <a:lnTo>
                    <a:pt x="42" y="294"/>
                  </a:lnTo>
                  <a:lnTo>
                    <a:pt x="42" y="275"/>
                  </a:lnTo>
                  <a:lnTo>
                    <a:pt x="27" y="258"/>
                  </a:lnTo>
                  <a:lnTo>
                    <a:pt x="8" y="249"/>
                  </a:lnTo>
                  <a:lnTo>
                    <a:pt x="5" y="237"/>
                  </a:lnTo>
                  <a:lnTo>
                    <a:pt x="13" y="227"/>
                  </a:lnTo>
                  <a:lnTo>
                    <a:pt x="8" y="193"/>
                  </a:lnTo>
                  <a:lnTo>
                    <a:pt x="2" y="186"/>
                  </a:lnTo>
                  <a:lnTo>
                    <a:pt x="0" y="156"/>
                  </a:lnTo>
                  <a:lnTo>
                    <a:pt x="24" y="148"/>
                  </a:lnTo>
                  <a:lnTo>
                    <a:pt x="55" y="99"/>
                  </a:lnTo>
                  <a:lnTo>
                    <a:pt x="53" y="88"/>
                  </a:lnTo>
                  <a:lnTo>
                    <a:pt x="41" y="79"/>
                  </a:lnTo>
                  <a:lnTo>
                    <a:pt x="46" y="63"/>
                  </a:lnTo>
                  <a:lnTo>
                    <a:pt x="58" y="43"/>
                  </a:lnTo>
                  <a:lnTo>
                    <a:pt x="38" y="1"/>
                  </a:lnTo>
                  <a:lnTo>
                    <a:pt x="100" y="0"/>
                  </a:lnTo>
                  <a:lnTo>
                    <a:pt x="100" y="3"/>
                  </a:lnTo>
                  <a:lnTo>
                    <a:pt x="100" y="20"/>
                  </a:lnTo>
                  <a:lnTo>
                    <a:pt x="97" y="32"/>
                  </a:lnTo>
                  <a:lnTo>
                    <a:pt x="95" y="49"/>
                  </a:lnTo>
                  <a:lnTo>
                    <a:pt x="98" y="68"/>
                  </a:lnTo>
                  <a:lnTo>
                    <a:pt x="98" y="74"/>
                  </a:lnTo>
                  <a:lnTo>
                    <a:pt x="104" y="80"/>
                  </a:lnTo>
                  <a:lnTo>
                    <a:pt x="109" y="77"/>
                  </a:lnTo>
                  <a:lnTo>
                    <a:pt x="112" y="72"/>
                  </a:lnTo>
                  <a:lnTo>
                    <a:pt x="117" y="71"/>
                  </a:lnTo>
                  <a:lnTo>
                    <a:pt x="115" y="63"/>
                  </a:lnTo>
                  <a:lnTo>
                    <a:pt x="120" y="59"/>
                  </a:lnTo>
                  <a:lnTo>
                    <a:pt x="124" y="60"/>
                  </a:lnTo>
                  <a:lnTo>
                    <a:pt x="132" y="71"/>
                  </a:lnTo>
                  <a:lnTo>
                    <a:pt x="137" y="74"/>
                  </a:lnTo>
                  <a:lnTo>
                    <a:pt x="143" y="71"/>
                  </a:lnTo>
                  <a:lnTo>
                    <a:pt x="146" y="71"/>
                  </a:lnTo>
                  <a:lnTo>
                    <a:pt x="149" y="88"/>
                  </a:lnTo>
                  <a:lnTo>
                    <a:pt x="154" y="85"/>
                  </a:lnTo>
                  <a:lnTo>
                    <a:pt x="154" y="77"/>
                  </a:lnTo>
                  <a:lnTo>
                    <a:pt x="155" y="69"/>
                  </a:lnTo>
                  <a:lnTo>
                    <a:pt x="160" y="69"/>
                  </a:lnTo>
                  <a:lnTo>
                    <a:pt x="169" y="69"/>
                  </a:lnTo>
                  <a:lnTo>
                    <a:pt x="172" y="68"/>
                  </a:lnTo>
                  <a:lnTo>
                    <a:pt x="181" y="66"/>
                  </a:lnTo>
                  <a:lnTo>
                    <a:pt x="189" y="59"/>
                  </a:lnTo>
                  <a:lnTo>
                    <a:pt x="189" y="55"/>
                  </a:lnTo>
                  <a:lnTo>
                    <a:pt x="188" y="52"/>
                  </a:lnTo>
                  <a:lnTo>
                    <a:pt x="177" y="54"/>
                  </a:lnTo>
                  <a:lnTo>
                    <a:pt x="169" y="51"/>
                  </a:lnTo>
                  <a:lnTo>
                    <a:pt x="169" y="48"/>
                  </a:lnTo>
                  <a:lnTo>
                    <a:pt x="178" y="42"/>
                  </a:lnTo>
                  <a:lnTo>
                    <a:pt x="177" y="40"/>
                  </a:lnTo>
                  <a:lnTo>
                    <a:pt x="178" y="37"/>
                  </a:lnTo>
                  <a:lnTo>
                    <a:pt x="185" y="37"/>
                  </a:lnTo>
                  <a:lnTo>
                    <a:pt x="185" y="34"/>
                  </a:lnTo>
                  <a:lnTo>
                    <a:pt x="189" y="29"/>
                  </a:lnTo>
                  <a:lnTo>
                    <a:pt x="189" y="23"/>
                  </a:lnTo>
                  <a:lnTo>
                    <a:pt x="195" y="23"/>
                  </a:lnTo>
                  <a:lnTo>
                    <a:pt x="197" y="15"/>
                  </a:lnTo>
                  <a:lnTo>
                    <a:pt x="202" y="17"/>
                  </a:lnTo>
                  <a:lnTo>
                    <a:pt x="202" y="14"/>
                  </a:lnTo>
                  <a:lnTo>
                    <a:pt x="200" y="8"/>
                  </a:lnTo>
                  <a:lnTo>
                    <a:pt x="202" y="3"/>
                  </a:lnTo>
                  <a:lnTo>
                    <a:pt x="211" y="0"/>
                  </a:lnTo>
                  <a:lnTo>
                    <a:pt x="373" y="93"/>
                  </a:lnTo>
                  <a:lnTo>
                    <a:pt x="383" y="128"/>
                  </a:lnTo>
                  <a:lnTo>
                    <a:pt x="447" y="167"/>
                  </a:lnTo>
                  <a:lnTo>
                    <a:pt x="426" y="235"/>
                  </a:lnTo>
                  <a:lnTo>
                    <a:pt x="426" y="243"/>
                  </a:lnTo>
                  <a:lnTo>
                    <a:pt x="457" y="281"/>
                  </a:lnTo>
                  <a:lnTo>
                    <a:pt x="449" y="308"/>
                  </a:lnTo>
                  <a:lnTo>
                    <a:pt x="452" y="318"/>
                  </a:lnTo>
                  <a:lnTo>
                    <a:pt x="452" y="330"/>
                  </a:lnTo>
                  <a:lnTo>
                    <a:pt x="447" y="330"/>
                  </a:lnTo>
                  <a:lnTo>
                    <a:pt x="446" y="337"/>
                  </a:lnTo>
                  <a:lnTo>
                    <a:pt x="455" y="359"/>
                  </a:lnTo>
                  <a:lnTo>
                    <a:pt x="452" y="363"/>
                  </a:lnTo>
                  <a:lnTo>
                    <a:pt x="464" y="380"/>
                  </a:lnTo>
                  <a:lnTo>
                    <a:pt x="472" y="416"/>
                  </a:lnTo>
                  <a:lnTo>
                    <a:pt x="498" y="433"/>
                  </a:lnTo>
                  <a:lnTo>
                    <a:pt x="497" y="441"/>
                  </a:lnTo>
                  <a:lnTo>
                    <a:pt x="476" y="461"/>
                  </a:lnTo>
                  <a:lnTo>
                    <a:pt x="429" y="477"/>
                  </a:lnTo>
                  <a:lnTo>
                    <a:pt x="414" y="479"/>
                  </a:lnTo>
                  <a:lnTo>
                    <a:pt x="401" y="472"/>
                  </a:lnTo>
                  <a:lnTo>
                    <a:pt x="381" y="475"/>
                  </a:lnTo>
                  <a:lnTo>
                    <a:pt x="367" y="487"/>
                  </a:lnTo>
                  <a:lnTo>
                    <a:pt x="335" y="487"/>
                  </a:lnTo>
                  <a:lnTo>
                    <a:pt x="312" y="495"/>
                  </a:lnTo>
                  <a:lnTo>
                    <a:pt x="293" y="484"/>
                  </a:lnTo>
                  <a:lnTo>
                    <a:pt x="279" y="489"/>
                  </a:lnTo>
                  <a:lnTo>
                    <a:pt x="244" y="487"/>
                  </a:lnTo>
                  <a:lnTo>
                    <a:pt x="232" y="469"/>
                  </a:lnTo>
                  <a:lnTo>
                    <a:pt x="223" y="414"/>
                  </a:lnTo>
                  <a:lnTo>
                    <a:pt x="211" y="397"/>
                  </a:lnTo>
                  <a:lnTo>
                    <a:pt x="200" y="396"/>
                  </a:lnTo>
                  <a:lnTo>
                    <a:pt x="198" y="399"/>
                  </a:lnTo>
                  <a:lnTo>
                    <a:pt x="189" y="394"/>
                  </a:lnTo>
                  <a:lnTo>
                    <a:pt x="177" y="397"/>
                  </a:lnTo>
                  <a:lnTo>
                    <a:pt x="154" y="387"/>
                  </a:lnTo>
                  <a:lnTo>
                    <a:pt x="98" y="367"/>
                  </a:lnTo>
                  <a:lnTo>
                    <a:pt x="80" y="350"/>
                  </a:lnTo>
                  <a:lnTo>
                    <a:pt x="68" y="348"/>
                  </a:lnTo>
                  <a:close/>
                  <a:moveTo>
                    <a:pt x="472" y="189"/>
                  </a:moveTo>
                  <a:lnTo>
                    <a:pt x="469" y="204"/>
                  </a:lnTo>
                  <a:lnTo>
                    <a:pt x="466" y="199"/>
                  </a:lnTo>
                  <a:lnTo>
                    <a:pt x="466" y="179"/>
                  </a:lnTo>
                  <a:lnTo>
                    <a:pt x="471" y="179"/>
                  </a:lnTo>
                  <a:lnTo>
                    <a:pt x="472" y="189"/>
                  </a:lnTo>
                  <a:close/>
                  <a:moveTo>
                    <a:pt x="447" y="220"/>
                  </a:moveTo>
                  <a:lnTo>
                    <a:pt x="459" y="250"/>
                  </a:lnTo>
                  <a:lnTo>
                    <a:pt x="447" y="241"/>
                  </a:lnTo>
                  <a:lnTo>
                    <a:pt x="447" y="22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36" name="Freeform 175"/>
            <p:cNvSpPr>
              <a:spLocks noChangeAspect="1" noEditPoints="1"/>
            </p:cNvSpPr>
            <p:nvPr/>
          </p:nvSpPr>
          <p:spPr bwMode="gray">
            <a:xfrm>
              <a:off x="5184775" y="3275013"/>
              <a:ext cx="88900" cy="188913"/>
            </a:xfrm>
            <a:custGeom>
              <a:avLst/>
              <a:gdLst>
                <a:gd name="T0" fmla="*/ 2 w 183"/>
                <a:gd name="T1" fmla="*/ 1 h 387"/>
                <a:gd name="T2" fmla="*/ 1 w 183"/>
                <a:gd name="T3" fmla="*/ 1 h 387"/>
                <a:gd name="T4" fmla="*/ 2 w 183"/>
                <a:gd name="T5" fmla="*/ 2 h 387"/>
                <a:gd name="T6" fmla="*/ 1 w 183"/>
                <a:gd name="T7" fmla="*/ 2 h 387"/>
                <a:gd name="T8" fmla="*/ 2 w 183"/>
                <a:gd name="T9" fmla="*/ 4 h 387"/>
                <a:gd name="T10" fmla="*/ 1 w 183"/>
                <a:gd name="T11" fmla="*/ 5 h 387"/>
                <a:gd name="T12" fmla="*/ 0 w 183"/>
                <a:gd name="T13" fmla="*/ 6 h 387"/>
                <a:gd name="T14" fmla="*/ 0 w 183"/>
                <a:gd name="T15" fmla="*/ 7 h 387"/>
                <a:gd name="T16" fmla="*/ 1 w 183"/>
                <a:gd name="T17" fmla="*/ 7 h 387"/>
                <a:gd name="T18" fmla="*/ 1 w 183"/>
                <a:gd name="T19" fmla="*/ 7 h 387"/>
                <a:gd name="T20" fmla="*/ 1 w 183"/>
                <a:gd name="T21" fmla="*/ 8 h 387"/>
                <a:gd name="T22" fmla="*/ 2 w 183"/>
                <a:gd name="T23" fmla="*/ 9 h 387"/>
                <a:gd name="T24" fmla="*/ 3 w 183"/>
                <a:gd name="T25" fmla="*/ 11 h 387"/>
                <a:gd name="T26" fmla="*/ 3 w 183"/>
                <a:gd name="T27" fmla="*/ 11 h 387"/>
                <a:gd name="T28" fmla="*/ 4 w 183"/>
                <a:gd name="T29" fmla="*/ 10 h 387"/>
                <a:gd name="T30" fmla="*/ 3 w 183"/>
                <a:gd name="T31" fmla="*/ 10 h 387"/>
                <a:gd name="T32" fmla="*/ 4 w 183"/>
                <a:gd name="T33" fmla="*/ 9 h 387"/>
                <a:gd name="T34" fmla="*/ 5 w 183"/>
                <a:gd name="T35" fmla="*/ 8 h 387"/>
                <a:gd name="T36" fmla="*/ 5 w 183"/>
                <a:gd name="T37" fmla="*/ 8 h 387"/>
                <a:gd name="T38" fmla="*/ 5 w 183"/>
                <a:gd name="T39" fmla="*/ 7 h 387"/>
                <a:gd name="T40" fmla="*/ 5 w 183"/>
                <a:gd name="T41" fmla="*/ 7 h 387"/>
                <a:gd name="T42" fmla="*/ 5 w 183"/>
                <a:gd name="T43" fmla="*/ 6 h 387"/>
                <a:gd name="T44" fmla="*/ 4 w 183"/>
                <a:gd name="T45" fmla="*/ 6 h 387"/>
                <a:gd name="T46" fmla="*/ 4 w 183"/>
                <a:gd name="T47" fmla="*/ 6 h 387"/>
                <a:gd name="T48" fmla="*/ 4 w 183"/>
                <a:gd name="T49" fmla="*/ 6 h 387"/>
                <a:gd name="T50" fmla="*/ 3 w 183"/>
                <a:gd name="T51" fmla="*/ 6 h 387"/>
                <a:gd name="T52" fmla="*/ 3 w 183"/>
                <a:gd name="T53" fmla="*/ 6 h 387"/>
                <a:gd name="T54" fmla="*/ 3 w 183"/>
                <a:gd name="T55" fmla="*/ 5 h 387"/>
                <a:gd name="T56" fmla="*/ 4 w 183"/>
                <a:gd name="T57" fmla="*/ 6 h 387"/>
                <a:gd name="T58" fmla="*/ 4 w 183"/>
                <a:gd name="T59" fmla="*/ 5 h 387"/>
                <a:gd name="T60" fmla="*/ 5 w 183"/>
                <a:gd name="T61" fmla="*/ 4 h 387"/>
                <a:gd name="T62" fmla="*/ 5 w 183"/>
                <a:gd name="T63" fmla="*/ 3 h 387"/>
                <a:gd name="T64" fmla="*/ 5 w 183"/>
                <a:gd name="T65" fmla="*/ 3 h 387"/>
                <a:gd name="T66" fmla="*/ 4 w 183"/>
                <a:gd name="T67" fmla="*/ 2 h 387"/>
                <a:gd name="T68" fmla="*/ 4 w 183"/>
                <a:gd name="T69" fmla="*/ 2 h 387"/>
                <a:gd name="T70" fmla="*/ 4 w 183"/>
                <a:gd name="T71" fmla="*/ 2 h 387"/>
                <a:gd name="T72" fmla="*/ 5 w 183"/>
                <a:gd name="T73" fmla="*/ 1 h 387"/>
                <a:gd name="T74" fmla="*/ 5 w 183"/>
                <a:gd name="T75" fmla="*/ 1 h 387"/>
                <a:gd name="T76" fmla="*/ 5 w 183"/>
                <a:gd name="T77" fmla="*/ 1 h 387"/>
                <a:gd name="T78" fmla="*/ 4 w 183"/>
                <a:gd name="T79" fmla="*/ 1 h 387"/>
                <a:gd name="T80" fmla="*/ 4 w 183"/>
                <a:gd name="T81" fmla="*/ 1 h 387"/>
                <a:gd name="T82" fmla="*/ 4 w 183"/>
                <a:gd name="T83" fmla="*/ 0 h 387"/>
                <a:gd name="T84" fmla="*/ 4 w 183"/>
                <a:gd name="T85" fmla="*/ 0 h 387"/>
                <a:gd name="T86" fmla="*/ 3 w 183"/>
                <a:gd name="T87" fmla="*/ 0 h 387"/>
                <a:gd name="T88" fmla="*/ 2 w 183"/>
                <a:gd name="T89" fmla="*/ 0 h 387"/>
                <a:gd name="T90" fmla="*/ 2 w 183"/>
                <a:gd name="T91" fmla="*/ 1 h 387"/>
                <a:gd name="T92" fmla="*/ 5 w 183"/>
                <a:gd name="T93" fmla="*/ 6 h 387"/>
                <a:gd name="T94" fmla="*/ 5 w 183"/>
                <a:gd name="T95" fmla="*/ 6 h 387"/>
                <a:gd name="T96" fmla="*/ 4 w 183"/>
                <a:gd name="T97" fmla="*/ 6 h 387"/>
                <a:gd name="T98" fmla="*/ 4 w 183"/>
                <a:gd name="T99" fmla="*/ 6 h 387"/>
                <a:gd name="T100" fmla="*/ 5 w 183"/>
                <a:gd name="T101" fmla="*/ 6 h 387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183"/>
                <a:gd name="T154" fmla="*/ 0 h 387"/>
                <a:gd name="T155" fmla="*/ 183 w 183"/>
                <a:gd name="T156" fmla="*/ 387 h 387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183" h="387">
                  <a:moveTo>
                    <a:pt x="64" y="22"/>
                  </a:moveTo>
                  <a:lnTo>
                    <a:pt x="41" y="46"/>
                  </a:lnTo>
                  <a:lnTo>
                    <a:pt x="50" y="51"/>
                  </a:lnTo>
                  <a:lnTo>
                    <a:pt x="45" y="86"/>
                  </a:lnTo>
                  <a:lnTo>
                    <a:pt x="50" y="124"/>
                  </a:lnTo>
                  <a:lnTo>
                    <a:pt x="41" y="156"/>
                  </a:lnTo>
                  <a:lnTo>
                    <a:pt x="0" y="192"/>
                  </a:lnTo>
                  <a:lnTo>
                    <a:pt x="11" y="229"/>
                  </a:lnTo>
                  <a:lnTo>
                    <a:pt x="31" y="240"/>
                  </a:lnTo>
                  <a:lnTo>
                    <a:pt x="38" y="257"/>
                  </a:lnTo>
                  <a:lnTo>
                    <a:pt x="38" y="272"/>
                  </a:lnTo>
                  <a:lnTo>
                    <a:pt x="76" y="294"/>
                  </a:lnTo>
                  <a:lnTo>
                    <a:pt x="93" y="387"/>
                  </a:lnTo>
                  <a:lnTo>
                    <a:pt x="113" y="381"/>
                  </a:lnTo>
                  <a:lnTo>
                    <a:pt x="127" y="365"/>
                  </a:lnTo>
                  <a:lnTo>
                    <a:pt x="122" y="333"/>
                  </a:lnTo>
                  <a:lnTo>
                    <a:pt x="127" y="318"/>
                  </a:lnTo>
                  <a:lnTo>
                    <a:pt x="180" y="277"/>
                  </a:lnTo>
                  <a:lnTo>
                    <a:pt x="183" y="269"/>
                  </a:lnTo>
                  <a:lnTo>
                    <a:pt x="183" y="235"/>
                  </a:lnTo>
                  <a:lnTo>
                    <a:pt x="170" y="233"/>
                  </a:lnTo>
                  <a:lnTo>
                    <a:pt x="160" y="212"/>
                  </a:lnTo>
                  <a:lnTo>
                    <a:pt x="149" y="217"/>
                  </a:lnTo>
                  <a:lnTo>
                    <a:pt x="143" y="206"/>
                  </a:lnTo>
                  <a:lnTo>
                    <a:pt x="127" y="206"/>
                  </a:lnTo>
                  <a:lnTo>
                    <a:pt x="119" y="201"/>
                  </a:lnTo>
                  <a:lnTo>
                    <a:pt x="116" y="192"/>
                  </a:lnTo>
                  <a:lnTo>
                    <a:pt x="116" y="181"/>
                  </a:lnTo>
                  <a:lnTo>
                    <a:pt x="126" y="184"/>
                  </a:lnTo>
                  <a:lnTo>
                    <a:pt x="127" y="170"/>
                  </a:lnTo>
                  <a:lnTo>
                    <a:pt x="161" y="145"/>
                  </a:lnTo>
                  <a:lnTo>
                    <a:pt x="175" y="119"/>
                  </a:lnTo>
                  <a:lnTo>
                    <a:pt x="170" y="98"/>
                  </a:lnTo>
                  <a:lnTo>
                    <a:pt x="152" y="86"/>
                  </a:lnTo>
                  <a:lnTo>
                    <a:pt x="144" y="68"/>
                  </a:lnTo>
                  <a:lnTo>
                    <a:pt x="147" y="56"/>
                  </a:lnTo>
                  <a:lnTo>
                    <a:pt x="164" y="46"/>
                  </a:lnTo>
                  <a:lnTo>
                    <a:pt x="173" y="26"/>
                  </a:lnTo>
                  <a:lnTo>
                    <a:pt x="170" y="17"/>
                  </a:lnTo>
                  <a:lnTo>
                    <a:pt x="144" y="34"/>
                  </a:lnTo>
                  <a:lnTo>
                    <a:pt x="135" y="31"/>
                  </a:lnTo>
                  <a:lnTo>
                    <a:pt x="133" y="14"/>
                  </a:lnTo>
                  <a:lnTo>
                    <a:pt x="130" y="6"/>
                  </a:lnTo>
                  <a:lnTo>
                    <a:pt x="107" y="0"/>
                  </a:lnTo>
                  <a:lnTo>
                    <a:pt x="87" y="5"/>
                  </a:lnTo>
                  <a:lnTo>
                    <a:pt x="64" y="22"/>
                  </a:lnTo>
                  <a:close/>
                  <a:moveTo>
                    <a:pt x="158" y="196"/>
                  </a:moveTo>
                  <a:lnTo>
                    <a:pt x="160" y="206"/>
                  </a:lnTo>
                  <a:lnTo>
                    <a:pt x="152" y="206"/>
                  </a:lnTo>
                  <a:lnTo>
                    <a:pt x="149" y="198"/>
                  </a:lnTo>
                  <a:lnTo>
                    <a:pt x="158" y="19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37" name="Freeform 176"/>
            <p:cNvSpPr>
              <a:spLocks noChangeAspect="1"/>
            </p:cNvSpPr>
            <p:nvPr/>
          </p:nvSpPr>
          <p:spPr bwMode="gray">
            <a:xfrm>
              <a:off x="5481638" y="3128963"/>
              <a:ext cx="53975" cy="46038"/>
            </a:xfrm>
            <a:custGeom>
              <a:avLst/>
              <a:gdLst>
                <a:gd name="T0" fmla="*/ 0 w 112"/>
                <a:gd name="T1" fmla="*/ 1 h 90"/>
                <a:gd name="T2" fmla="*/ 0 w 112"/>
                <a:gd name="T3" fmla="*/ 0 h 90"/>
                <a:gd name="T4" fmla="*/ 1 w 112"/>
                <a:gd name="T5" fmla="*/ 0 h 90"/>
                <a:gd name="T6" fmla="*/ 1 w 112"/>
                <a:gd name="T7" fmla="*/ 0 h 90"/>
                <a:gd name="T8" fmla="*/ 1 w 112"/>
                <a:gd name="T9" fmla="*/ 0 h 90"/>
                <a:gd name="T10" fmla="*/ 2 w 112"/>
                <a:gd name="T11" fmla="*/ 0 h 90"/>
                <a:gd name="T12" fmla="*/ 3 w 112"/>
                <a:gd name="T13" fmla="*/ 1 h 90"/>
                <a:gd name="T14" fmla="*/ 3 w 112"/>
                <a:gd name="T15" fmla="*/ 2 h 90"/>
                <a:gd name="T16" fmla="*/ 3 w 112"/>
                <a:gd name="T17" fmla="*/ 2 h 90"/>
                <a:gd name="T18" fmla="*/ 2 w 112"/>
                <a:gd name="T19" fmla="*/ 2 h 90"/>
                <a:gd name="T20" fmla="*/ 2 w 112"/>
                <a:gd name="T21" fmla="*/ 3 h 90"/>
                <a:gd name="T22" fmla="*/ 1 w 112"/>
                <a:gd name="T23" fmla="*/ 3 h 90"/>
                <a:gd name="T24" fmla="*/ 0 w 112"/>
                <a:gd name="T25" fmla="*/ 3 h 90"/>
                <a:gd name="T26" fmla="*/ 0 w 112"/>
                <a:gd name="T27" fmla="*/ 2 h 90"/>
                <a:gd name="T28" fmla="*/ 0 w 112"/>
                <a:gd name="T29" fmla="*/ 1 h 90"/>
                <a:gd name="T30" fmla="*/ 0 w 112"/>
                <a:gd name="T31" fmla="*/ 1 h 90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12"/>
                <a:gd name="T49" fmla="*/ 0 h 90"/>
                <a:gd name="T50" fmla="*/ 112 w 112"/>
                <a:gd name="T51" fmla="*/ 90 h 90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12" h="90">
                  <a:moveTo>
                    <a:pt x="9" y="16"/>
                  </a:moveTo>
                  <a:lnTo>
                    <a:pt x="13" y="6"/>
                  </a:lnTo>
                  <a:lnTo>
                    <a:pt x="26" y="3"/>
                  </a:lnTo>
                  <a:lnTo>
                    <a:pt x="34" y="8"/>
                  </a:lnTo>
                  <a:lnTo>
                    <a:pt x="43" y="0"/>
                  </a:lnTo>
                  <a:lnTo>
                    <a:pt x="87" y="3"/>
                  </a:lnTo>
                  <a:lnTo>
                    <a:pt x="105" y="19"/>
                  </a:lnTo>
                  <a:lnTo>
                    <a:pt x="112" y="59"/>
                  </a:lnTo>
                  <a:lnTo>
                    <a:pt x="93" y="72"/>
                  </a:lnTo>
                  <a:lnTo>
                    <a:pt x="76" y="72"/>
                  </a:lnTo>
                  <a:lnTo>
                    <a:pt x="51" y="85"/>
                  </a:lnTo>
                  <a:lnTo>
                    <a:pt x="22" y="90"/>
                  </a:lnTo>
                  <a:lnTo>
                    <a:pt x="8" y="76"/>
                  </a:lnTo>
                  <a:lnTo>
                    <a:pt x="0" y="59"/>
                  </a:lnTo>
                  <a:lnTo>
                    <a:pt x="4" y="14"/>
                  </a:lnTo>
                  <a:lnTo>
                    <a:pt x="9" y="1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38" name="Freeform 177"/>
            <p:cNvSpPr>
              <a:spLocks noChangeAspect="1"/>
            </p:cNvSpPr>
            <p:nvPr/>
          </p:nvSpPr>
          <p:spPr bwMode="gray">
            <a:xfrm>
              <a:off x="5451475" y="3119438"/>
              <a:ext cx="41275" cy="90488"/>
            </a:xfrm>
            <a:custGeom>
              <a:avLst/>
              <a:gdLst>
                <a:gd name="T0" fmla="*/ 1 w 83"/>
                <a:gd name="T1" fmla="*/ 6 h 181"/>
                <a:gd name="T2" fmla="*/ 3 w 83"/>
                <a:gd name="T3" fmla="*/ 4 h 181"/>
                <a:gd name="T4" fmla="*/ 3 w 83"/>
                <a:gd name="T5" fmla="*/ 3 h 181"/>
                <a:gd name="T6" fmla="*/ 2 w 83"/>
                <a:gd name="T7" fmla="*/ 3 h 181"/>
                <a:gd name="T8" fmla="*/ 2 w 83"/>
                <a:gd name="T9" fmla="*/ 3 h 181"/>
                <a:gd name="T10" fmla="*/ 2 w 83"/>
                <a:gd name="T11" fmla="*/ 1 h 181"/>
                <a:gd name="T12" fmla="*/ 1 w 83"/>
                <a:gd name="T13" fmla="*/ 0 h 181"/>
                <a:gd name="T14" fmla="*/ 1 w 83"/>
                <a:gd name="T15" fmla="*/ 0 h 181"/>
                <a:gd name="T16" fmla="*/ 0 w 83"/>
                <a:gd name="T17" fmla="*/ 0 h 181"/>
                <a:gd name="T18" fmla="*/ 0 w 83"/>
                <a:gd name="T19" fmla="*/ 2 h 181"/>
                <a:gd name="T20" fmla="*/ 0 w 83"/>
                <a:gd name="T21" fmla="*/ 2 h 181"/>
                <a:gd name="T22" fmla="*/ 0 w 83"/>
                <a:gd name="T23" fmla="*/ 3 h 181"/>
                <a:gd name="T24" fmla="*/ 0 w 83"/>
                <a:gd name="T25" fmla="*/ 3 h 181"/>
                <a:gd name="T26" fmla="*/ 0 w 83"/>
                <a:gd name="T27" fmla="*/ 4 h 181"/>
                <a:gd name="T28" fmla="*/ 0 w 83"/>
                <a:gd name="T29" fmla="*/ 4 h 181"/>
                <a:gd name="T30" fmla="*/ 0 w 83"/>
                <a:gd name="T31" fmla="*/ 4 h 181"/>
                <a:gd name="T32" fmla="*/ 0 w 83"/>
                <a:gd name="T33" fmla="*/ 5 h 181"/>
                <a:gd name="T34" fmla="*/ 1 w 83"/>
                <a:gd name="T35" fmla="*/ 5 h 181"/>
                <a:gd name="T36" fmla="*/ 1 w 83"/>
                <a:gd name="T37" fmla="*/ 6 h 181"/>
                <a:gd name="T38" fmla="*/ 1 w 83"/>
                <a:gd name="T39" fmla="*/ 6 h 181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w 83"/>
                <a:gd name="T61" fmla="*/ 0 h 181"/>
                <a:gd name="T62" fmla="*/ 83 w 83"/>
                <a:gd name="T63" fmla="*/ 181 h 181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T60" t="T61" r="T62" b="T63"/>
              <a:pathLst>
                <a:path w="83" h="181">
                  <a:moveTo>
                    <a:pt x="42" y="181"/>
                  </a:moveTo>
                  <a:lnTo>
                    <a:pt x="83" y="131"/>
                  </a:lnTo>
                  <a:lnTo>
                    <a:pt x="81" y="110"/>
                  </a:lnTo>
                  <a:lnTo>
                    <a:pt x="67" y="96"/>
                  </a:lnTo>
                  <a:lnTo>
                    <a:pt x="59" y="79"/>
                  </a:lnTo>
                  <a:lnTo>
                    <a:pt x="63" y="34"/>
                  </a:lnTo>
                  <a:lnTo>
                    <a:pt x="39" y="8"/>
                  </a:lnTo>
                  <a:lnTo>
                    <a:pt x="21" y="0"/>
                  </a:lnTo>
                  <a:lnTo>
                    <a:pt x="8" y="14"/>
                  </a:lnTo>
                  <a:lnTo>
                    <a:pt x="2" y="48"/>
                  </a:lnTo>
                  <a:lnTo>
                    <a:pt x="14" y="54"/>
                  </a:lnTo>
                  <a:lnTo>
                    <a:pt x="7" y="80"/>
                  </a:lnTo>
                  <a:lnTo>
                    <a:pt x="10" y="88"/>
                  </a:lnTo>
                  <a:lnTo>
                    <a:pt x="4" y="118"/>
                  </a:lnTo>
                  <a:lnTo>
                    <a:pt x="7" y="136"/>
                  </a:lnTo>
                  <a:lnTo>
                    <a:pt x="0" y="135"/>
                  </a:lnTo>
                  <a:lnTo>
                    <a:pt x="13" y="155"/>
                  </a:lnTo>
                  <a:lnTo>
                    <a:pt x="27" y="160"/>
                  </a:lnTo>
                  <a:lnTo>
                    <a:pt x="34" y="178"/>
                  </a:lnTo>
                  <a:lnTo>
                    <a:pt x="42" y="18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39" name="Freeform 178"/>
            <p:cNvSpPr>
              <a:spLocks noChangeAspect="1"/>
            </p:cNvSpPr>
            <p:nvPr/>
          </p:nvSpPr>
          <p:spPr bwMode="gray">
            <a:xfrm>
              <a:off x="5538788" y="2651126"/>
              <a:ext cx="215900" cy="184150"/>
            </a:xfrm>
            <a:custGeom>
              <a:avLst/>
              <a:gdLst>
                <a:gd name="T0" fmla="*/ 0 w 444"/>
                <a:gd name="T1" fmla="*/ 10 h 381"/>
                <a:gd name="T2" fmla="*/ 1 w 444"/>
                <a:gd name="T3" fmla="*/ 9 h 381"/>
                <a:gd name="T4" fmla="*/ 0 w 444"/>
                <a:gd name="T5" fmla="*/ 9 h 381"/>
                <a:gd name="T6" fmla="*/ 1 w 444"/>
                <a:gd name="T7" fmla="*/ 8 h 381"/>
                <a:gd name="T8" fmla="*/ 1 w 444"/>
                <a:gd name="T9" fmla="*/ 7 h 381"/>
                <a:gd name="T10" fmla="*/ 1 w 444"/>
                <a:gd name="T11" fmla="*/ 5 h 381"/>
                <a:gd name="T12" fmla="*/ 2 w 444"/>
                <a:gd name="T13" fmla="*/ 5 h 381"/>
                <a:gd name="T14" fmla="*/ 2 w 444"/>
                <a:gd name="T15" fmla="*/ 5 h 381"/>
                <a:gd name="T16" fmla="*/ 3 w 444"/>
                <a:gd name="T17" fmla="*/ 4 h 381"/>
                <a:gd name="T18" fmla="*/ 3 w 444"/>
                <a:gd name="T19" fmla="*/ 5 h 381"/>
                <a:gd name="T20" fmla="*/ 3 w 444"/>
                <a:gd name="T21" fmla="*/ 4 h 381"/>
                <a:gd name="T22" fmla="*/ 3 w 444"/>
                <a:gd name="T23" fmla="*/ 4 h 381"/>
                <a:gd name="T24" fmla="*/ 3 w 444"/>
                <a:gd name="T25" fmla="*/ 3 h 381"/>
                <a:gd name="T26" fmla="*/ 5 w 444"/>
                <a:gd name="T27" fmla="*/ 2 h 381"/>
                <a:gd name="T28" fmla="*/ 5 w 444"/>
                <a:gd name="T29" fmla="*/ 2 h 381"/>
                <a:gd name="T30" fmla="*/ 4 w 444"/>
                <a:gd name="T31" fmla="*/ 2 h 381"/>
                <a:gd name="T32" fmla="*/ 4 w 444"/>
                <a:gd name="T33" fmla="*/ 2 h 381"/>
                <a:gd name="T34" fmla="*/ 5 w 444"/>
                <a:gd name="T35" fmla="*/ 1 h 381"/>
                <a:gd name="T36" fmla="*/ 5 w 444"/>
                <a:gd name="T37" fmla="*/ 1 h 381"/>
                <a:gd name="T38" fmla="*/ 5 w 444"/>
                <a:gd name="T39" fmla="*/ 1 h 381"/>
                <a:gd name="T40" fmla="*/ 6 w 444"/>
                <a:gd name="T41" fmla="*/ 1 h 381"/>
                <a:gd name="T42" fmla="*/ 6 w 444"/>
                <a:gd name="T43" fmla="*/ 0 h 381"/>
                <a:gd name="T44" fmla="*/ 7 w 444"/>
                <a:gd name="T45" fmla="*/ 0 h 381"/>
                <a:gd name="T46" fmla="*/ 8 w 444"/>
                <a:gd name="T47" fmla="*/ 0 h 381"/>
                <a:gd name="T48" fmla="*/ 8 w 444"/>
                <a:gd name="T49" fmla="*/ 1 h 381"/>
                <a:gd name="T50" fmla="*/ 8 w 444"/>
                <a:gd name="T51" fmla="*/ 1 h 381"/>
                <a:gd name="T52" fmla="*/ 9 w 444"/>
                <a:gd name="T53" fmla="*/ 1 h 381"/>
                <a:gd name="T54" fmla="*/ 10 w 444"/>
                <a:gd name="T55" fmla="*/ 1 h 381"/>
                <a:gd name="T56" fmla="*/ 10 w 444"/>
                <a:gd name="T57" fmla="*/ 2 h 381"/>
                <a:gd name="T58" fmla="*/ 10 w 444"/>
                <a:gd name="T59" fmla="*/ 3 h 381"/>
                <a:gd name="T60" fmla="*/ 11 w 444"/>
                <a:gd name="T61" fmla="*/ 5 h 381"/>
                <a:gd name="T62" fmla="*/ 12 w 444"/>
                <a:gd name="T63" fmla="*/ 5 h 381"/>
                <a:gd name="T64" fmla="*/ 12 w 444"/>
                <a:gd name="T65" fmla="*/ 5 h 381"/>
                <a:gd name="T66" fmla="*/ 13 w 444"/>
                <a:gd name="T67" fmla="*/ 6 h 381"/>
                <a:gd name="T68" fmla="*/ 13 w 444"/>
                <a:gd name="T69" fmla="*/ 6 h 381"/>
                <a:gd name="T70" fmla="*/ 12 w 444"/>
                <a:gd name="T71" fmla="*/ 7 h 381"/>
                <a:gd name="T72" fmla="*/ 11 w 444"/>
                <a:gd name="T73" fmla="*/ 6 h 381"/>
                <a:gd name="T74" fmla="*/ 11 w 444"/>
                <a:gd name="T75" fmla="*/ 7 h 381"/>
                <a:gd name="T76" fmla="*/ 11 w 444"/>
                <a:gd name="T77" fmla="*/ 9 h 381"/>
                <a:gd name="T78" fmla="*/ 10 w 444"/>
                <a:gd name="T79" fmla="*/ 9 h 381"/>
                <a:gd name="T80" fmla="*/ 10 w 444"/>
                <a:gd name="T81" fmla="*/ 9 h 381"/>
                <a:gd name="T82" fmla="*/ 10 w 444"/>
                <a:gd name="T83" fmla="*/ 10 h 381"/>
                <a:gd name="T84" fmla="*/ 10 w 444"/>
                <a:gd name="T85" fmla="*/ 11 h 381"/>
                <a:gd name="T86" fmla="*/ 9 w 444"/>
                <a:gd name="T87" fmla="*/ 10 h 381"/>
                <a:gd name="T88" fmla="*/ 8 w 444"/>
                <a:gd name="T89" fmla="*/ 11 h 381"/>
                <a:gd name="T90" fmla="*/ 8 w 444"/>
                <a:gd name="T91" fmla="*/ 10 h 381"/>
                <a:gd name="T92" fmla="*/ 7 w 444"/>
                <a:gd name="T93" fmla="*/ 11 h 381"/>
                <a:gd name="T94" fmla="*/ 6 w 444"/>
                <a:gd name="T95" fmla="*/ 10 h 381"/>
                <a:gd name="T96" fmla="*/ 6 w 444"/>
                <a:gd name="T97" fmla="*/ 10 h 381"/>
                <a:gd name="T98" fmla="*/ 6 w 444"/>
                <a:gd name="T99" fmla="*/ 10 h 381"/>
                <a:gd name="T100" fmla="*/ 5 w 444"/>
                <a:gd name="T101" fmla="*/ 10 h 381"/>
                <a:gd name="T102" fmla="*/ 5 w 444"/>
                <a:gd name="T103" fmla="*/ 10 h 381"/>
                <a:gd name="T104" fmla="*/ 3 w 444"/>
                <a:gd name="T105" fmla="*/ 9 h 381"/>
                <a:gd name="T106" fmla="*/ 3 w 444"/>
                <a:gd name="T107" fmla="*/ 9 h 381"/>
                <a:gd name="T108" fmla="*/ 2 w 444"/>
                <a:gd name="T109" fmla="*/ 9 h 381"/>
                <a:gd name="T110" fmla="*/ 1 w 444"/>
                <a:gd name="T111" fmla="*/ 10 h 381"/>
                <a:gd name="T112" fmla="*/ 0 w 444"/>
                <a:gd name="T113" fmla="*/ 10 h 381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444"/>
                <a:gd name="T172" fmla="*/ 0 h 381"/>
                <a:gd name="T173" fmla="*/ 444 w 444"/>
                <a:gd name="T174" fmla="*/ 381 h 381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444" h="381">
                  <a:moveTo>
                    <a:pt x="14" y="359"/>
                  </a:moveTo>
                  <a:lnTo>
                    <a:pt x="17" y="329"/>
                  </a:lnTo>
                  <a:lnTo>
                    <a:pt x="0" y="308"/>
                  </a:lnTo>
                  <a:lnTo>
                    <a:pt x="31" y="276"/>
                  </a:lnTo>
                  <a:lnTo>
                    <a:pt x="31" y="248"/>
                  </a:lnTo>
                  <a:lnTo>
                    <a:pt x="15" y="178"/>
                  </a:lnTo>
                  <a:lnTo>
                    <a:pt x="76" y="174"/>
                  </a:lnTo>
                  <a:lnTo>
                    <a:pt x="73" y="163"/>
                  </a:lnTo>
                  <a:lnTo>
                    <a:pt x="96" y="151"/>
                  </a:lnTo>
                  <a:lnTo>
                    <a:pt x="119" y="160"/>
                  </a:lnTo>
                  <a:lnTo>
                    <a:pt x="110" y="143"/>
                  </a:lnTo>
                  <a:lnTo>
                    <a:pt x="119" y="124"/>
                  </a:lnTo>
                  <a:lnTo>
                    <a:pt x="122" y="96"/>
                  </a:lnTo>
                  <a:lnTo>
                    <a:pt x="158" y="83"/>
                  </a:lnTo>
                  <a:lnTo>
                    <a:pt x="164" y="67"/>
                  </a:lnTo>
                  <a:lnTo>
                    <a:pt x="150" y="64"/>
                  </a:lnTo>
                  <a:lnTo>
                    <a:pt x="150" y="50"/>
                  </a:lnTo>
                  <a:lnTo>
                    <a:pt x="162" y="42"/>
                  </a:lnTo>
                  <a:lnTo>
                    <a:pt x="162" y="41"/>
                  </a:lnTo>
                  <a:lnTo>
                    <a:pt x="181" y="29"/>
                  </a:lnTo>
                  <a:lnTo>
                    <a:pt x="201" y="32"/>
                  </a:lnTo>
                  <a:lnTo>
                    <a:pt x="220" y="5"/>
                  </a:lnTo>
                  <a:lnTo>
                    <a:pt x="235" y="0"/>
                  </a:lnTo>
                  <a:lnTo>
                    <a:pt x="281" y="12"/>
                  </a:lnTo>
                  <a:lnTo>
                    <a:pt x="291" y="21"/>
                  </a:lnTo>
                  <a:lnTo>
                    <a:pt x="289" y="36"/>
                  </a:lnTo>
                  <a:lnTo>
                    <a:pt x="334" y="24"/>
                  </a:lnTo>
                  <a:lnTo>
                    <a:pt x="359" y="46"/>
                  </a:lnTo>
                  <a:lnTo>
                    <a:pt x="364" y="79"/>
                  </a:lnTo>
                  <a:lnTo>
                    <a:pt x="356" y="110"/>
                  </a:lnTo>
                  <a:lnTo>
                    <a:pt x="398" y="169"/>
                  </a:lnTo>
                  <a:lnTo>
                    <a:pt x="401" y="189"/>
                  </a:lnTo>
                  <a:lnTo>
                    <a:pt x="421" y="186"/>
                  </a:lnTo>
                  <a:lnTo>
                    <a:pt x="444" y="205"/>
                  </a:lnTo>
                  <a:lnTo>
                    <a:pt x="444" y="217"/>
                  </a:lnTo>
                  <a:lnTo>
                    <a:pt x="418" y="239"/>
                  </a:lnTo>
                  <a:lnTo>
                    <a:pt x="388" y="228"/>
                  </a:lnTo>
                  <a:lnTo>
                    <a:pt x="374" y="240"/>
                  </a:lnTo>
                  <a:lnTo>
                    <a:pt x="399" y="316"/>
                  </a:lnTo>
                  <a:lnTo>
                    <a:pt x="362" y="321"/>
                  </a:lnTo>
                  <a:lnTo>
                    <a:pt x="347" y="338"/>
                  </a:lnTo>
                  <a:lnTo>
                    <a:pt x="345" y="372"/>
                  </a:lnTo>
                  <a:lnTo>
                    <a:pt x="335" y="381"/>
                  </a:lnTo>
                  <a:lnTo>
                    <a:pt x="323" y="372"/>
                  </a:lnTo>
                  <a:lnTo>
                    <a:pt x="291" y="379"/>
                  </a:lnTo>
                  <a:lnTo>
                    <a:pt x="271" y="359"/>
                  </a:lnTo>
                  <a:lnTo>
                    <a:pt x="257" y="374"/>
                  </a:lnTo>
                  <a:lnTo>
                    <a:pt x="229" y="359"/>
                  </a:lnTo>
                  <a:lnTo>
                    <a:pt x="204" y="372"/>
                  </a:lnTo>
                  <a:lnTo>
                    <a:pt x="198" y="361"/>
                  </a:lnTo>
                  <a:lnTo>
                    <a:pt x="184" y="362"/>
                  </a:lnTo>
                  <a:lnTo>
                    <a:pt x="170" y="347"/>
                  </a:lnTo>
                  <a:lnTo>
                    <a:pt x="120" y="330"/>
                  </a:lnTo>
                  <a:lnTo>
                    <a:pt x="96" y="332"/>
                  </a:lnTo>
                  <a:lnTo>
                    <a:pt x="57" y="335"/>
                  </a:lnTo>
                  <a:lnTo>
                    <a:pt x="43" y="349"/>
                  </a:lnTo>
                  <a:lnTo>
                    <a:pt x="14" y="35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40" name="Freeform 179"/>
            <p:cNvSpPr>
              <a:spLocks noChangeAspect="1"/>
            </p:cNvSpPr>
            <p:nvPr/>
          </p:nvSpPr>
          <p:spPr bwMode="gray">
            <a:xfrm>
              <a:off x="5513388" y="2797176"/>
              <a:ext cx="407988" cy="269875"/>
            </a:xfrm>
            <a:custGeom>
              <a:avLst/>
              <a:gdLst>
                <a:gd name="T0" fmla="*/ 1 w 835"/>
                <a:gd name="T1" fmla="*/ 9 h 556"/>
                <a:gd name="T2" fmla="*/ 4 w 835"/>
                <a:gd name="T3" fmla="*/ 9 h 556"/>
                <a:gd name="T4" fmla="*/ 7 w 835"/>
                <a:gd name="T5" fmla="*/ 8 h 556"/>
                <a:gd name="T6" fmla="*/ 10 w 835"/>
                <a:gd name="T7" fmla="*/ 9 h 556"/>
                <a:gd name="T8" fmla="*/ 10 w 835"/>
                <a:gd name="T9" fmla="*/ 11 h 556"/>
                <a:gd name="T10" fmla="*/ 9 w 835"/>
                <a:gd name="T11" fmla="*/ 12 h 556"/>
                <a:gd name="T12" fmla="*/ 9 w 835"/>
                <a:gd name="T13" fmla="*/ 14 h 556"/>
                <a:gd name="T14" fmla="*/ 8 w 835"/>
                <a:gd name="T15" fmla="*/ 14 h 556"/>
                <a:gd name="T16" fmla="*/ 10 w 835"/>
                <a:gd name="T17" fmla="*/ 14 h 556"/>
                <a:gd name="T18" fmla="*/ 10 w 835"/>
                <a:gd name="T19" fmla="*/ 14 h 556"/>
                <a:gd name="T20" fmla="*/ 11 w 835"/>
                <a:gd name="T21" fmla="*/ 13 h 556"/>
                <a:gd name="T22" fmla="*/ 12 w 835"/>
                <a:gd name="T23" fmla="*/ 12 h 556"/>
                <a:gd name="T24" fmla="*/ 13 w 835"/>
                <a:gd name="T25" fmla="*/ 12 h 556"/>
                <a:gd name="T26" fmla="*/ 13 w 835"/>
                <a:gd name="T27" fmla="*/ 12 h 556"/>
                <a:gd name="T28" fmla="*/ 14 w 835"/>
                <a:gd name="T29" fmla="*/ 13 h 556"/>
                <a:gd name="T30" fmla="*/ 16 w 835"/>
                <a:gd name="T31" fmla="*/ 13 h 556"/>
                <a:gd name="T32" fmla="*/ 15 w 835"/>
                <a:gd name="T33" fmla="*/ 14 h 556"/>
                <a:gd name="T34" fmla="*/ 16 w 835"/>
                <a:gd name="T35" fmla="*/ 16 h 556"/>
                <a:gd name="T36" fmla="*/ 18 w 835"/>
                <a:gd name="T37" fmla="*/ 15 h 556"/>
                <a:gd name="T38" fmla="*/ 19 w 835"/>
                <a:gd name="T39" fmla="*/ 15 h 556"/>
                <a:gd name="T40" fmla="*/ 18 w 835"/>
                <a:gd name="T41" fmla="*/ 14 h 556"/>
                <a:gd name="T42" fmla="*/ 18 w 835"/>
                <a:gd name="T43" fmla="*/ 14 h 556"/>
                <a:gd name="T44" fmla="*/ 17 w 835"/>
                <a:gd name="T45" fmla="*/ 13 h 556"/>
                <a:gd name="T46" fmla="*/ 17 w 835"/>
                <a:gd name="T47" fmla="*/ 13 h 556"/>
                <a:gd name="T48" fmla="*/ 16 w 835"/>
                <a:gd name="T49" fmla="*/ 13 h 556"/>
                <a:gd name="T50" fmla="*/ 17 w 835"/>
                <a:gd name="T51" fmla="*/ 13 h 556"/>
                <a:gd name="T52" fmla="*/ 17 w 835"/>
                <a:gd name="T53" fmla="*/ 13 h 556"/>
                <a:gd name="T54" fmla="*/ 17 w 835"/>
                <a:gd name="T55" fmla="*/ 13 h 556"/>
                <a:gd name="T56" fmla="*/ 18 w 835"/>
                <a:gd name="T57" fmla="*/ 12 h 556"/>
                <a:gd name="T58" fmla="*/ 20 w 835"/>
                <a:gd name="T59" fmla="*/ 12 h 556"/>
                <a:gd name="T60" fmla="*/ 22 w 835"/>
                <a:gd name="T61" fmla="*/ 11 h 556"/>
                <a:gd name="T62" fmla="*/ 24 w 835"/>
                <a:gd name="T63" fmla="*/ 9 h 556"/>
                <a:gd name="T64" fmla="*/ 24 w 835"/>
                <a:gd name="T65" fmla="*/ 8 h 556"/>
                <a:gd name="T66" fmla="*/ 24 w 835"/>
                <a:gd name="T67" fmla="*/ 6 h 556"/>
                <a:gd name="T68" fmla="*/ 22 w 835"/>
                <a:gd name="T69" fmla="*/ 5 h 556"/>
                <a:gd name="T70" fmla="*/ 20 w 835"/>
                <a:gd name="T71" fmla="*/ 4 h 556"/>
                <a:gd name="T72" fmla="*/ 16 w 835"/>
                <a:gd name="T73" fmla="*/ 2 h 556"/>
                <a:gd name="T74" fmla="*/ 16 w 835"/>
                <a:gd name="T75" fmla="*/ 0 h 556"/>
                <a:gd name="T76" fmla="*/ 12 w 835"/>
                <a:gd name="T77" fmla="*/ 1 h 556"/>
                <a:gd name="T78" fmla="*/ 11 w 835"/>
                <a:gd name="T79" fmla="*/ 2 h 556"/>
                <a:gd name="T80" fmla="*/ 9 w 835"/>
                <a:gd name="T81" fmla="*/ 2 h 556"/>
                <a:gd name="T82" fmla="*/ 7 w 835"/>
                <a:gd name="T83" fmla="*/ 2 h 556"/>
                <a:gd name="T84" fmla="*/ 5 w 835"/>
                <a:gd name="T85" fmla="*/ 1 h 556"/>
                <a:gd name="T86" fmla="*/ 3 w 835"/>
                <a:gd name="T87" fmla="*/ 2 h 556"/>
                <a:gd name="T88" fmla="*/ 2 w 835"/>
                <a:gd name="T89" fmla="*/ 3 h 556"/>
                <a:gd name="T90" fmla="*/ 1 w 835"/>
                <a:gd name="T91" fmla="*/ 5 h 556"/>
                <a:gd name="T92" fmla="*/ 1 w 835"/>
                <a:gd name="T93" fmla="*/ 7 h 55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835"/>
                <a:gd name="T142" fmla="*/ 0 h 556"/>
                <a:gd name="T143" fmla="*/ 835 w 835"/>
                <a:gd name="T144" fmla="*/ 556 h 556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835" h="556">
                  <a:moveTo>
                    <a:pt x="15" y="241"/>
                  </a:moveTo>
                  <a:lnTo>
                    <a:pt x="0" y="290"/>
                  </a:lnTo>
                  <a:lnTo>
                    <a:pt x="22" y="305"/>
                  </a:lnTo>
                  <a:lnTo>
                    <a:pt x="34" y="321"/>
                  </a:lnTo>
                  <a:lnTo>
                    <a:pt x="116" y="319"/>
                  </a:lnTo>
                  <a:lnTo>
                    <a:pt x="132" y="331"/>
                  </a:lnTo>
                  <a:lnTo>
                    <a:pt x="207" y="304"/>
                  </a:lnTo>
                  <a:lnTo>
                    <a:pt x="218" y="285"/>
                  </a:lnTo>
                  <a:lnTo>
                    <a:pt x="246" y="282"/>
                  </a:lnTo>
                  <a:lnTo>
                    <a:pt x="281" y="304"/>
                  </a:lnTo>
                  <a:lnTo>
                    <a:pt x="323" y="313"/>
                  </a:lnTo>
                  <a:lnTo>
                    <a:pt x="326" y="319"/>
                  </a:lnTo>
                  <a:lnTo>
                    <a:pt x="323" y="346"/>
                  </a:lnTo>
                  <a:lnTo>
                    <a:pt x="340" y="358"/>
                  </a:lnTo>
                  <a:lnTo>
                    <a:pt x="345" y="384"/>
                  </a:lnTo>
                  <a:lnTo>
                    <a:pt x="362" y="395"/>
                  </a:lnTo>
                  <a:lnTo>
                    <a:pt x="360" y="421"/>
                  </a:lnTo>
                  <a:lnTo>
                    <a:pt x="320" y="421"/>
                  </a:lnTo>
                  <a:lnTo>
                    <a:pt x="315" y="447"/>
                  </a:lnTo>
                  <a:lnTo>
                    <a:pt x="297" y="466"/>
                  </a:lnTo>
                  <a:lnTo>
                    <a:pt x="292" y="478"/>
                  </a:lnTo>
                  <a:lnTo>
                    <a:pt x="281" y="480"/>
                  </a:lnTo>
                  <a:lnTo>
                    <a:pt x="283" y="492"/>
                  </a:lnTo>
                  <a:lnTo>
                    <a:pt x="289" y="488"/>
                  </a:lnTo>
                  <a:lnTo>
                    <a:pt x="300" y="502"/>
                  </a:lnTo>
                  <a:lnTo>
                    <a:pt x="339" y="489"/>
                  </a:lnTo>
                  <a:lnTo>
                    <a:pt x="351" y="494"/>
                  </a:lnTo>
                  <a:lnTo>
                    <a:pt x="351" y="495"/>
                  </a:lnTo>
                  <a:lnTo>
                    <a:pt x="351" y="463"/>
                  </a:lnTo>
                  <a:lnTo>
                    <a:pt x="357" y="477"/>
                  </a:lnTo>
                  <a:lnTo>
                    <a:pt x="359" y="469"/>
                  </a:lnTo>
                  <a:lnTo>
                    <a:pt x="377" y="463"/>
                  </a:lnTo>
                  <a:lnTo>
                    <a:pt x="386" y="449"/>
                  </a:lnTo>
                  <a:lnTo>
                    <a:pt x="376" y="429"/>
                  </a:lnTo>
                  <a:lnTo>
                    <a:pt x="391" y="441"/>
                  </a:lnTo>
                  <a:lnTo>
                    <a:pt x="402" y="418"/>
                  </a:lnTo>
                  <a:lnTo>
                    <a:pt x="442" y="404"/>
                  </a:lnTo>
                  <a:lnTo>
                    <a:pt x="441" y="412"/>
                  </a:lnTo>
                  <a:lnTo>
                    <a:pt x="449" y="409"/>
                  </a:lnTo>
                  <a:lnTo>
                    <a:pt x="458" y="400"/>
                  </a:lnTo>
                  <a:lnTo>
                    <a:pt x="472" y="421"/>
                  </a:lnTo>
                  <a:lnTo>
                    <a:pt x="444" y="421"/>
                  </a:lnTo>
                  <a:lnTo>
                    <a:pt x="464" y="427"/>
                  </a:lnTo>
                  <a:lnTo>
                    <a:pt x="453" y="439"/>
                  </a:lnTo>
                  <a:lnTo>
                    <a:pt x="487" y="449"/>
                  </a:lnTo>
                  <a:lnTo>
                    <a:pt x="520" y="441"/>
                  </a:lnTo>
                  <a:lnTo>
                    <a:pt x="538" y="447"/>
                  </a:lnTo>
                  <a:lnTo>
                    <a:pt x="543" y="456"/>
                  </a:lnTo>
                  <a:lnTo>
                    <a:pt x="516" y="466"/>
                  </a:lnTo>
                  <a:lnTo>
                    <a:pt x="486" y="492"/>
                  </a:lnTo>
                  <a:lnTo>
                    <a:pt x="529" y="508"/>
                  </a:lnTo>
                  <a:lnTo>
                    <a:pt x="533" y="525"/>
                  </a:lnTo>
                  <a:lnTo>
                    <a:pt x="529" y="546"/>
                  </a:lnTo>
                  <a:lnTo>
                    <a:pt x="554" y="556"/>
                  </a:lnTo>
                  <a:lnTo>
                    <a:pt x="569" y="549"/>
                  </a:lnTo>
                  <a:lnTo>
                    <a:pt x="583" y="536"/>
                  </a:lnTo>
                  <a:lnTo>
                    <a:pt x="601" y="532"/>
                  </a:lnTo>
                  <a:lnTo>
                    <a:pt x="623" y="511"/>
                  </a:lnTo>
                  <a:lnTo>
                    <a:pt x="648" y="517"/>
                  </a:lnTo>
                  <a:lnTo>
                    <a:pt x="667" y="514"/>
                  </a:lnTo>
                  <a:lnTo>
                    <a:pt x="674" y="488"/>
                  </a:lnTo>
                  <a:lnTo>
                    <a:pt x="640" y="489"/>
                  </a:lnTo>
                  <a:lnTo>
                    <a:pt x="631" y="500"/>
                  </a:lnTo>
                  <a:lnTo>
                    <a:pt x="622" y="494"/>
                  </a:lnTo>
                  <a:lnTo>
                    <a:pt x="622" y="498"/>
                  </a:lnTo>
                  <a:lnTo>
                    <a:pt x="603" y="498"/>
                  </a:lnTo>
                  <a:lnTo>
                    <a:pt x="594" y="472"/>
                  </a:lnTo>
                  <a:lnTo>
                    <a:pt x="584" y="475"/>
                  </a:lnTo>
                  <a:lnTo>
                    <a:pt x="586" y="468"/>
                  </a:lnTo>
                  <a:lnTo>
                    <a:pt x="575" y="466"/>
                  </a:lnTo>
                  <a:lnTo>
                    <a:pt x="581" y="456"/>
                  </a:lnTo>
                  <a:lnTo>
                    <a:pt x="564" y="452"/>
                  </a:lnTo>
                  <a:lnTo>
                    <a:pt x="560" y="460"/>
                  </a:lnTo>
                  <a:lnTo>
                    <a:pt x="555" y="446"/>
                  </a:lnTo>
                  <a:lnTo>
                    <a:pt x="541" y="438"/>
                  </a:lnTo>
                  <a:lnTo>
                    <a:pt x="557" y="443"/>
                  </a:lnTo>
                  <a:lnTo>
                    <a:pt x="560" y="430"/>
                  </a:lnTo>
                  <a:lnTo>
                    <a:pt x="564" y="443"/>
                  </a:lnTo>
                  <a:lnTo>
                    <a:pt x="575" y="443"/>
                  </a:lnTo>
                  <a:lnTo>
                    <a:pt x="577" y="452"/>
                  </a:lnTo>
                  <a:lnTo>
                    <a:pt x="586" y="443"/>
                  </a:lnTo>
                  <a:lnTo>
                    <a:pt x="592" y="463"/>
                  </a:lnTo>
                  <a:lnTo>
                    <a:pt x="596" y="463"/>
                  </a:lnTo>
                  <a:lnTo>
                    <a:pt x="594" y="443"/>
                  </a:lnTo>
                  <a:lnTo>
                    <a:pt x="606" y="422"/>
                  </a:lnTo>
                  <a:lnTo>
                    <a:pt x="614" y="434"/>
                  </a:lnTo>
                  <a:lnTo>
                    <a:pt x="637" y="412"/>
                  </a:lnTo>
                  <a:lnTo>
                    <a:pt x="654" y="412"/>
                  </a:lnTo>
                  <a:lnTo>
                    <a:pt x="674" y="398"/>
                  </a:lnTo>
                  <a:lnTo>
                    <a:pt x="684" y="405"/>
                  </a:lnTo>
                  <a:lnTo>
                    <a:pt x="687" y="395"/>
                  </a:lnTo>
                  <a:lnTo>
                    <a:pt x="718" y="381"/>
                  </a:lnTo>
                  <a:lnTo>
                    <a:pt x="747" y="373"/>
                  </a:lnTo>
                  <a:lnTo>
                    <a:pt x="745" y="353"/>
                  </a:lnTo>
                  <a:lnTo>
                    <a:pt x="778" y="321"/>
                  </a:lnTo>
                  <a:lnTo>
                    <a:pt x="815" y="325"/>
                  </a:lnTo>
                  <a:lnTo>
                    <a:pt x="823" y="294"/>
                  </a:lnTo>
                  <a:lnTo>
                    <a:pt x="820" y="279"/>
                  </a:lnTo>
                  <a:lnTo>
                    <a:pt x="812" y="265"/>
                  </a:lnTo>
                  <a:lnTo>
                    <a:pt x="829" y="254"/>
                  </a:lnTo>
                  <a:lnTo>
                    <a:pt x="815" y="243"/>
                  </a:lnTo>
                  <a:lnTo>
                    <a:pt x="835" y="226"/>
                  </a:lnTo>
                  <a:lnTo>
                    <a:pt x="828" y="207"/>
                  </a:lnTo>
                  <a:lnTo>
                    <a:pt x="835" y="204"/>
                  </a:lnTo>
                  <a:lnTo>
                    <a:pt x="752" y="169"/>
                  </a:lnTo>
                  <a:lnTo>
                    <a:pt x="735" y="175"/>
                  </a:lnTo>
                  <a:lnTo>
                    <a:pt x="707" y="138"/>
                  </a:lnTo>
                  <a:lnTo>
                    <a:pt x="673" y="152"/>
                  </a:lnTo>
                  <a:lnTo>
                    <a:pt x="625" y="139"/>
                  </a:lnTo>
                  <a:lnTo>
                    <a:pt x="601" y="84"/>
                  </a:lnTo>
                  <a:lnTo>
                    <a:pt x="563" y="75"/>
                  </a:lnTo>
                  <a:lnTo>
                    <a:pt x="555" y="50"/>
                  </a:lnTo>
                  <a:lnTo>
                    <a:pt x="569" y="38"/>
                  </a:lnTo>
                  <a:lnTo>
                    <a:pt x="540" y="0"/>
                  </a:lnTo>
                  <a:lnTo>
                    <a:pt x="450" y="17"/>
                  </a:lnTo>
                  <a:lnTo>
                    <a:pt x="413" y="22"/>
                  </a:lnTo>
                  <a:lnTo>
                    <a:pt x="398" y="39"/>
                  </a:lnTo>
                  <a:lnTo>
                    <a:pt x="396" y="73"/>
                  </a:lnTo>
                  <a:lnTo>
                    <a:pt x="386" y="82"/>
                  </a:lnTo>
                  <a:lnTo>
                    <a:pt x="374" y="73"/>
                  </a:lnTo>
                  <a:lnTo>
                    <a:pt x="342" y="80"/>
                  </a:lnTo>
                  <a:lnTo>
                    <a:pt x="322" y="60"/>
                  </a:lnTo>
                  <a:lnTo>
                    <a:pt x="308" y="75"/>
                  </a:lnTo>
                  <a:lnTo>
                    <a:pt x="280" y="60"/>
                  </a:lnTo>
                  <a:lnTo>
                    <a:pt x="255" y="73"/>
                  </a:lnTo>
                  <a:lnTo>
                    <a:pt x="249" y="62"/>
                  </a:lnTo>
                  <a:lnTo>
                    <a:pt x="235" y="63"/>
                  </a:lnTo>
                  <a:lnTo>
                    <a:pt x="221" y="48"/>
                  </a:lnTo>
                  <a:lnTo>
                    <a:pt x="171" y="31"/>
                  </a:lnTo>
                  <a:lnTo>
                    <a:pt x="147" y="33"/>
                  </a:lnTo>
                  <a:lnTo>
                    <a:pt x="108" y="36"/>
                  </a:lnTo>
                  <a:lnTo>
                    <a:pt x="94" y="50"/>
                  </a:lnTo>
                  <a:lnTo>
                    <a:pt x="65" y="60"/>
                  </a:lnTo>
                  <a:lnTo>
                    <a:pt x="76" y="99"/>
                  </a:lnTo>
                  <a:lnTo>
                    <a:pt x="86" y="112"/>
                  </a:lnTo>
                  <a:lnTo>
                    <a:pt x="91" y="135"/>
                  </a:lnTo>
                  <a:lnTo>
                    <a:pt x="86" y="146"/>
                  </a:lnTo>
                  <a:lnTo>
                    <a:pt x="42" y="186"/>
                  </a:lnTo>
                  <a:lnTo>
                    <a:pt x="27" y="217"/>
                  </a:lnTo>
                  <a:lnTo>
                    <a:pt x="29" y="241"/>
                  </a:lnTo>
                  <a:lnTo>
                    <a:pt x="15" y="24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41" name="Freeform 180"/>
            <p:cNvSpPr>
              <a:spLocks noChangeAspect="1"/>
            </p:cNvSpPr>
            <p:nvPr/>
          </p:nvSpPr>
          <p:spPr bwMode="gray">
            <a:xfrm>
              <a:off x="5372100" y="3036888"/>
              <a:ext cx="87313" cy="84138"/>
            </a:xfrm>
            <a:custGeom>
              <a:avLst/>
              <a:gdLst>
                <a:gd name="T0" fmla="*/ 5 w 181"/>
                <a:gd name="T1" fmla="*/ 1 h 174"/>
                <a:gd name="T2" fmla="*/ 5 w 181"/>
                <a:gd name="T3" fmla="*/ 1 h 174"/>
                <a:gd name="T4" fmla="*/ 5 w 181"/>
                <a:gd name="T5" fmla="*/ 1 h 174"/>
                <a:gd name="T6" fmla="*/ 5 w 181"/>
                <a:gd name="T7" fmla="*/ 2 h 174"/>
                <a:gd name="T8" fmla="*/ 5 w 181"/>
                <a:gd name="T9" fmla="*/ 2 h 174"/>
                <a:gd name="T10" fmla="*/ 5 w 181"/>
                <a:gd name="T11" fmla="*/ 2 h 174"/>
                <a:gd name="T12" fmla="*/ 5 w 181"/>
                <a:gd name="T13" fmla="*/ 2 h 174"/>
                <a:gd name="T14" fmla="*/ 5 w 181"/>
                <a:gd name="T15" fmla="*/ 2 h 174"/>
                <a:gd name="T16" fmla="*/ 5 w 181"/>
                <a:gd name="T17" fmla="*/ 2 h 174"/>
                <a:gd name="T18" fmla="*/ 5 w 181"/>
                <a:gd name="T19" fmla="*/ 3 h 174"/>
                <a:gd name="T20" fmla="*/ 5 w 181"/>
                <a:gd name="T21" fmla="*/ 3 h 174"/>
                <a:gd name="T22" fmla="*/ 4 w 181"/>
                <a:gd name="T23" fmla="*/ 3 h 174"/>
                <a:gd name="T24" fmla="*/ 4 w 181"/>
                <a:gd name="T25" fmla="*/ 3 h 174"/>
                <a:gd name="T26" fmla="*/ 4 w 181"/>
                <a:gd name="T27" fmla="*/ 4 h 174"/>
                <a:gd name="T28" fmla="*/ 4 w 181"/>
                <a:gd name="T29" fmla="*/ 4 h 174"/>
                <a:gd name="T30" fmla="*/ 4 w 181"/>
                <a:gd name="T31" fmla="*/ 4 h 174"/>
                <a:gd name="T32" fmla="*/ 4 w 181"/>
                <a:gd name="T33" fmla="*/ 4 h 174"/>
                <a:gd name="T34" fmla="*/ 4 w 181"/>
                <a:gd name="T35" fmla="*/ 4 h 174"/>
                <a:gd name="T36" fmla="*/ 4 w 181"/>
                <a:gd name="T37" fmla="*/ 4 h 174"/>
                <a:gd name="T38" fmla="*/ 4 w 181"/>
                <a:gd name="T39" fmla="*/ 4 h 174"/>
                <a:gd name="T40" fmla="*/ 4 w 181"/>
                <a:gd name="T41" fmla="*/ 4 h 174"/>
                <a:gd name="T42" fmla="*/ 4 w 181"/>
                <a:gd name="T43" fmla="*/ 4 h 174"/>
                <a:gd name="T44" fmla="*/ 4 w 181"/>
                <a:gd name="T45" fmla="*/ 5 h 174"/>
                <a:gd name="T46" fmla="*/ 4 w 181"/>
                <a:gd name="T47" fmla="*/ 5 h 174"/>
                <a:gd name="T48" fmla="*/ 4 w 181"/>
                <a:gd name="T49" fmla="*/ 5 h 174"/>
                <a:gd name="T50" fmla="*/ 4 w 181"/>
                <a:gd name="T51" fmla="*/ 5 h 174"/>
                <a:gd name="T52" fmla="*/ 4 w 181"/>
                <a:gd name="T53" fmla="*/ 5 h 174"/>
                <a:gd name="T54" fmla="*/ 3 w 181"/>
                <a:gd name="T55" fmla="*/ 5 h 174"/>
                <a:gd name="T56" fmla="*/ 3 w 181"/>
                <a:gd name="T57" fmla="*/ 5 h 174"/>
                <a:gd name="T58" fmla="*/ 3 w 181"/>
                <a:gd name="T59" fmla="*/ 5 h 174"/>
                <a:gd name="T60" fmla="*/ 3 w 181"/>
                <a:gd name="T61" fmla="*/ 4 h 174"/>
                <a:gd name="T62" fmla="*/ 3 w 181"/>
                <a:gd name="T63" fmla="*/ 4 h 174"/>
                <a:gd name="T64" fmla="*/ 3 w 181"/>
                <a:gd name="T65" fmla="*/ 4 h 174"/>
                <a:gd name="T66" fmla="*/ 2 w 181"/>
                <a:gd name="T67" fmla="*/ 4 h 174"/>
                <a:gd name="T68" fmla="*/ 2 w 181"/>
                <a:gd name="T69" fmla="*/ 4 h 174"/>
                <a:gd name="T70" fmla="*/ 2 w 181"/>
                <a:gd name="T71" fmla="*/ 4 h 174"/>
                <a:gd name="T72" fmla="*/ 2 w 181"/>
                <a:gd name="T73" fmla="*/ 4 h 174"/>
                <a:gd name="T74" fmla="*/ 2 w 181"/>
                <a:gd name="T75" fmla="*/ 4 h 174"/>
                <a:gd name="T76" fmla="*/ 2 w 181"/>
                <a:gd name="T77" fmla="*/ 3 h 174"/>
                <a:gd name="T78" fmla="*/ 1 w 181"/>
                <a:gd name="T79" fmla="*/ 2 h 174"/>
                <a:gd name="T80" fmla="*/ 1 w 181"/>
                <a:gd name="T81" fmla="*/ 2 h 174"/>
                <a:gd name="T82" fmla="*/ 0 w 181"/>
                <a:gd name="T83" fmla="*/ 1 h 174"/>
                <a:gd name="T84" fmla="*/ 0 w 181"/>
                <a:gd name="T85" fmla="*/ 1 h 174"/>
                <a:gd name="T86" fmla="*/ 0 w 181"/>
                <a:gd name="T87" fmla="*/ 0 h 174"/>
                <a:gd name="T88" fmla="*/ 1 w 181"/>
                <a:gd name="T89" fmla="*/ 0 h 174"/>
                <a:gd name="T90" fmla="*/ 1 w 181"/>
                <a:gd name="T91" fmla="*/ 1 h 174"/>
                <a:gd name="T92" fmla="*/ 1 w 181"/>
                <a:gd name="T93" fmla="*/ 0 h 174"/>
                <a:gd name="T94" fmla="*/ 1 w 181"/>
                <a:gd name="T95" fmla="*/ 0 h 174"/>
                <a:gd name="T96" fmla="*/ 2 w 181"/>
                <a:gd name="T97" fmla="*/ 0 h 174"/>
                <a:gd name="T98" fmla="*/ 3 w 181"/>
                <a:gd name="T99" fmla="*/ 1 h 174"/>
                <a:gd name="T100" fmla="*/ 3 w 181"/>
                <a:gd name="T101" fmla="*/ 0 h 174"/>
                <a:gd name="T102" fmla="*/ 4 w 181"/>
                <a:gd name="T103" fmla="*/ 0 h 174"/>
                <a:gd name="T104" fmla="*/ 4 w 181"/>
                <a:gd name="T105" fmla="*/ 1 h 174"/>
                <a:gd name="T106" fmla="*/ 5 w 181"/>
                <a:gd name="T107" fmla="*/ 1 h 174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181"/>
                <a:gd name="T163" fmla="*/ 0 h 174"/>
                <a:gd name="T164" fmla="*/ 181 w 181"/>
                <a:gd name="T165" fmla="*/ 174 h 174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181" h="174">
                  <a:moveTo>
                    <a:pt x="157" y="24"/>
                  </a:moveTo>
                  <a:lnTo>
                    <a:pt x="168" y="24"/>
                  </a:lnTo>
                  <a:lnTo>
                    <a:pt x="169" y="27"/>
                  </a:lnTo>
                  <a:lnTo>
                    <a:pt x="157" y="59"/>
                  </a:lnTo>
                  <a:lnTo>
                    <a:pt x="160" y="62"/>
                  </a:lnTo>
                  <a:lnTo>
                    <a:pt x="181" y="79"/>
                  </a:lnTo>
                  <a:lnTo>
                    <a:pt x="178" y="84"/>
                  </a:lnTo>
                  <a:lnTo>
                    <a:pt x="166" y="83"/>
                  </a:lnTo>
                  <a:lnTo>
                    <a:pt x="164" y="84"/>
                  </a:lnTo>
                  <a:lnTo>
                    <a:pt x="178" y="98"/>
                  </a:lnTo>
                  <a:lnTo>
                    <a:pt x="177" y="107"/>
                  </a:lnTo>
                  <a:lnTo>
                    <a:pt x="155" y="113"/>
                  </a:lnTo>
                  <a:lnTo>
                    <a:pt x="149" y="115"/>
                  </a:lnTo>
                  <a:lnTo>
                    <a:pt x="155" y="126"/>
                  </a:lnTo>
                  <a:lnTo>
                    <a:pt x="155" y="130"/>
                  </a:lnTo>
                  <a:lnTo>
                    <a:pt x="152" y="130"/>
                  </a:lnTo>
                  <a:lnTo>
                    <a:pt x="149" y="124"/>
                  </a:lnTo>
                  <a:lnTo>
                    <a:pt x="144" y="124"/>
                  </a:lnTo>
                  <a:lnTo>
                    <a:pt x="135" y="135"/>
                  </a:lnTo>
                  <a:lnTo>
                    <a:pt x="134" y="144"/>
                  </a:lnTo>
                  <a:lnTo>
                    <a:pt x="130" y="144"/>
                  </a:lnTo>
                  <a:lnTo>
                    <a:pt x="126" y="155"/>
                  </a:lnTo>
                  <a:lnTo>
                    <a:pt x="130" y="164"/>
                  </a:lnTo>
                  <a:lnTo>
                    <a:pt x="130" y="167"/>
                  </a:lnTo>
                  <a:lnTo>
                    <a:pt x="127" y="174"/>
                  </a:lnTo>
                  <a:lnTo>
                    <a:pt x="124" y="174"/>
                  </a:lnTo>
                  <a:lnTo>
                    <a:pt x="124" y="171"/>
                  </a:lnTo>
                  <a:lnTo>
                    <a:pt x="117" y="169"/>
                  </a:lnTo>
                  <a:lnTo>
                    <a:pt x="109" y="163"/>
                  </a:lnTo>
                  <a:lnTo>
                    <a:pt x="103" y="161"/>
                  </a:lnTo>
                  <a:lnTo>
                    <a:pt x="96" y="155"/>
                  </a:lnTo>
                  <a:lnTo>
                    <a:pt x="96" y="152"/>
                  </a:lnTo>
                  <a:lnTo>
                    <a:pt x="92" y="150"/>
                  </a:lnTo>
                  <a:lnTo>
                    <a:pt x="84" y="154"/>
                  </a:lnTo>
                  <a:lnTo>
                    <a:pt x="84" y="150"/>
                  </a:lnTo>
                  <a:lnTo>
                    <a:pt x="83" y="150"/>
                  </a:lnTo>
                  <a:lnTo>
                    <a:pt x="90" y="147"/>
                  </a:lnTo>
                  <a:lnTo>
                    <a:pt x="71" y="127"/>
                  </a:lnTo>
                  <a:lnTo>
                    <a:pt x="70" y="117"/>
                  </a:lnTo>
                  <a:lnTo>
                    <a:pt x="20" y="70"/>
                  </a:lnTo>
                  <a:lnTo>
                    <a:pt x="19" y="51"/>
                  </a:lnTo>
                  <a:lnTo>
                    <a:pt x="10" y="36"/>
                  </a:lnTo>
                  <a:lnTo>
                    <a:pt x="0" y="30"/>
                  </a:lnTo>
                  <a:lnTo>
                    <a:pt x="3" y="7"/>
                  </a:lnTo>
                  <a:lnTo>
                    <a:pt x="16" y="3"/>
                  </a:lnTo>
                  <a:lnTo>
                    <a:pt x="28" y="17"/>
                  </a:lnTo>
                  <a:lnTo>
                    <a:pt x="37" y="3"/>
                  </a:lnTo>
                  <a:lnTo>
                    <a:pt x="45" y="3"/>
                  </a:lnTo>
                  <a:lnTo>
                    <a:pt x="58" y="0"/>
                  </a:lnTo>
                  <a:lnTo>
                    <a:pt x="98" y="16"/>
                  </a:lnTo>
                  <a:lnTo>
                    <a:pt x="107" y="8"/>
                  </a:lnTo>
                  <a:lnTo>
                    <a:pt x="137" y="13"/>
                  </a:lnTo>
                  <a:lnTo>
                    <a:pt x="146" y="28"/>
                  </a:lnTo>
                  <a:lnTo>
                    <a:pt x="157" y="2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42" name="Freeform 181"/>
            <p:cNvSpPr>
              <a:spLocks noChangeAspect="1"/>
            </p:cNvSpPr>
            <p:nvPr/>
          </p:nvSpPr>
          <p:spPr bwMode="gray">
            <a:xfrm>
              <a:off x="5521325" y="3074988"/>
              <a:ext cx="141288" cy="85725"/>
            </a:xfrm>
            <a:custGeom>
              <a:avLst/>
              <a:gdLst>
                <a:gd name="T0" fmla="*/ 1 w 290"/>
                <a:gd name="T1" fmla="*/ 5 h 179"/>
                <a:gd name="T2" fmla="*/ 1 w 290"/>
                <a:gd name="T3" fmla="*/ 4 h 179"/>
                <a:gd name="T4" fmla="*/ 0 w 290"/>
                <a:gd name="T5" fmla="*/ 3 h 179"/>
                <a:gd name="T6" fmla="*/ 0 w 290"/>
                <a:gd name="T7" fmla="*/ 3 h 179"/>
                <a:gd name="T8" fmla="*/ 1 w 290"/>
                <a:gd name="T9" fmla="*/ 2 h 179"/>
                <a:gd name="T10" fmla="*/ 0 w 290"/>
                <a:gd name="T11" fmla="*/ 1 h 179"/>
                <a:gd name="T12" fmla="*/ 0 w 290"/>
                <a:gd name="T13" fmla="*/ 1 h 179"/>
                <a:gd name="T14" fmla="*/ 0 w 290"/>
                <a:gd name="T15" fmla="*/ 0 h 179"/>
                <a:gd name="T16" fmla="*/ 1 w 290"/>
                <a:gd name="T17" fmla="*/ 0 h 179"/>
                <a:gd name="T18" fmla="*/ 1 w 290"/>
                <a:gd name="T19" fmla="*/ 0 h 179"/>
                <a:gd name="T20" fmla="*/ 1 w 290"/>
                <a:gd name="T21" fmla="*/ 0 h 179"/>
                <a:gd name="T22" fmla="*/ 1 w 290"/>
                <a:gd name="T23" fmla="*/ 1 h 179"/>
                <a:gd name="T24" fmla="*/ 4 w 290"/>
                <a:gd name="T25" fmla="*/ 1 h 179"/>
                <a:gd name="T26" fmla="*/ 6 w 290"/>
                <a:gd name="T27" fmla="*/ 0 h 179"/>
                <a:gd name="T28" fmla="*/ 6 w 290"/>
                <a:gd name="T29" fmla="*/ 0 h 179"/>
                <a:gd name="T30" fmla="*/ 7 w 290"/>
                <a:gd name="T31" fmla="*/ 0 h 179"/>
                <a:gd name="T32" fmla="*/ 8 w 290"/>
                <a:gd name="T33" fmla="*/ 1 h 179"/>
                <a:gd name="T34" fmla="*/ 8 w 290"/>
                <a:gd name="T35" fmla="*/ 1 h 179"/>
                <a:gd name="T36" fmla="*/ 8 w 290"/>
                <a:gd name="T37" fmla="*/ 1 h 179"/>
                <a:gd name="T38" fmla="*/ 8 w 290"/>
                <a:gd name="T39" fmla="*/ 2 h 179"/>
                <a:gd name="T40" fmla="*/ 7 w 290"/>
                <a:gd name="T41" fmla="*/ 2 h 179"/>
                <a:gd name="T42" fmla="*/ 7 w 290"/>
                <a:gd name="T43" fmla="*/ 2 h 179"/>
                <a:gd name="T44" fmla="*/ 7 w 290"/>
                <a:gd name="T45" fmla="*/ 3 h 179"/>
                <a:gd name="T46" fmla="*/ 8 w 290"/>
                <a:gd name="T47" fmla="*/ 4 h 179"/>
                <a:gd name="T48" fmla="*/ 7 w 290"/>
                <a:gd name="T49" fmla="*/ 4 h 179"/>
                <a:gd name="T50" fmla="*/ 6 w 290"/>
                <a:gd name="T51" fmla="*/ 4 h 179"/>
                <a:gd name="T52" fmla="*/ 5 w 290"/>
                <a:gd name="T53" fmla="*/ 4 h 179"/>
                <a:gd name="T54" fmla="*/ 5 w 290"/>
                <a:gd name="T55" fmla="*/ 4 h 179"/>
                <a:gd name="T56" fmla="*/ 5 w 290"/>
                <a:gd name="T57" fmla="*/ 5 h 179"/>
                <a:gd name="T58" fmla="*/ 5 w 290"/>
                <a:gd name="T59" fmla="*/ 5 h 179"/>
                <a:gd name="T60" fmla="*/ 4 w 290"/>
                <a:gd name="T61" fmla="*/ 5 h 179"/>
                <a:gd name="T62" fmla="*/ 3 w 290"/>
                <a:gd name="T63" fmla="*/ 5 h 179"/>
                <a:gd name="T64" fmla="*/ 1 w 290"/>
                <a:gd name="T65" fmla="*/ 5 h 179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290"/>
                <a:gd name="T100" fmla="*/ 0 h 179"/>
                <a:gd name="T101" fmla="*/ 290 w 290"/>
                <a:gd name="T102" fmla="*/ 179 h 179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290" h="179">
                  <a:moveTo>
                    <a:pt x="27" y="173"/>
                  </a:moveTo>
                  <a:lnTo>
                    <a:pt x="20" y="133"/>
                  </a:lnTo>
                  <a:lnTo>
                    <a:pt x="2" y="117"/>
                  </a:lnTo>
                  <a:lnTo>
                    <a:pt x="2" y="96"/>
                  </a:lnTo>
                  <a:lnTo>
                    <a:pt x="22" y="66"/>
                  </a:lnTo>
                  <a:lnTo>
                    <a:pt x="2" y="40"/>
                  </a:lnTo>
                  <a:lnTo>
                    <a:pt x="0" y="22"/>
                  </a:lnTo>
                  <a:lnTo>
                    <a:pt x="2" y="6"/>
                  </a:lnTo>
                  <a:lnTo>
                    <a:pt x="16" y="0"/>
                  </a:lnTo>
                  <a:lnTo>
                    <a:pt x="27" y="3"/>
                  </a:lnTo>
                  <a:lnTo>
                    <a:pt x="22" y="14"/>
                  </a:lnTo>
                  <a:lnTo>
                    <a:pt x="31" y="22"/>
                  </a:lnTo>
                  <a:lnTo>
                    <a:pt x="143" y="31"/>
                  </a:lnTo>
                  <a:lnTo>
                    <a:pt x="212" y="3"/>
                  </a:lnTo>
                  <a:lnTo>
                    <a:pt x="229" y="3"/>
                  </a:lnTo>
                  <a:lnTo>
                    <a:pt x="257" y="14"/>
                  </a:lnTo>
                  <a:lnTo>
                    <a:pt x="276" y="25"/>
                  </a:lnTo>
                  <a:lnTo>
                    <a:pt x="290" y="23"/>
                  </a:lnTo>
                  <a:lnTo>
                    <a:pt x="283" y="46"/>
                  </a:lnTo>
                  <a:lnTo>
                    <a:pt x="268" y="51"/>
                  </a:lnTo>
                  <a:lnTo>
                    <a:pt x="257" y="63"/>
                  </a:lnTo>
                  <a:lnTo>
                    <a:pt x="257" y="88"/>
                  </a:lnTo>
                  <a:lnTo>
                    <a:pt x="237" y="103"/>
                  </a:lnTo>
                  <a:lnTo>
                    <a:pt x="260" y="140"/>
                  </a:lnTo>
                  <a:lnTo>
                    <a:pt x="235" y="142"/>
                  </a:lnTo>
                  <a:lnTo>
                    <a:pt x="220" y="133"/>
                  </a:lnTo>
                  <a:lnTo>
                    <a:pt x="183" y="147"/>
                  </a:lnTo>
                  <a:lnTo>
                    <a:pt x="175" y="148"/>
                  </a:lnTo>
                  <a:lnTo>
                    <a:pt x="173" y="165"/>
                  </a:lnTo>
                  <a:lnTo>
                    <a:pt x="161" y="176"/>
                  </a:lnTo>
                  <a:lnTo>
                    <a:pt x="144" y="179"/>
                  </a:lnTo>
                  <a:lnTo>
                    <a:pt x="96" y="161"/>
                  </a:lnTo>
                  <a:lnTo>
                    <a:pt x="27" y="17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43" name="Freeform 182"/>
            <p:cNvSpPr>
              <a:spLocks noChangeAspect="1"/>
            </p:cNvSpPr>
            <p:nvPr/>
          </p:nvSpPr>
          <p:spPr bwMode="gray">
            <a:xfrm>
              <a:off x="5380038" y="2933701"/>
              <a:ext cx="149225" cy="90488"/>
            </a:xfrm>
            <a:custGeom>
              <a:avLst/>
              <a:gdLst>
                <a:gd name="T0" fmla="*/ 9 w 310"/>
                <a:gd name="T1" fmla="*/ 1 h 186"/>
                <a:gd name="T2" fmla="*/ 8 w 310"/>
                <a:gd name="T3" fmla="*/ 1 h 186"/>
                <a:gd name="T4" fmla="*/ 8 w 310"/>
                <a:gd name="T5" fmla="*/ 0 h 186"/>
                <a:gd name="T6" fmla="*/ 6 w 310"/>
                <a:gd name="T7" fmla="*/ 0 h 186"/>
                <a:gd name="T8" fmla="*/ 5 w 310"/>
                <a:gd name="T9" fmla="*/ 0 h 186"/>
                <a:gd name="T10" fmla="*/ 5 w 310"/>
                <a:gd name="T11" fmla="*/ 1 h 186"/>
                <a:gd name="T12" fmla="*/ 5 w 310"/>
                <a:gd name="T13" fmla="*/ 1 h 186"/>
                <a:gd name="T14" fmla="*/ 5 w 310"/>
                <a:gd name="T15" fmla="*/ 1 h 186"/>
                <a:gd name="T16" fmla="*/ 4 w 310"/>
                <a:gd name="T17" fmla="*/ 1 h 186"/>
                <a:gd name="T18" fmla="*/ 3 w 310"/>
                <a:gd name="T19" fmla="*/ 2 h 186"/>
                <a:gd name="T20" fmla="*/ 2 w 310"/>
                <a:gd name="T21" fmla="*/ 2 h 186"/>
                <a:gd name="T22" fmla="*/ 1 w 310"/>
                <a:gd name="T23" fmla="*/ 1 h 186"/>
                <a:gd name="T24" fmla="*/ 1 w 310"/>
                <a:gd name="T25" fmla="*/ 2 h 186"/>
                <a:gd name="T26" fmla="*/ 1 w 310"/>
                <a:gd name="T27" fmla="*/ 2 h 186"/>
                <a:gd name="T28" fmla="*/ 1 w 310"/>
                <a:gd name="T29" fmla="*/ 2 h 186"/>
                <a:gd name="T30" fmla="*/ 1 w 310"/>
                <a:gd name="T31" fmla="*/ 2 h 186"/>
                <a:gd name="T32" fmla="*/ 1 w 310"/>
                <a:gd name="T33" fmla="*/ 2 h 186"/>
                <a:gd name="T34" fmla="*/ 1 w 310"/>
                <a:gd name="T35" fmla="*/ 3 h 186"/>
                <a:gd name="T36" fmla="*/ 0 w 310"/>
                <a:gd name="T37" fmla="*/ 3 h 186"/>
                <a:gd name="T38" fmla="*/ 0 w 310"/>
                <a:gd name="T39" fmla="*/ 3 h 186"/>
                <a:gd name="T40" fmla="*/ 1 w 310"/>
                <a:gd name="T41" fmla="*/ 4 h 186"/>
                <a:gd name="T42" fmla="*/ 2 w 310"/>
                <a:gd name="T43" fmla="*/ 5 h 186"/>
                <a:gd name="T44" fmla="*/ 2 w 310"/>
                <a:gd name="T45" fmla="*/ 5 h 186"/>
                <a:gd name="T46" fmla="*/ 3 w 310"/>
                <a:gd name="T47" fmla="*/ 5 h 186"/>
                <a:gd name="T48" fmla="*/ 5 w 310"/>
                <a:gd name="T49" fmla="*/ 5 h 186"/>
                <a:gd name="T50" fmla="*/ 5 w 310"/>
                <a:gd name="T51" fmla="*/ 5 h 186"/>
                <a:gd name="T52" fmla="*/ 5 w 310"/>
                <a:gd name="T53" fmla="*/ 5 h 186"/>
                <a:gd name="T54" fmla="*/ 6 w 310"/>
                <a:gd name="T55" fmla="*/ 4 h 186"/>
                <a:gd name="T56" fmla="*/ 7 w 310"/>
                <a:gd name="T57" fmla="*/ 2 h 186"/>
                <a:gd name="T58" fmla="*/ 8 w 310"/>
                <a:gd name="T59" fmla="*/ 2 h 186"/>
                <a:gd name="T60" fmla="*/ 9 w 310"/>
                <a:gd name="T61" fmla="*/ 1 h 18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w 310"/>
                <a:gd name="T94" fmla="*/ 0 h 186"/>
                <a:gd name="T95" fmla="*/ 310 w 310"/>
                <a:gd name="T96" fmla="*/ 186 h 186"/>
              </a:gdLst>
              <a:ahLst/>
              <a:cxnLst>
                <a:cxn ang="T62">
                  <a:pos x="T0" y="T1"/>
                </a:cxn>
                <a:cxn ang="T63">
                  <a:pos x="T2" y="T3"/>
                </a:cxn>
                <a:cxn ang="T64">
                  <a:pos x="T4" y="T5"/>
                </a:cxn>
                <a:cxn ang="T65">
                  <a:pos x="T6" y="T7"/>
                </a:cxn>
                <a:cxn ang="T66">
                  <a:pos x="T8" y="T9"/>
                </a:cxn>
                <a:cxn ang="T67">
                  <a:pos x="T10" y="T11"/>
                </a:cxn>
                <a:cxn ang="T68">
                  <a:pos x="T12" y="T13"/>
                </a:cxn>
                <a:cxn ang="T69">
                  <a:pos x="T14" y="T15"/>
                </a:cxn>
                <a:cxn ang="T70">
                  <a:pos x="T16" y="T17"/>
                </a:cxn>
                <a:cxn ang="T71">
                  <a:pos x="T18" y="T19"/>
                </a:cxn>
                <a:cxn ang="T72">
                  <a:pos x="T20" y="T21"/>
                </a:cxn>
                <a:cxn ang="T73">
                  <a:pos x="T22" y="T23"/>
                </a:cxn>
                <a:cxn ang="T74">
                  <a:pos x="T24" y="T25"/>
                </a:cxn>
                <a:cxn ang="T75">
                  <a:pos x="T26" y="T27"/>
                </a:cxn>
                <a:cxn ang="T76">
                  <a:pos x="T28" y="T29"/>
                </a:cxn>
                <a:cxn ang="T77">
                  <a:pos x="T30" y="T31"/>
                </a:cxn>
                <a:cxn ang="T78">
                  <a:pos x="T32" y="T33"/>
                </a:cxn>
                <a:cxn ang="T79">
                  <a:pos x="T34" y="T35"/>
                </a:cxn>
                <a:cxn ang="T80">
                  <a:pos x="T36" y="T37"/>
                </a:cxn>
                <a:cxn ang="T81">
                  <a:pos x="T38" y="T39"/>
                </a:cxn>
                <a:cxn ang="T82">
                  <a:pos x="T40" y="T41"/>
                </a:cxn>
                <a:cxn ang="T83">
                  <a:pos x="T42" y="T43"/>
                </a:cxn>
                <a:cxn ang="T84">
                  <a:pos x="T44" y="T45"/>
                </a:cxn>
                <a:cxn ang="T85">
                  <a:pos x="T46" y="T47"/>
                </a:cxn>
                <a:cxn ang="T86">
                  <a:pos x="T48" y="T49"/>
                </a:cxn>
                <a:cxn ang="T87">
                  <a:pos x="T50" y="T51"/>
                </a:cxn>
                <a:cxn ang="T88">
                  <a:pos x="T52" y="T53"/>
                </a:cxn>
                <a:cxn ang="T89">
                  <a:pos x="T54" y="T55"/>
                </a:cxn>
                <a:cxn ang="T90">
                  <a:pos x="T56" y="T57"/>
                </a:cxn>
                <a:cxn ang="T91">
                  <a:pos x="T58" y="T59"/>
                </a:cxn>
                <a:cxn ang="T92">
                  <a:pos x="T60" y="T61"/>
                </a:cxn>
              </a:cxnLst>
              <a:rect l="T93" t="T94" r="T95" b="T96"/>
              <a:pathLst>
                <a:path w="310" h="186">
                  <a:moveTo>
                    <a:pt x="310" y="39"/>
                  </a:moveTo>
                  <a:lnTo>
                    <a:pt x="298" y="23"/>
                  </a:lnTo>
                  <a:lnTo>
                    <a:pt x="276" y="8"/>
                  </a:lnTo>
                  <a:lnTo>
                    <a:pt x="215" y="0"/>
                  </a:lnTo>
                  <a:lnTo>
                    <a:pt x="200" y="8"/>
                  </a:lnTo>
                  <a:lnTo>
                    <a:pt x="197" y="17"/>
                  </a:lnTo>
                  <a:lnTo>
                    <a:pt x="176" y="25"/>
                  </a:lnTo>
                  <a:lnTo>
                    <a:pt x="163" y="20"/>
                  </a:lnTo>
                  <a:lnTo>
                    <a:pt x="124" y="35"/>
                  </a:lnTo>
                  <a:lnTo>
                    <a:pt x="107" y="52"/>
                  </a:lnTo>
                  <a:lnTo>
                    <a:pt x="79" y="54"/>
                  </a:lnTo>
                  <a:lnTo>
                    <a:pt x="47" y="32"/>
                  </a:lnTo>
                  <a:lnTo>
                    <a:pt x="44" y="56"/>
                  </a:lnTo>
                  <a:lnTo>
                    <a:pt x="22" y="56"/>
                  </a:lnTo>
                  <a:lnTo>
                    <a:pt x="19" y="62"/>
                  </a:lnTo>
                  <a:lnTo>
                    <a:pt x="24" y="69"/>
                  </a:lnTo>
                  <a:lnTo>
                    <a:pt x="17" y="85"/>
                  </a:lnTo>
                  <a:lnTo>
                    <a:pt x="17" y="102"/>
                  </a:lnTo>
                  <a:lnTo>
                    <a:pt x="0" y="113"/>
                  </a:lnTo>
                  <a:lnTo>
                    <a:pt x="11" y="116"/>
                  </a:lnTo>
                  <a:lnTo>
                    <a:pt x="24" y="139"/>
                  </a:lnTo>
                  <a:lnTo>
                    <a:pt x="62" y="174"/>
                  </a:lnTo>
                  <a:lnTo>
                    <a:pt x="84" y="186"/>
                  </a:lnTo>
                  <a:lnTo>
                    <a:pt x="121" y="176"/>
                  </a:lnTo>
                  <a:lnTo>
                    <a:pt x="164" y="161"/>
                  </a:lnTo>
                  <a:lnTo>
                    <a:pt x="185" y="157"/>
                  </a:lnTo>
                  <a:lnTo>
                    <a:pt x="191" y="162"/>
                  </a:lnTo>
                  <a:lnTo>
                    <a:pt x="232" y="148"/>
                  </a:lnTo>
                  <a:lnTo>
                    <a:pt x="265" y="89"/>
                  </a:lnTo>
                  <a:lnTo>
                    <a:pt x="273" y="66"/>
                  </a:lnTo>
                  <a:lnTo>
                    <a:pt x="310" y="3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44" name="Freeform 183"/>
            <p:cNvSpPr>
              <a:spLocks noChangeAspect="1"/>
            </p:cNvSpPr>
            <p:nvPr/>
          </p:nvSpPr>
          <p:spPr bwMode="gray">
            <a:xfrm>
              <a:off x="5319713" y="2987676"/>
              <a:ext cx="71438" cy="50800"/>
            </a:xfrm>
            <a:custGeom>
              <a:avLst/>
              <a:gdLst>
                <a:gd name="T0" fmla="*/ 0 w 147"/>
                <a:gd name="T1" fmla="*/ 3 h 103"/>
                <a:gd name="T2" fmla="*/ 1 w 147"/>
                <a:gd name="T3" fmla="*/ 3 h 103"/>
                <a:gd name="T4" fmla="*/ 2 w 147"/>
                <a:gd name="T5" fmla="*/ 2 h 103"/>
                <a:gd name="T6" fmla="*/ 2 w 147"/>
                <a:gd name="T7" fmla="*/ 3 h 103"/>
                <a:gd name="T8" fmla="*/ 2 w 147"/>
                <a:gd name="T9" fmla="*/ 3 h 103"/>
                <a:gd name="T10" fmla="*/ 2 w 147"/>
                <a:gd name="T11" fmla="*/ 3 h 103"/>
                <a:gd name="T12" fmla="*/ 2 w 147"/>
                <a:gd name="T13" fmla="*/ 3 h 103"/>
                <a:gd name="T14" fmla="*/ 2 w 147"/>
                <a:gd name="T15" fmla="*/ 2 h 103"/>
                <a:gd name="T16" fmla="*/ 3 w 147"/>
                <a:gd name="T17" fmla="*/ 2 h 103"/>
                <a:gd name="T18" fmla="*/ 3 w 147"/>
                <a:gd name="T19" fmla="*/ 2 h 103"/>
                <a:gd name="T20" fmla="*/ 3 w 147"/>
                <a:gd name="T21" fmla="*/ 2 h 103"/>
                <a:gd name="T22" fmla="*/ 3 w 147"/>
                <a:gd name="T23" fmla="*/ 1 h 103"/>
                <a:gd name="T24" fmla="*/ 4 w 147"/>
                <a:gd name="T25" fmla="*/ 1 h 103"/>
                <a:gd name="T26" fmla="*/ 4 w 147"/>
                <a:gd name="T27" fmla="*/ 1 h 103"/>
                <a:gd name="T28" fmla="*/ 4 w 147"/>
                <a:gd name="T29" fmla="*/ 1 h 103"/>
                <a:gd name="T30" fmla="*/ 4 w 147"/>
                <a:gd name="T31" fmla="*/ 1 h 103"/>
                <a:gd name="T32" fmla="*/ 4 w 147"/>
                <a:gd name="T33" fmla="*/ 0 h 103"/>
                <a:gd name="T34" fmla="*/ 4 w 147"/>
                <a:gd name="T35" fmla="*/ 0 h 103"/>
                <a:gd name="T36" fmla="*/ 3 w 147"/>
                <a:gd name="T37" fmla="*/ 0 h 103"/>
                <a:gd name="T38" fmla="*/ 2 w 147"/>
                <a:gd name="T39" fmla="*/ 1 h 103"/>
                <a:gd name="T40" fmla="*/ 2 w 147"/>
                <a:gd name="T41" fmla="*/ 1 h 103"/>
                <a:gd name="T42" fmla="*/ 0 w 147"/>
                <a:gd name="T43" fmla="*/ 1 h 103"/>
                <a:gd name="T44" fmla="*/ 0 w 147"/>
                <a:gd name="T45" fmla="*/ 1 h 103"/>
                <a:gd name="T46" fmla="*/ 0 w 147"/>
                <a:gd name="T47" fmla="*/ 1 h 103"/>
                <a:gd name="T48" fmla="*/ 0 w 147"/>
                <a:gd name="T49" fmla="*/ 2 h 103"/>
                <a:gd name="T50" fmla="*/ 0 w 147"/>
                <a:gd name="T51" fmla="*/ 2 h 103"/>
                <a:gd name="T52" fmla="*/ 1 w 147"/>
                <a:gd name="T53" fmla="*/ 2 h 103"/>
                <a:gd name="T54" fmla="*/ 0 w 147"/>
                <a:gd name="T55" fmla="*/ 3 h 103"/>
                <a:gd name="T56" fmla="*/ 0 w 147"/>
                <a:gd name="T57" fmla="*/ 3 h 103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147"/>
                <a:gd name="T88" fmla="*/ 0 h 103"/>
                <a:gd name="T89" fmla="*/ 147 w 147"/>
                <a:gd name="T90" fmla="*/ 103 h 103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147" h="103">
                  <a:moveTo>
                    <a:pt x="4" y="93"/>
                  </a:moveTo>
                  <a:lnTo>
                    <a:pt x="43" y="97"/>
                  </a:lnTo>
                  <a:lnTo>
                    <a:pt x="54" y="83"/>
                  </a:lnTo>
                  <a:lnTo>
                    <a:pt x="62" y="100"/>
                  </a:lnTo>
                  <a:lnTo>
                    <a:pt x="69" y="97"/>
                  </a:lnTo>
                  <a:lnTo>
                    <a:pt x="80" y="103"/>
                  </a:lnTo>
                  <a:lnTo>
                    <a:pt x="83" y="100"/>
                  </a:lnTo>
                  <a:lnTo>
                    <a:pt x="83" y="82"/>
                  </a:lnTo>
                  <a:lnTo>
                    <a:pt x="105" y="66"/>
                  </a:lnTo>
                  <a:lnTo>
                    <a:pt x="105" y="57"/>
                  </a:lnTo>
                  <a:lnTo>
                    <a:pt x="99" y="52"/>
                  </a:lnTo>
                  <a:lnTo>
                    <a:pt x="100" y="44"/>
                  </a:lnTo>
                  <a:lnTo>
                    <a:pt x="130" y="34"/>
                  </a:lnTo>
                  <a:lnTo>
                    <a:pt x="131" y="20"/>
                  </a:lnTo>
                  <a:lnTo>
                    <a:pt x="143" y="26"/>
                  </a:lnTo>
                  <a:lnTo>
                    <a:pt x="147" y="26"/>
                  </a:lnTo>
                  <a:lnTo>
                    <a:pt x="134" y="3"/>
                  </a:lnTo>
                  <a:lnTo>
                    <a:pt x="123" y="0"/>
                  </a:lnTo>
                  <a:lnTo>
                    <a:pt x="113" y="10"/>
                  </a:lnTo>
                  <a:lnTo>
                    <a:pt x="63" y="15"/>
                  </a:lnTo>
                  <a:lnTo>
                    <a:pt x="51" y="29"/>
                  </a:lnTo>
                  <a:lnTo>
                    <a:pt x="11" y="26"/>
                  </a:lnTo>
                  <a:lnTo>
                    <a:pt x="0" y="44"/>
                  </a:lnTo>
                  <a:lnTo>
                    <a:pt x="6" y="44"/>
                  </a:lnTo>
                  <a:lnTo>
                    <a:pt x="4" y="57"/>
                  </a:lnTo>
                  <a:lnTo>
                    <a:pt x="8" y="69"/>
                  </a:lnTo>
                  <a:lnTo>
                    <a:pt x="23" y="83"/>
                  </a:lnTo>
                  <a:lnTo>
                    <a:pt x="11" y="90"/>
                  </a:lnTo>
                  <a:lnTo>
                    <a:pt x="4" y="9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45" name="Freeform 184"/>
            <p:cNvSpPr>
              <a:spLocks noChangeAspect="1"/>
            </p:cNvSpPr>
            <p:nvPr/>
          </p:nvSpPr>
          <p:spPr bwMode="gray">
            <a:xfrm>
              <a:off x="5397500" y="2898776"/>
              <a:ext cx="123825" cy="60325"/>
            </a:xfrm>
            <a:custGeom>
              <a:avLst/>
              <a:gdLst>
                <a:gd name="T0" fmla="*/ 7 w 255"/>
                <a:gd name="T1" fmla="*/ 2 h 125"/>
                <a:gd name="T2" fmla="*/ 5 w 255"/>
                <a:gd name="T3" fmla="*/ 2 h 125"/>
                <a:gd name="T4" fmla="*/ 5 w 255"/>
                <a:gd name="T5" fmla="*/ 2 h 125"/>
                <a:gd name="T6" fmla="*/ 5 w 255"/>
                <a:gd name="T7" fmla="*/ 2 h 125"/>
                <a:gd name="T8" fmla="*/ 4 w 255"/>
                <a:gd name="T9" fmla="*/ 3 h 125"/>
                <a:gd name="T10" fmla="*/ 4 w 255"/>
                <a:gd name="T11" fmla="*/ 3 h 125"/>
                <a:gd name="T12" fmla="*/ 2 w 255"/>
                <a:gd name="T13" fmla="*/ 3 h 125"/>
                <a:gd name="T14" fmla="*/ 2 w 255"/>
                <a:gd name="T15" fmla="*/ 3 h 125"/>
                <a:gd name="T16" fmla="*/ 1 w 255"/>
                <a:gd name="T17" fmla="*/ 4 h 125"/>
                <a:gd name="T18" fmla="*/ 0 w 255"/>
                <a:gd name="T19" fmla="*/ 3 h 125"/>
                <a:gd name="T20" fmla="*/ 0 w 255"/>
                <a:gd name="T21" fmla="*/ 2 h 125"/>
                <a:gd name="T22" fmla="*/ 0 w 255"/>
                <a:gd name="T23" fmla="*/ 2 h 125"/>
                <a:gd name="T24" fmla="*/ 1 w 255"/>
                <a:gd name="T25" fmla="*/ 2 h 125"/>
                <a:gd name="T26" fmla="*/ 1 w 255"/>
                <a:gd name="T27" fmla="*/ 2 h 125"/>
                <a:gd name="T28" fmla="*/ 2 w 255"/>
                <a:gd name="T29" fmla="*/ 1 h 125"/>
                <a:gd name="T30" fmla="*/ 2 w 255"/>
                <a:gd name="T31" fmla="*/ 1 h 125"/>
                <a:gd name="T32" fmla="*/ 3 w 255"/>
                <a:gd name="T33" fmla="*/ 0 h 125"/>
                <a:gd name="T34" fmla="*/ 3 w 255"/>
                <a:gd name="T35" fmla="*/ 0 h 125"/>
                <a:gd name="T36" fmla="*/ 3 w 255"/>
                <a:gd name="T37" fmla="*/ 0 h 125"/>
                <a:gd name="T38" fmla="*/ 4 w 255"/>
                <a:gd name="T39" fmla="*/ 1 h 125"/>
                <a:gd name="T40" fmla="*/ 5 w 255"/>
                <a:gd name="T41" fmla="*/ 0 h 125"/>
                <a:gd name="T42" fmla="*/ 5 w 255"/>
                <a:gd name="T43" fmla="*/ 1 h 125"/>
                <a:gd name="T44" fmla="*/ 6 w 255"/>
                <a:gd name="T45" fmla="*/ 0 h 125"/>
                <a:gd name="T46" fmla="*/ 7 w 255"/>
                <a:gd name="T47" fmla="*/ 1 h 125"/>
                <a:gd name="T48" fmla="*/ 7 w 255"/>
                <a:gd name="T49" fmla="*/ 2 h 125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w 255"/>
                <a:gd name="T76" fmla="*/ 0 h 125"/>
                <a:gd name="T77" fmla="*/ 255 w 255"/>
                <a:gd name="T78" fmla="*/ 125 h 125"/>
              </a:gdLst>
              <a:ahLst/>
              <a:cxnLst>
                <a:cxn ang="T50">
                  <a:pos x="T0" y="T1"/>
                </a:cxn>
                <a:cxn ang="T51">
                  <a:pos x="T2" y="T3"/>
                </a:cxn>
                <a:cxn ang="T52">
                  <a:pos x="T4" y="T5"/>
                </a:cxn>
                <a:cxn ang="T53">
                  <a:pos x="T6" y="T7"/>
                </a:cxn>
                <a:cxn ang="T54">
                  <a:pos x="T8" y="T9"/>
                </a:cxn>
                <a:cxn ang="T55">
                  <a:pos x="T10" y="T11"/>
                </a:cxn>
                <a:cxn ang="T56">
                  <a:pos x="T12" y="T13"/>
                </a:cxn>
                <a:cxn ang="T57">
                  <a:pos x="T14" y="T15"/>
                </a:cxn>
                <a:cxn ang="T58">
                  <a:pos x="T16" y="T17"/>
                </a:cxn>
                <a:cxn ang="T59">
                  <a:pos x="T18" y="T19"/>
                </a:cxn>
                <a:cxn ang="T60">
                  <a:pos x="T20" y="T21"/>
                </a:cxn>
                <a:cxn ang="T61">
                  <a:pos x="T22" y="T23"/>
                </a:cxn>
                <a:cxn ang="T62">
                  <a:pos x="T24" y="T25"/>
                </a:cxn>
                <a:cxn ang="T63">
                  <a:pos x="T26" y="T27"/>
                </a:cxn>
                <a:cxn ang="T64">
                  <a:pos x="T28" y="T29"/>
                </a:cxn>
                <a:cxn ang="T65">
                  <a:pos x="T30" y="T31"/>
                </a:cxn>
                <a:cxn ang="T66">
                  <a:pos x="T32" y="T33"/>
                </a:cxn>
                <a:cxn ang="T67">
                  <a:pos x="T34" y="T35"/>
                </a:cxn>
                <a:cxn ang="T68">
                  <a:pos x="T36" y="T37"/>
                </a:cxn>
                <a:cxn ang="T69">
                  <a:pos x="T38" y="T39"/>
                </a:cxn>
                <a:cxn ang="T70">
                  <a:pos x="T40" y="T41"/>
                </a:cxn>
                <a:cxn ang="T71">
                  <a:pos x="T42" y="T43"/>
                </a:cxn>
                <a:cxn ang="T72">
                  <a:pos x="T44" y="T45"/>
                </a:cxn>
                <a:cxn ang="T73">
                  <a:pos x="T46" y="T47"/>
                </a:cxn>
                <a:cxn ang="T74">
                  <a:pos x="T48" y="T49"/>
                </a:cxn>
              </a:cxnLst>
              <a:rect l="T75" t="T76" r="T77" b="T78"/>
              <a:pathLst>
                <a:path w="255" h="125">
                  <a:moveTo>
                    <a:pt x="240" y="79"/>
                  </a:moveTo>
                  <a:lnTo>
                    <a:pt x="179" y="71"/>
                  </a:lnTo>
                  <a:lnTo>
                    <a:pt x="164" y="79"/>
                  </a:lnTo>
                  <a:lnTo>
                    <a:pt x="161" y="88"/>
                  </a:lnTo>
                  <a:lnTo>
                    <a:pt x="140" y="96"/>
                  </a:lnTo>
                  <a:lnTo>
                    <a:pt x="127" y="91"/>
                  </a:lnTo>
                  <a:lnTo>
                    <a:pt x="88" y="106"/>
                  </a:lnTo>
                  <a:lnTo>
                    <a:pt x="71" y="123"/>
                  </a:lnTo>
                  <a:lnTo>
                    <a:pt x="43" y="125"/>
                  </a:lnTo>
                  <a:lnTo>
                    <a:pt x="11" y="103"/>
                  </a:lnTo>
                  <a:lnTo>
                    <a:pt x="0" y="72"/>
                  </a:lnTo>
                  <a:lnTo>
                    <a:pt x="9" y="55"/>
                  </a:lnTo>
                  <a:lnTo>
                    <a:pt x="33" y="57"/>
                  </a:lnTo>
                  <a:lnTo>
                    <a:pt x="45" y="49"/>
                  </a:lnTo>
                  <a:lnTo>
                    <a:pt x="57" y="34"/>
                  </a:lnTo>
                  <a:lnTo>
                    <a:pt x="59" y="20"/>
                  </a:lnTo>
                  <a:lnTo>
                    <a:pt x="91" y="1"/>
                  </a:lnTo>
                  <a:lnTo>
                    <a:pt x="99" y="4"/>
                  </a:lnTo>
                  <a:lnTo>
                    <a:pt x="118" y="0"/>
                  </a:lnTo>
                  <a:lnTo>
                    <a:pt x="138" y="20"/>
                  </a:lnTo>
                  <a:lnTo>
                    <a:pt x="161" y="9"/>
                  </a:lnTo>
                  <a:lnTo>
                    <a:pt x="186" y="17"/>
                  </a:lnTo>
                  <a:lnTo>
                    <a:pt x="211" y="6"/>
                  </a:lnTo>
                  <a:lnTo>
                    <a:pt x="255" y="30"/>
                  </a:lnTo>
                  <a:lnTo>
                    <a:pt x="240" y="7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46" name="Freeform 185"/>
            <p:cNvSpPr>
              <a:spLocks noChangeAspect="1"/>
            </p:cNvSpPr>
            <p:nvPr/>
          </p:nvSpPr>
          <p:spPr bwMode="gray">
            <a:xfrm>
              <a:off x="5286375" y="2843213"/>
              <a:ext cx="155575" cy="90488"/>
            </a:xfrm>
            <a:custGeom>
              <a:avLst/>
              <a:gdLst>
                <a:gd name="T0" fmla="*/ 9 w 318"/>
                <a:gd name="T1" fmla="*/ 3 h 186"/>
                <a:gd name="T2" fmla="*/ 9 w 318"/>
                <a:gd name="T3" fmla="*/ 3 h 186"/>
                <a:gd name="T4" fmla="*/ 8 w 318"/>
                <a:gd name="T5" fmla="*/ 2 h 186"/>
                <a:gd name="T6" fmla="*/ 8 w 318"/>
                <a:gd name="T7" fmla="*/ 2 h 186"/>
                <a:gd name="T8" fmla="*/ 8 w 318"/>
                <a:gd name="T9" fmla="*/ 2 h 186"/>
                <a:gd name="T10" fmla="*/ 7 w 318"/>
                <a:gd name="T11" fmla="*/ 2 h 186"/>
                <a:gd name="T12" fmla="*/ 7 w 318"/>
                <a:gd name="T13" fmla="*/ 2 h 186"/>
                <a:gd name="T14" fmla="*/ 6 w 318"/>
                <a:gd name="T15" fmla="*/ 2 h 186"/>
                <a:gd name="T16" fmla="*/ 6 w 318"/>
                <a:gd name="T17" fmla="*/ 2 h 186"/>
                <a:gd name="T18" fmla="*/ 6 w 318"/>
                <a:gd name="T19" fmla="*/ 1 h 186"/>
                <a:gd name="T20" fmla="*/ 6 w 318"/>
                <a:gd name="T21" fmla="*/ 1 h 186"/>
                <a:gd name="T22" fmla="*/ 5 w 318"/>
                <a:gd name="T23" fmla="*/ 1 h 186"/>
                <a:gd name="T24" fmla="*/ 4 w 318"/>
                <a:gd name="T25" fmla="*/ 0 h 186"/>
                <a:gd name="T26" fmla="*/ 4 w 318"/>
                <a:gd name="T27" fmla="*/ 1 h 186"/>
                <a:gd name="T28" fmla="*/ 4 w 318"/>
                <a:gd name="T29" fmla="*/ 1 h 186"/>
                <a:gd name="T30" fmla="*/ 3 w 318"/>
                <a:gd name="T31" fmla="*/ 0 h 186"/>
                <a:gd name="T32" fmla="*/ 3 w 318"/>
                <a:gd name="T33" fmla="*/ 1 h 186"/>
                <a:gd name="T34" fmla="*/ 1 w 318"/>
                <a:gd name="T35" fmla="*/ 2 h 186"/>
                <a:gd name="T36" fmla="*/ 1 w 318"/>
                <a:gd name="T37" fmla="*/ 2 h 186"/>
                <a:gd name="T38" fmla="*/ 0 w 318"/>
                <a:gd name="T39" fmla="*/ 2 h 186"/>
                <a:gd name="T40" fmla="*/ 0 w 318"/>
                <a:gd name="T41" fmla="*/ 2 h 186"/>
                <a:gd name="T42" fmla="*/ 1 w 318"/>
                <a:gd name="T43" fmla="*/ 2 h 186"/>
                <a:gd name="T44" fmla="*/ 1 w 318"/>
                <a:gd name="T45" fmla="*/ 3 h 186"/>
                <a:gd name="T46" fmla="*/ 1 w 318"/>
                <a:gd name="T47" fmla="*/ 3 h 186"/>
                <a:gd name="T48" fmla="*/ 2 w 318"/>
                <a:gd name="T49" fmla="*/ 5 h 186"/>
                <a:gd name="T50" fmla="*/ 3 w 318"/>
                <a:gd name="T51" fmla="*/ 5 h 186"/>
                <a:gd name="T52" fmla="*/ 3 w 318"/>
                <a:gd name="T53" fmla="*/ 5 h 186"/>
                <a:gd name="T54" fmla="*/ 4 w 318"/>
                <a:gd name="T55" fmla="*/ 5 h 186"/>
                <a:gd name="T56" fmla="*/ 4 w 318"/>
                <a:gd name="T57" fmla="*/ 4 h 186"/>
                <a:gd name="T58" fmla="*/ 5 w 318"/>
                <a:gd name="T59" fmla="*/ 4 h 186"/>
                <a:gd name="T60" fmla="*/ 6 w 318"/>
                <a:gd name="T61" fmla="*/ 5 h 186"/>
                <a:gd name="T62" fmla="*/ 6 w 318"/>
                <a:gd name="T63" fmla="*/ 5 h 186"/>
                <a:gd name="T64" fmla="*/ 7 w 318"/>
                <a:gd name="T65" fmla="*/ 5 h 186"/>
                <a:gd name="T66" fmla="*/ 7 w 318"/>
                <a:gd name="T67" fmla="*/ 5 h 186"/>
                <a:gd name="T68" fmla="*/ 8 w 318"/>
                <a:gd name="T69" fmla="*/ 5 h 186"/>
                <a:gd name="T70" fmla="*/ 8 w 318"/>
                <a:gd name="T71" fmla="*/ 5 h 186"/>
                <a:gd name="T72" fmla="*/ 8 w 318"/>
                <a:gd name="T73" fmla="*/ 4 h 186"/>
                <a:gd name="T74" fmla="*/ 8 w 318"/>
                <a:gd name="T75" fmla="*/ 4 h 186"/>
                <a:gd name="T76" fmla="*/ 9 w 318"/>
                <a:gd name="T77" fmla="*/ 3 h 18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w 318"/>
                <a:gd name="T118" fmla="*/ 0 h 186"/>
                <a:gd name="T119" fmla="*/ 318 w 318"/>
                <a:gd name="T120" fmla="*/ 186 h 186"/>
              </a:gdLst>
              <a:ahLst/>
              <a:cxnLst>
                <a:cxn ang="T78">
                  <a:pos x="T0" y="T1"/>
                </a:cxn>
                <a:cxn ang="T79">
                  <a:pos x="T2" y="T3"/>
                </a:cxn>
                <a:cxn ang="T80">
                  <a:pos x="T4" y="T5"/>
                </a:cxn>
                <a:cxn ang="T81">
                  <a:pos x="T6" y="T7"/>
                </a:cxn>
                <a:cxn ang="T82">
                  <a:pos x="T8" y="T9"/>
                </a:cxn>
                <a:cxn ang="T83">
                  <a:pos x="T10" y="T11"/>
                </a:cxn>
                <a:cxn ang="T84">
                  <a:pos x="T12" y="T13"/>
                </a:cxn>
                <a:cxn ang="T85">
                  <a:pos x="T14" y="T15"/>
                </a:cxn>
                <a:cxn ang="T86">
                  <a:pos x="T16" y="T17"/>
                </a:cxn>
                <a:cxn ang="T87">
                  <a:pos x="T18" y="T19"/>
                </a:cxn>
                <a:cxn ang="T88">
                  <a:pos x="T20" y="T21"/>
                </a:cxn>
                <a:cxn ang="T89">
                  <a:pos x="T22" y="T23"/>
                </a:cxn>
                <a:cxn ang="T90">
                  <a:pos x="T24" y="T25"/>
                </a:cxn>
                <a:cxn ang="T91">
                  <a:pos x="T26" y="T27"/>
                </a:cxn>
                <a:cxn ang="T92">
                  <a:pos x="T28" y="T29"/>
                </a:cxn>
                <a:cxn ang="T93">
                  <a:pos x="T30" y="T31"/>
                </a:cxn>
                <a:cxn ang="T94">
                  <a:pos x="T32" y="T33"/>
                </a:cxn>
                <a:cxn ang="T95">
                  <a:pos x="T34" y="T35"/>
                </a:cxn>
                <a:cxn ang="T96">
                  <a:pos x="T36" y="T37"/>
                </a:cxn>
                <a:cxn ang="T97">
                  <a:pos x="T38" y="T39"/>
                </a:cxn>
                <a:cxn ang="T98">
                  <a:pos x="T40" y="T41"/>
                </a:cxn>
                <a:cxn ang="T99">
                  <a:pos x="T42" y="T43"/>
                </a:cxn>
                <a:cxn ang="T100">
                  <a:pos x="T44" y="T45"/>
                </a:cxn>
                <a:cxn ang="T101">
                  <a:pos x="T46" y="T47"/>
                </a:cxn>
                <a:cxn ang="T102">
                  <a:pos x="T48" y="T49"/>
                </a:cxn>
                <a:cxn ang="T103">
                  <a:pos x="T50" y="T51"/>
                </a:cxn>
                <a:cxn ang="T104">
                  <a:pos x="T52" y="T53"/>
                </a:cxn>
                <a:cxn ang="T105">
                  <a:pos x="T54" y="T55"/>
                </a:cxn>
                <a:cxn ang="T106">
                  <a:pos x="T56" y="T57"/>
                </a:cxn>
                <a:cxn ang="T107">
                  <a:pos x="T58" y="T59"/>
                </a:cxn>
                <a:cxn ang="T108">
                  <a:pos x="T60" y="T61"/>
                </a:cxn>
                <a:cxn ang="T109">
                  <a:pos x="T62" y="T63"/>
                </a:cxn>
                <a:cxn ang="T110">
                  <a:pos x="T64" y="T65"/>
                </a:cxn>
                <a:cxn ang="T111">
                  <a:pos x="T66" y="T67"/>
                </a:cxn>
                <a:cxn ang="T112">
                  <a:pos x="T68" y="T69"/>
                </a:cxn>
                <a:cxn ang="T113">
                  <a:pos x="T70" y="T71"/>
                </a:cxn>
                <a:cxn ang="T114">
                  <a:pos x="T72" y="T73"/>
                </a:cxn>
                <a:cxn ang="T115">
                  <a:pos x="T74" y="T75"/>
                </a:cxn>
                <a:cxn ang="T116">
                  <a:pos x="T76" y="T77"/>
                </a:cxn>
              </a:cxnLst>
              <a:rect l="T117" t="T118" r="T119" b="T120"/>
              <a:pathLst>
                <a:path w="318" h="186">
                  <a:moveTo>
                    <a:pt x="318" y="115"/>
                  </a:moveTo>
                  <a:lnTo>
                    <a:pt x="301" y="109"/>
                  </a:lnTo>
                  <a:lnTo>
                    <a:pt x="286" y="83"/>
                  </a:lnTo>
                  <a:lnTo>
                    <a:pt x="266" y="75"/>
                  </a:lnTo>
                  <a:lnTo>
                    <a:pt x="266" y="63"/>
                  </a:lnTo>
                  <a:lnTo>
                    <a:pt x="228" y="53"/>
                  </a:lnTo>
                  <a:lnTo>
                    <a:pt x="230" y="63"/>
                  </a:lnTo>
                  <a:lnTo>
                    <a:pt x="219" y="69"/>
                  </a:lnTo>
                  <a:lnTo>
                    <a:pt x="198" y="50"/>
                  </a:lnTo>
                  <a:lnTo>
                    <a:pt x="201" y="38"/>
                  </a:lnTo>
                  <a:lnTo>
                    <a:pt x="184" y="27"/>
                  </a:lnTo>
                  <a:lnTo>
                    <a:pt x="159" y="24"/>
                  </a:lnTo>
                  <a:lnTo>
                    <a:pt x="145" y="10"/>
                  </a:lnTo>
                  <a:lnTo>
                    <a:pt x="133" y="24"/>
                  </a:lnTo>
                  <a:lnTo>
                    <a:pt x="128" y="21"/>
                  </a:lnTo>
                  <a:lnTo>
                    <a:pt x="103" y="0"/>
                  </a:lnTo>
                  <a:lnTo>
                    <a:pt x="99" y="19"/>
                  </a:lnTo>
                  <a:lnTo>
                    <a:pt x="20" y="58"/>
                  </a:lnTo>
                  <a:lnTo>
                    <a:pt x="17" y="69"/>
                  </a:lnTo>
                  <a:lnTo>
                    <a:pt x="1" y="58"/>
                  </a:lnTo>
                  <a:lnTo>
                    <a:pt x="0" y="69"/>
                  </a:lnTo>
                  <a:lnTo>
                    <a:pt x="17" y="83"/>
                  </a:lnTo>
                  <a:lnTo>
                    <a:pt x="18" y="109"/>
                  </a:lnTo>
                  <a:lnTo>
                    <a:pt x="26" y="118"/>
                  </a:lnTo>
                  <a:lnTo>
                    <a:pt x="85" y="169"/>
                  </a:lnTo>
                  <a:lnTo>
                    <a:pt x="102" y="180"/>
                  </a:lnTo>
                  <a:lnTo>
                    <a:pt x="120" y="180"/>
                  </a:lnTo>
                  <a:lnTo>
                    <a:pt x="136" y="169"/>
                  </a:lnTo>
                  <a:lnTo>
                    <a:pt x="143" y="154"/>
                  </a:lnTo>
                  <a:lnTo>
                    <a:pt x="173" y="154"/>
                  </a:lnTo>
                  <a:lnTo>
                    <a:pt x="191" y="169"/>
                  </a:lnTo>
                  <a:lnTo>
                    <a:pt x="221" y="166"/>
                  </a:lnTo>
                  <a:lnTo>
                    <a:pt x="227" y="186"/>
                  </a:lnTo>
                  <a:lnTo>
                    <a:pt x="236" y="169"/>
                  </a:lnTo>
                  <a:lnTo>
                    <a:pt x="260" y="171"/>
                  </a:lnTo>
                  <a:lnTo>
                    <a:pt x="272" y="163"/>
                  </a:lnTo>
                  <a:lnTo>
                    <a:pt x="284" y="148"/>
                  </a:lnTo>
                  <a:lnTo>
                    <a:pt x="286" y="134"/>
                  </a:lnTo>
                  <a:lnTo>
                    <a:pt x="318" y="11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47" name="Freeform 186"/>
            <p:cNvSpPr>
              <a:spLocks noChangeAspect="1"/>
            </p:cNvSpPr>
            <p:nvPr/>
          </p:nvSpPr>
          <p:spPr bwMode="gray">
            <a:xfrm>
              <a:off x="5232400" y="2917826"/>
              <a:ext cx="171450" cy="84138"/>
            </a:xfrm>
            <a:custGeom>
              <a:avLst/>
              <a:gdLst>
                <a:gd name="T0" fmla="*/ 6 w 352"/>
                <a:gd name="T1" fmla="*/ 5 h 173"/>
                <a:gd name="T2" fmla="*/ 4 w 352"/>
                <a:gd name="T3" fmla="*/ 5 h 173"/>
                <a:gd name="T4" fmla="*/ 4 w 352"/>
                <a:gd name="T5" fmla="*/ 4 h 173"/>
                <a:gd name="T6" fmla="*/ 3 w 352"/>
                <a:gd name="T7" fmla="*/ 4 h 173"/>
                <a:gd name="T8" fmla="*/ 2 w 352"/>
                <a:gd name="T9" fmla="*/ 4 h 173"/>
                <a:gd name="T10" fmla="*/ 1 w 352"/>
                <a:gd name="T11" fmla="*/ 4 h 173"/>
                <a:gd name="T12" fmla="*/ 0 w 352"/>
                <a:gd name="T13" fmla="*/ 4 h 173"/>
                <a:gd name="T14" fmla="*/ 0 w 352"/>
                <a:gd name="T15" fmla="*/ 4 h 173"/>
                <a:gd name="T16" fmla="*/ 0 w 352"/>
                <a:gd name="T17" fmla="*/ 3 h 173"/>
                <a:gd name="T18" fmla="*/ 0 w 352"/>
                <a:gd name="T19" fmla="*/ 3 h 173"/>
                <a:gd name="T20" fmla="*/ 1 w 352"/>
                <a:gd name="T21" fmla="*/ 3 h 173"/>
                <a:gd name="T22" fmla="*/ 1 w 352"/>
                <a:gd name="T23" fmla="*/ 3 h 173"/>
                <a:gd name="T24" fmla="*/ 2 w 352"/>
                <a:gd name="T25" fmla="*/ 3 h 173"/>
                <a:gd name="T26" fmla="*/ 2 w 352"/>
                <a:gd name="T27" fmla="*/ 3 h 173"/>
                <a:gd name="T28" fmla="*/ 4 w 352"/>
                <a:gd name="T29" fmla="*/ 2 h 173"/>
                <a:gd name="T30" fmla="*/ 4 w 352"/>
                <a:gd name="T31" fmla="*/ 3 h 173"/>
                <a:gd name="T32" fmla="*/ 4 w 352"/>
                <a:gd name="T33" fmla="*/ 3 h 173"/>
                <a:gd name="T34" fmla="*/ 5 w 352"/>
                <a:gd name="T35" fmla="*/ 3 h 173"/>
                <a:gd name="T36" fmla="*/ 4 w 352"/>
                <a:gd name="T37" fmla="*/ 2 h 173"/>
                <a:gd name="T38" fmla="*/ 5 w 352"/>
                <a:gd name="T39" fmla="*/ 2 h 173"/>
                <a:gd name="T40" fmla="*/ 5 w 352"/>
                <a:gd name="T41" fmla="*/ 1 h 173"/>
                <a:gd name="T42" fmla="*/ 5 w 352"/>
                <a:gd name="T43" fmla="*/ 1 h 173"/>
                <a:gd name="T44" fmla="*/ 6 w 352"/>
                <a:gd name="T45" fmla="*/ 1 h 173"/>
                <a:gd name="T46" fmla="*/ 6 w 352"/>
                <a:gd name="T47" fmla="*/ 1 h 173"/>
                <a:gd name="T48" fmla="*/ 6 w 352"/>
                <a:gd name="T49" fmla="*/ 1 h 173"/>
                <a:gd name="T50" fmla="*/ 7 w 352"/>
                <a:gd name="T51" fmla="*/ 1 h 173"/>
                <a:gd name="T52" fmla="*/ 7 w 352"/>
                <a:gd name="T53" fmla="*/ 1 h 173"/>
                <a:gd name="T54" fmla="*/ 7 w 352"/>
                <a:gd name="T55" fmla="*/ 0 h 173"/>
                <a:gd name="T56" fmla="*/ 8 w 352"/>
                <a:gd name="T57" fmla="*/ 0 h 173"/>
                <a:gd name="T58" fmla="*/ 9 w 352"/>
                <a:gd name="T59" fmla="*/ 1 h 173"/>
                <a:gd name="T60" fmla="*/ 10 w 352"/>
                <a:gd name="T61" fmla="*/ 0 h 173"/>
                <a:gd name="T62" fmla="*/ 10 w 352"/>
                <a:gd name="T63" fmla="*/ 1 h 173"/>
                <a:gd name="T64" fmla="*/ 10 w 352"/>
                <a:gd name="T65" fmla="*/ 2 h 173"/>
                <a:gd name="T66" fmla="*/ 10 w 352"/>
                <a:gd name="T67" fmla="*/ 2 h 173"/>
                <a:gd name="T68" fmla="*/ 10 w 352"/>
                <a:gd name="T69" fmla="*/ 2 h 173"/>
                <a:gd name="T70" fmla="*/ 9 w 352"/>
                <a:gd name="T71" fmla="*/ 3 h 173"/>
                <a:gd name="T72" fmla="*/ 10 w 352"/>
                <a:gd name="T73" fmla="*/ 3 h 173"/>
                <a:gd name="T74" fmla="*/ 9 w 352"/>
                <a:gd name="T75" fmla="*/ 3 h 173"/>
                <a:gd name="T76" fmla="*/ 9 w 352"/>
                <a:gd name="T77" fmla="*/ 4 h 173"/>
                <a:gd name="T78" fmla="*/ 9 w 352"/>
                <a:gd name="T79" fmla="*/ 4 h 173"/>
                <a:gd name="T80" fmla="*/ 9 w 352"/>
                <a:gd name="T81" fmla="*/ 4 h 173"/>
                <a:gd name="T82" fmla="*/ 7 w 352"/>
                <a:gd name="T83" fmla="*/ 5 h 173"/>
                <a:gd name="T84" fmla="*/ 7 w 352"/>
                <a:gd name="T85" fmla="*/ 5 h 173"/>
                <a:gd name="T86" fmla="*/ 6 w 352"/>
                <a:gd name="T87" fmla="*/ 5 h 173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w 352"/>
                <a:gd name="T133" fmla="*/ 0 h 173"/>
                <a:gd name="T134" fmla="*/ 352 w 352"/>
                <a:gd name="T135" fmla="*/ 173 h 173"/>
              </a:gdLst>
              <a:ahLst/>
              <a:cxnLst>
                <a:cxn ang="T88">
                  <a:pos x="T0" y="T1"/>
                </a:cxn>
                <a:cxn ang="T89">
                  <a:pos x="T2" y="T3"/>
                </a:cxn>
                <a:cxn ang="T90">
                  <a:pos x="T4" y="T5"/>
                </a:cxn>
                <a:cxn ang="T91">
                  <a:pos x="T6" y="T7"/>
                </a:cxn>
                <a:cxn ang="T92">
                  <a:pos x="T8" y="T9"/>
                </a:cxn>
                <a:cxn ang="T93">
                  <a:pos x="T10" y="T11"/>
                </a:cxn>
                <a:cxn ang="T94">
                  <a:pos x="T12" y="T13"/>
                </a:cxn>
                <a:cxn ang="T95">
                  <a:pos x="T14" y="T15"/>
                </a:cxn>
                <a:cxn ang="T96">
                  <a:pos x="T16" y="T17"/>
                </a:cxn>
                <a:cxn ang="T97">
                  <a:pos x="T18" y="T19"/>
                </a:cxn>
                <a:cxn ang="T98">
                  <a:pos x="T20" y="T21"/>
                </a:cxn>
                <a:cxn ang="T99">
                  <a:pos x="T22" y="T23"/>
                </a:cxn>
                <a:cxn ang="T100">
                  <a:pos x="T24" y="T25"/>
                </a:cxn>
                <a:cxn ang="T101">
                  <a:pos x="T26" y="T27"/>
                </a:cxn>
                <a:cxn ang="T102">
                  <a:pos x="T28" y="T29"/>
                </a:cxn>
                <a:cxn ang="T103">
                  <a:pos x="T30" y="T31"/>
                </a:cxn>
                <a:cxn ang="T104">
                  <a:pos x="T32" y="T33"/>
                </a:cxn>
                <a:cxn ang="T105">
                  <a:pos x="T34" y="T35"/>
                </a:cxn>
                <a:cxn ang="T106">
                  <a:pos x="T36" y="T37"/>
                </a:cxn>
                <a:cxn ang="T107">
                  <a:pos x="T38" y="T39"/>
                </a:cxn>
                <a:cxn ang="T108">
                  <a:pos x="T40" y="T41"/>
                </a:cxn>
                <a:cxn ang="T109">
                  <a:pos x="T42" y="T43"/>
                </a:cxn>
                <a:cxn ang="T110">
                  <a:pos x="T44" y="T45"/>
                </a:cxn>
                <a:cxn ang="T111">
                  <a:pos x="T46" y="T47"/>
                </a:cxn>
                <a:cxn ang="T112">
                  <a:pos x="T48" y="T49"/>
                </a:cxn>
                <a:cxn ang="T113">
                  <a:pos x="T50" y="T51"/>
                </a:cxn>
                <a:cxn ang="T114">
                  <a:pos x="T52" y="T53"/>
                </a:cxn>
                <a:cxn ang="T115">
                  <a:pos x="T54" y="T55"/>
                </a:cxn>
                <a:cxn ang="T116">
                  <a:pos x="T56" y="T57"/>
                </a:cxn>
                <a:cxn ang="T117">
                  <a:pos x="T58" y="T59"/>
                </a:cxn>
                <a:cxn ang="T118">
                  <a:pos x="T60" y="T61"/>
                </a:cxn>
                <a:cxn ang="T119">
                  <a:pos x="T62" y="T63"/>
                </a:cxn>
                <a:cxn ang="T120">
                  <a:pos x="T64" y="T65"/>
                </a:cxn>
                <a:cxn ang="T121">
                  <a:pos x="T66" y="T67"/>
                </a:cxn>
                <a:cxn ang="T122">
                  <a:pos x="T68" y="T69"/>
                </a:cxn>
                <a:cxn ang="T123">
                  <a:pos x="T70" y="T71"/>
                </a:cxn>
                <a:cxn ang="T124">
                  <a:pos x="T72" y="T73"/>
                </a:cxn>
                <a:cxn ang="T125">
                  <a:pos x="T74" y="T75"/>
                </a:cxn>
                <a:cxn ang="T126">
                  <a:pos x="T76" y="T77"/>
                </a:cxn>
                <a:cxn ang="T127">
                  <a:pos x="T78" y="T79"/>
                </a:cxn>
                <a:cxn ang="T128">
                  <a:pos x="T80" y="T81"/>
                </a:cxn>
                <a:cxn ang="T129">
                  <a:pos x="T82" y="T83"/>
                </a:cxn>
                <a:cxn ang="T130">
                  <a:pos x="T84" y="T85"/>
                </a:cxn>
                <a:cxn ang="T131">
                  <a:pos x="T86" y="T87"/>
                </a:cxn>
              </a:cxnLst>
              <a:rect l="T132" t="T133" r="T134" b="T135"/>
              <a:pathLst>
                <a:path w="352" h="173">
                  <a:moveTo>
                    <a:pt x="193" y="170"/>
                  </a:moveTo>
                  <a:lnTo>
                    <a:pt x="137" y="156"/>
                  </a:lnTo>
                  <a:lnTo>
                    <a:pt x="127" y="149"/>
                  </a:lnTo>
                  <a:lnTo>
                    <a:pt x="120" y="130"/>
                  </a:lnTo>
                  <a:lnTo>
                    <a:pt x="58" y="149"/>
                  </a:lnTo>
                  <a:lnTo>
                    <a:pt x="42" y="145"/>
                  </a:lnTo>
                  <a:lnTo>
                    <a:pt x="8" y="136"/>
                  </a:lnTo>
                  <a:lnTo>
                    <a:pt x="2" y="125"/>
                  </a:lnTo>
                  <a:lnTo>
                    <a:pt x="5" y="110"/>
                  </a:lnTo>
                  <a:lnTo>
                    <a:pt x="0" y="103"/>
                  </a:lnTo>
                  <a:lnTo>
                    <a:pt x="16" y="99"/>
                  </a:lnTo>
                  <a:lnTo>
                    <a:pt x="36" y="111"/>
                  </a:lnTo>
                  <a:lnTo>
                    <a:pt x="49" y="99"/>
                  </a:lnTo>
                  <a:lnTo>
                    <a:pt x="81" y="107"/>
                  </a:lnTo>
                  <a:lnTo>
                    <a:pt x="129" y="88"/>
                  </a:lnTo>
                  <a:lnTo>
                    <a:pt x="151" y="91"/>
                  </a:lnTo>
                  <a:lnTo>
                    <a:pt x="154" y="99"/>
                  </a:lnTo>
                  <a:lnTo>
                    <a:pt x="161" y="95"/>
                  </a:lnTo>
                  <a:lnTo>
                    <a:pt x="154" y="62"/>
                  </a:lnTo>
                  <a:lnTo>
                    <a:pt x="157" y="51"/>
                  </a:lnTo>
                  <a:lnTo>
                    <a:pt x="176" y="45"/>
                  </a:lnTo>
                  <a:lnTo>
                    <a:pt x="183" y="29"/>
                  </a:lnTo>
                  <a:lnTo>
                    <a:pt x="197" y="22"/>
                  </a:lnTo>
                  <a:lnTo>
                    <a:pt x="199" y="15"/>
                  </a:lnTo>
                  <a:lnTo>
                    <a:pt x="216" y="26"/>
                  </a:lnTo>
                  <a:lnTo>
                    <a:pt x="234" y="26"/>
                  </a:lnTo>
                  <a:lnTo>
                    <a:pt x="250" y="15"/>
                  </a:lnTo>
                  <a:lnTo>
                    <a:pt x="257" y="0"/>
                  </a:lnTo>
                  <a:lnTo>
                    <a:pt x="287" y="0"/>
                  </a:lnTo>
                  <a:lnTo>
                    <a:pt x="305" y="15"/>
                  </a:lnTo>
                  <a:lnTo>
                    <a:pt x="335" y="12"/>
                  </a:lnTo>
                  <a:lnTo>
                    <a:pt x="341" y="32"/>
                  </a:lnTo>
                  <a:lnTo>
                    <a:pt x="352" y="63"/>
                  </a:lnTo>
                  <a:lnTo>
                    <a:pt x="349" y="87"/>
                  </a:lnTo>
                  <a:lnTo>
                    <a:pt x="327" y="87"/>
                  </a:lnTo>
                  <a:lnTo>
                    <a:pt x="324" y="93"/>
                  </a:lnTo>
                  <a:lnTo>
                    <a:pt x="329" y="100"/>
                  </a:lnTo>
                  <a:lnTo>
                    <a:pt x="322" y="116"/>
                  </a:lnTo>
                  <a:lnTo>
                    <a:pt x="322" y="133"/>
                  </a:lnTo>
                  <a:lnTo>
                    <a:pt x="305" y="144"/>
                  </a:lnTo>
                  <a:lnTo>
                    <a:pt x="295" y="154"/>
                  </a:lnTo>
                  <a:lnTo>
                    <a:pt x="245" y="159"/>
                  </a:lnTo>
                  <a:lnTo>
                    <a:pt x="233" y="173"/>
                  </a:lnTo>
                  <a:lnTo>
                    <a:pt x="193" y="17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48" name="Freeform 187"/>
            <p:cNvSpPr>
              <a:spLocks noChangeAspect="1"/>
            </p:cNvSpPr>
            <p:nvPr/>
          </p:nvSpPr>
          <p:spPr bwMode="gray">
            <a:xfrm>
              <a:off x="5232400" y="2971801"/>
              <a:ext cx="6350" cy="11113"/>
            </a:xfrm>
            <a:custGeom>
              <a:avLst/>
              <a:gdLst>
                <a:gd name="T0" fmla="*/ 0 w 11"/>
                <a:gd name="T1" fmla="*/ 1 h 26"/>
                <a:gd name="T2" fmla="*/ 0 w 11"/>
                <a:gd name="T3" fmla="*/ 0 h 26"/>
                <a:gd name="T4" fmla="*/ 0 w 11"/>
                <a:gd name="T5" fmla="*/ 0 h 26"/>
                <a:gd name="T6" fmla="*/ 0 w 11"/>
                <a:gd name="T7" fmla="*/ 0 h 26"/>
                <a:gd name="T8" fmla="*/ 0 w 11"/>
                <a:gd name="T9" fmla="*/ 1 h 26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1"/>
                <a:gd name="T16" fmla="*/ 0 h 26"/>
                <a:gd name="T17" fmla="*/ 11 w 11"/>
                <a:gd name="T18" fmla="*/ 26 h 26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1" h="26">
                  <a:moveTo>
                    <a:pt x="6" y="26"/>
                  </a:moveTo>
                  <a:lnTo>
                    <a:pt x="11" y="10"/>
                  </a:lnTo>
                  <a:lnTo>
                    <a:pt x="3" y="0"/>
                  </a:lnTo>
                  <a:lnTo>
                    <a:pt x="0" y="15"/>
                  </a:lnTo>
                  <a:lnTo>
                    <a:pt x="6" y="2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49" name="Freeform 188"/>
            <p:cNvSpPr>
              <a:spLocks noChangeAspect="1"/>
            </p:cNvSpPr>
            <p:nvPr/>
          </p:nvSpPr>
          <p:spPr bwMode="gray">
            <a:xfrm>
              <a:off x="5335588" y="2705101"/>
              <a:ext cx="223838" cy="207963"/>
            </a:xfrm>
            <a:custGeom>
              <a:avLst/>
              <a:gdLst>
                <a:gd name="T0" fmla="*/ 0 w 459"/>
                <a:gd name="T1" fmla="*/ 2 h 428"/>
                <a:gd name="T2" fmla="*/ 0 w 459"/>
                <a:gd name="T3" fmla="*/ 3 h 428"/>
                <a:gd name="T4" fmla="*/ 0 w 459"/>
                <a:gd name="T5" fmla="*/ 3 h 428"/>
                <a:gd name="T6" fmla="*/ 0 w 459"/>
                <a:gd name="T7" fmla="*/ 5 h 428"/>
                <a:gd name="T8" fmla="*/ 0 w 459"/>
                <a:gd name="T9" fmla="*/ 5 h 428"/>
                <a:gd name="T10" fmla="*/ 1 w 459"/>
                <a:gd name="T11" fmla="*/ 6 h 428"/>
                <a:gd name="T12" fmla="*/ 1 w 459"/>
                <a:gd name="T13" fmla="*/ 7 h 428"/>
                <a:gd name="T14" fmla="*/ 1 w 459"/>
                <a:gd name="T15" fmla="*/ 8 h 428"/>
                <a:gd name="T16" fmla="*/ 1 w 459"/>
                <a:gd name="T17" fmla="*/ 9 h 428"/>
                <a:gd name="T18" fmla="*/ 1 w 459"/>
                <a:gd name="T19" fmla="*/ 9 h 428"/>
                <a:gd name="T20" fmla="*/ 1 w 459"/>
                <a:gd name="T21" fmla="*/ 9 h 428"/>
                <a:gd name="T22" fmla="*/ 2 w 459"/>
                <a:gd name="T23" fmla="*/ 9 h 428"/>
                <a:gd name="T24" fmla="*/ 2 w 459"/>
                <a:gd name="T25" fmla="*/ 9 h 428"/>
                <a:gd name="T26" fmla="*/ 3 w 459"/>
                <a:gd name="T27" fmla="*/ 9 h 428"/>
                <a:gd name="T28" fmla="*/ 3 w 459"/>
                <a:gd name="T29" fmla="*/ 9 h 428"/>
                <a:gd name="T30" fmla="*/ 3 w 459"/>
                <a:gd name="T31" fmla="*/ 10 h 428"/>
                <a:gd name="T32" fmla="*/ 4 w 459"/>
                <a:gd name="T33" fmla="*/ 10 h 428"/>
                <a:gd name="T34" fmla="*/ 4 w 459"/>
                <a:gd name="T35" fmla="*/ 10 h 428"/>
                <a:gd name="T36" fmla="*/ 5 w 459"/>
                <a:gd name="T37" fmla="*/ 10 h 428"/>
                <a:gd name="T38" fmla="*/ 5 w 459"/>
                <a:gd name="T39" fmla="*/ 10 h 428"/>
                <a:gd name="T40" fmla="*/ 6 w 459"/>
                <a:gd name="T41" fmla="*/ 10 h 428"/>
                <a:gd name="T42" fmla="*/ 6 w 459"/>
                <a:gd name="T43" fmla="*/ 11 h 428"/>
                <a:gd name="T44" fmla="*/ 6 w 459"/>
                <a:gd name="T45" fmla="*/ 11 h 428"/>
                <a:gd name="T46" fmla="*/ 7 w 459"/>
                <a:gd name="T47" fmla="*/ 12 h 428"/>
                <a:gd name="T48" fmla="*/ 7 w 459"/>
                <a:gd name="T49" fmla="*/ 11 h 428"/>
                <a:gd name="T50" fmla="*/ 8 w 459"/>
                <a:gd name="T51" fmla="*/ 12 h 428"/>
                <a:gd name="T52" fmla="*/ 8 w 459"/>
                <a:gd name="T53" fmla="*/ 12 h 428"/>
                <a:gd name="T54" fmla="*/ 9 w 459"/>
                <a:gd name="T55" fmla="*/ 12 h 428"/>
                <a:gd name="T56" fmla="*/ 10 w 459"/>
                <a:gd name="T57" fmla="*/ 12 h 428"/>
                <a:gd name="T58" fmla="*/ 11 w 459"/>
                <a:gd name="T59" fmla="*/ 12 h 428"/>
                <a:gd name="T60" fmla="*/ 11 w 459"/>
                <a:gd name="T61" fmla="*/ 12 h 428"/>
                <a:gd name="T62" fmla="*/ 11 w 459"/>
                <a:gd name="T63" fmla="*/ 12 h 428"/>
                <a:gd name="T64" fmla="*/ 12 w 459"/>
                <a:gd name="T65" fmla="*/ 11 h 428"/>
                <a:gd name="T66" fmla="*/ 13 w 459"/>
                <a:gd name="T67" fmla="*/ 9 h 428"/>
                <a:gd name="T68" fmla="*/ 13 w 459"/>
                <a:gd name="T69" fmla="*/ 9 h 428"/>
                <a:gd name="T70" fmla="*/ 13 w 459"/>
                <a:gd name="T71" fmla="*/ 9 h 428"/>
                <a:gd name="T72" fmla="*/ 13 w 459"/>
                <a:gd name="T73" fmla="*/ 8 h 428"/>
                <a:gd name="T74" fmla="*/ 13 w 459"/>
                <a:gd name="T75" fmla="*/ 7 h 428"/>
                <a:gd name="T76" fmla="*/ 13 w 459"/>
                <a:gd name="T77" fmla="*/ 6 h 428"/>
                <a:gd name="T78" fmla="*/ 12 w 459"/>
                <a:gd name="T79" fmla="*/ 6 h 428"/>
                <a:gd name="T80" fmla="*/ 13 w 459"/>
                <a:gd name="T81" fmla="*/ 5 h 428"/>
                <a:gd name="T82" fmla="*/ 13 w 459"/>
                <a:gd name="T83" fmla="*/ 4 h 428"/>
                <a:gd name="T84" fmla="*/ 13 w 459"/>
                <a:gd name="T85" fmla="*/ 2 h 428"/>
                <a:gd name="T86" fmla="*/ 12 w 459"/>
                <a:gd name="T87" fmla="*/ 2 h 428"/>
                <a:gd name="T88" fmla="*/ 12 w 459"/>
                <a:gd name="T89" fmla="*/ 1 h 428"/>
                <a:gd name="T90" fmla="*/ 9 w 459"/>
                <a:gd name="T91" fmla="*/ 1 h 428"/>
                <a:gd name="T92" fmla="*/ 7 w 459"/>
                <a:gd name="T93" fmla="*/ 1 h 428"/>
                <a:gd name="T94" fmla="*/ 6 w 459"/>
                <a:gd name="T95" fmla="*/ 1 h 428"/>
                <a:gd name="T96" fmla="*/ 6 w 459"/>
                <a:gd name="T97" fmla="*/ 0 h 428"/>
                <a:gd name="T98" fmla="*/ 6 w 459"/>
                <a:gd name="T99" fmla="*/ 1 h 428"/>
                <a:gd name="T100" fmla="*/ 6 w 459"/>
                <a:gd name="T101" fmla="*/ 0 h 428"/>
                <a:gd name="T102" fmla="*/ 5 w 459"/>
                <a:gd name="T103" fmla="*/ 0 h 428"/>
                <a:gd name="T104" fmla="*/ 4 w 459"/>
                <a:gd name="T105" fmla="*/ 0 h 428"/>
                <a:gd name="T106" fmla="*/ 2 w 459"/>
                <a:gd name="T107" fmla="*/ 1 h 428"/>
                <a:gd name="T108" fmla="*/ 0 w 459"/>
                <a:gd name="T109" fmla="*/ 2 h 428"/>
                <a:gd name="T110" fmla="*/ 0 w 459"/>
                <a:gd name="T111" fmla="*/ 2 h 428"/>
                <a:gd name="T112" fmla="*/ 1 w 459"/>
                <a:gd name="T113" fmla="*/ 2 h 428"/>
                <a:gd name="T114" fmla="*/ 1 w 459"/>
                <a:gd name="T115" fmla="*/ 3 h 428"/>
                <a:gd name="T116" fmla="*/ 0 w 459"/>
                <a:gd name="T117" fmla="*/ 2 h 428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459"/>
                <a:gd name="T178" fmla="*/ 0 h 428"/>
                <a:gd name="T179" fmla="*/ 459 w 459"/>
                <a:gd name="T180" fmla="*/ 428 h 428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459" h="428">
                  <a:moveTo>
                    <a:pt x="3" y="86"/>
                  </a:moveTo>
                  <a:lnTo>
                    <a:pt x="11" y="108"/>
                  </a:lnTo>
                  <a:lnTo>
                    <a:pt x="11" y="122"/>
                  </a:lnTo>
                  <a:lnTo>
                    <a:pt x="0" y="159"/>
                  </a:lnTo>
                  <a:lnTo>
                    <a:pt x="14" y="167"/>
                  </a:lnTo>
                  <a:lnTo>
                    <a:pt x="20" y="217"/>
                  </a:lnTo>
                  <a:lnTo>
                    <a:pt x="23" y="247"/>
                  </a:lnTo>
                  <a:lnTo>
                    <a:pt x="37" y="266"/>
                  </a:lnTo>
                  <a:lnTo>
                    <a:pt x="29" y="305"/>
                  </a:lnTo>
                  <a:lnTo>
                    <a:pt x="34" y="308"/>
                  </a:lnTo>
                  <a:lnTo>
                    <a:pt x="46" y="294"/>
                  </a:lnTo>
                  <a:lnTo>
                    <a:pt x="60" y="308"/>
                  </a:lnTo>
                  <a:lnTo>
                    <a:pt x="85" y="311"/>
                  </a:lnTo>
                  <a:lnTo>
                    <a:pt x="102" y="322"/>
                  </a:lnTo>
                  <a:lnTo>
                    <a:pt x="99" y="334"/>
                  </a:lnTo>
                  <a:lnTo>
                    <a:pt x="120" y="353"/>
                  </a:lnTo>
                  <a:lnTo>
                    <a:pt x="131" y="347"/>
                  </a:lnTo>
                  <a:lnTo>
                    <a:pt x="129" y="337"/>
                  </a:lnTo>
                  <a:lnTo>
                    <a:pt x="167" y="347"/>
                  </a:lnTo>
                  <a:lnTo>
                    <a:pt x="167" y="359"/>
                  </a:lnTo>
                  <a:lnTo>
                    <a:pt x="187" y="367"/>
                  </a:lnTo>
                  <a:lnTo>
                    <a:pt x="202" y="393"/>
                  </a:lnTo>
                  <a:lnTo>
                    <a:pt x="219" y="399"/>
                  </a:lnTo>
                  <a:lnTo>
                    <a:pt x="227" y="402"/>
                  </a:lnTo>
                  <a:lnTo>
                    <a:pt x="246" y="398"/>
                  </a:lnTo>
                  <a:lnTo>
                    <a:pt x="266" y="418"/>
                  </a:lnTo>
                  <a:lnTo>
                    <a:pt x="289" y="407"/>
                  </a:lnTo>
                  <a:lnTo>
                    <a:pt x="314" y="415"/>
                  </a:lnTo>
                  <a:lnTo>
                    <a:pt x="339" y="404"/>
                  </a:lnTo>
                  <a:lnTo>
                    <a:pt x="383" y="428"/>
                  </a:lnTo>
                  <a:lnTo>
                    <a:pt x="397" y="428"/>
                  </a:lnTo>
                  <a:lnTo>
                    <a:pt x="395" y="404"/>
                  </a:lnTo>
                  <a:lnTo>
                    <a:pt x="410" y="373"/>
                  </a:lnTo>
                  <a:lnTo>
                    <a:pt x="454" y="333"/>
                  </a:lnTo>
                  <a:lnTo>
                    <a:pt x="459" y="322"/>
                  </a:lnTo>
                  <a:lnTo>
                    <a:pt x="454" y="299"/>
                  </a:lnTo>
                  <a:lnTo>
                    <a:pt x="444" y="286"/>
                  </a:lnTo>
                  <a:lnTo>
                    <a:pt x="433" y="247"/>
                  </a:lnTo>
                  <a:lnTo>
                    <a:pt x="436" y="217"/>
                  </a:lnTo>
                  <a:lnTo>
                    <a:pt x="419" y="196"/>
                  </a:lnTo>
                  <a:lnTo>
                    <a:pt x="450" y="164"/>
                  </a:lnTo>
                  <a:lnTo>
                    <a:pt x="450" y="136"/>
                  </a:lnTo>
                  <a:lnTo>
                    <a:pt x="434" y="66"/>
                  </a:lnTo>
                  <a:lnTo>
                    <a:pt x="428" y="52"/>
                  </a:lnTo>
                  <a:lnTo>
                    <a:pt x="399" y="35"/>
                  </a:lnTo>
                  <a:lnTo>
                    <a:pt x="318" y="43"/>
                  </a:lnTo>
                  <a:lnTo>
                    <a:pt x="253" y="31"/>
                  </a:lnTo>
                  <a:lnTo>
                    <a:pt x="216" y="43"/>
                  </a:lnTo>
                  <a:lnTo>
                    <a:pt x="201" y="14"/>
                  </a:lnTo>
                  <a:lnTo>
                    <a:pt x="213" y="18"/>
                  </a:lnTo>
                  <a:lnTo>
                    <a:pt x="209" y="6"/>
                  </a:lnTo>
                  <a:lnTo>
                    <a:pt x="179" y="0"/>
                  </a:lnTo>
                  <a:lnTo>
                    <a:pt x="145" y="6"/>
                  </a:lnTo>
                  <a:lnTo>
                    <a:pt x="86" y="45"/>
                  </a:lnTo>
                  <a:lnTo>
                    <a:pt x="14" y="73"/>
                  </a:lnTo>
                  <a:lnTo>
                    <a:pt x="7" y="77"/>
                  </a:lnTo>
                  <a:lnTo>
                    <a:pt x="17" y="81"/>
                  </a:lnTo>
                  <a:lnTo>
                    <a:pt x="15" y="93"/>
                  </a:lnTo>
                  <a:lnTo>
                    <a:pt x="3" y="8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50" name="Freeform 189"/>
            <p:cNvSpPr>
              <a:spLocks noChangeAspect="1"/>
            </p:cNvSpPr>
            <p:nvPr/>
          </p:nvSpPr>
          <p:spPr bwMode="gray">
            <a:xfrm>
              <a:off x="5489575" y="2571751"/>
              <a:ext cx="165100" cy="98425"/>
            </a:xfrm>
            <a:custGeom>
              <a:avLst/>
              <a:gdLst>
                <a:gd name="T0" fmla="*/ 8 w 339"/>
                <a:gd name="T1" fmla="*/ 6 h 200"/>
                <a:gd name="T2" fmla="*/ 8 w 339"/>
                <a:gd name="T3" fmla="*/ 6 h 200"/>
                <a:gd name="T4" fmla="*/ 9 w 339"/>
                <a:gd name="T5" fmla="*/ 6 h 200"/>
                <a:gd name="T6" fmla="*/ 9 w 339"/>
                <a:gd name="T7" fmla="*/ 5 h 200"/>
                <a:gd name="T8" fmla="*/ 10 w 339"/>
                <a:gd name="T9" fmla="*/ 5 h 200"/>
                <a:gd name="T10" fmla="*/ 10 w 339"/>
                <a:gd name="T11" fmla="*/ 4 h 200"/>
                <a:gd name="T12" fmla="*/ 9 w 339"/>
                <a:gd name="T13" fmla="*/ 3 h 200"/>
                <a:gd name="T14" fmla="*/ 9 w 339"/>
                <a:gd name="T15" fmla="*/ 2 h 200"/>
                <a:gd name="T16" fmla="*/ 9 w 339"/>
                <a:gd name="T17" fmla="*/ 1 h 200"/>
                <a:gd name="T18" fmla="*/ 8 w 339"/>
                <a:gd name="T19" fmla="*/ 1 h 200"/>
                <a:gd name="T20" fmla="*/ 7 w 339"/>
                <a:gd name="T21" fmla="*/ 1 h 200"/>
                <a:gd name="T22" fmla="*/ 6 w 339"/>
                <a:gd name="T23" fmla="*/ 0 h 200"/>
                <a:gd name="T24" fmla="*/ 5 w 339"/>
                <a:gd name="T25" fmla="*/ 1 h 200"/>
                <a:gd name="T26" fmla="*/ 5 w 339"/>
                <a:gd name="T27" fmla="*/ 1 h 200"/>
                <a:gd name="T28" fmla="*/ 5 w 339"/>
                <a:gd name="T29" fmla="*/ 2 h 200"/>
                <a:gd name="T30" fmla="*/ 4 w 339"/>
                <a:gd name="T31" fmla="*/ 3 h 200"/>
                <a:gd name="T32" fmla="*/ 4 w 339"/>
                <a:gd name="T33" fmla="*/ 2 h 200"/>
                <a:gd name="T34" fmla="*/ 4 w 339"/>
                <a:gd name="T35" fmla="*/ 3 h 200"/>
                <a:gd name="T36" fmla="*/ 3 w 339"/>
                <a:gd name="T37" fmla="*/ 2 h 200"/>
                <a:gd name="T38" fmla="*/ 3 w 339"/>
                <a:gd name="T39" fmla="*/ 2 h 200"/>
                <a:gd name="T40" fmla="*/ 3 w 339"/>
                <a:gd name="T41" fmla="*/ 2 h 200"/>
                <a:gd name="T42" fmla="*/ 2 w 339"/>
                <a:gd name="T43" fmla="*/ 1 h 200"/>
                <a:gd name="T44" fmla="*/ 1 w 339"/>
                <a:gd name="T45" fmla="*/ 1 h 200"/>
                <a:gd name="T46" fmla="*/ 0 w 339"/>
                <a:gd name="T47" fmla="*/ 3 h 200"/>
                <a:gd name="T48" fmla="*/ 0 w 339"/>
                <a:gd name="T49" fmla="*/ 5 h 200"/>
                <a:gd name="T50" fmla="*/ 0 w 339"/>
                <a:gd name="T51" fmla="*/ 5 h 200"/>
                <a:gd name="T52" fmla="*/ 0 w 339"/>
                <a:gd name="T53" fmla="*/ 5 h 200"/>
                <a:gd name="T54" fmla="*/ 1 w 339"/>
                <a:gd name="T55" fmla="*/ 5 h 200"/>
                <a:gd name="T56" fmla="*/ 2 w 339"/>
                <a:gd name="T57" fmla="*/ 4 h 200"/>
                <a:gd name="T58" fmla="*/ 4 w 339"/>
                <a:gd name="T59" fmla="*/ 4 h 200"/>
                <a:gd name="T60" fmla="*/ 4 w 339"/>
                <a:gd name="T61" fmla="*/ 4 h 200"/>
                <a:gd name="T62" fmla="*/ 5 w 339"/>
                <a:gd name="T63" fmla="*/ 4 h 200"/>
                <a:gd name="T64" fmla="*/ 6 w 339"/>
                <a:gd name="T65" fmla="*/ 5 h 200"/>
                <a:gd name="T66" fmla="*/ 6 w 339"/>
                <a:gd name="T67" fmla="*/ 5 h 200"/>
                <a:gd name="T68" fmla="*/ 8 w 339"/>
                <a:gd name="T69" fmla="*/ 6 h 200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w 339"/>
                <a:gd name="T106" fmla="*/ 0 h 200"/>
                <a:gd name="T107" fmla="*/ 339 w 339"/>
                <a:gd name="T108" fmla="*/ 200 h 200"/>
              </a:gdLst>
              <a:ahLst/>
              <a:cxnLst>
                <a:cxn ang="T70">
                  <a:pos x="T0" y="T1"/>
                </a:cxn>
                <a:cxn ang="T71">
                  <a:pos x="T2" y="T3"/>
                </a:cxn>
                <a:cxn ang="T72">
                  <a:pos x="T4" y="T5"/>
                </a:cxn>
                <a:cxn ang="T73">
                  <a:pos x="T6" y="T7"/>
                </a:cxn>
                <a:cxn ang="T74">
                  <a:pos x="T8" y="T9"/>
                </a:cxn>
                <a:cxn ang="T75">
                  <a:pos x="T10" y="T11"/>
                </a:cxn>
                <a:cxn ang="T76">
                  <a:pos x="T12" y="T13"/>
                </a:cxn>
                <a:cxn ang="T77">
                  <a:pos x="T14" y="T15"/>
                </a:cxn>
                <a:cxn ang="T78">
                  <a:pos x="T16" y="T17"/>
                </a:cxn>
                <a:cxn ang="T79">
                  <a:pos x="T18" y="T19"/>
                </a:cxn>
                <a:cxn ang="T80">
                  <a:pos x="T20" y="T21"/>
                </a:cxn>
                <a:cxn ang="T81">
                  <a:pos x="T22" y="T23"/>
                </a:cxn>
                <a:cxn ang="T82">
                  <a:pos x="T24" y="T25"/>
                </a:cxn>
                <a:cxn ang="T83">
                  <a:pos x="T26" y="T27"/>
                </a:cxn>
                <a:cxn ang="T84">
                  <a:pos x="T28" y="T29"/>
                </a:cxn>
                <a:cxn ang="T85">
                  <a:pos x="T30" y="T31"/>
                </a:cxn>
                <a:cxn ang="T86">
                  <a:pos x="T32" y="T33"/>
                </a:cxn>
                <a:cxn ang="T87">
                  <a:pos x="T34" y="T35"/>
                </a:cxn>
                <a:cxn ang="T88">
                  <a:pos x="T36" y="T37"/>
                </a:cxn>
                <a:cxn ang="T89">
                  <a:pos x="T38" y="T39"/>
                </a:cxn>
                <a:cxn ang="T90">
                  <a:pos x="T40" y="T41"/>
                </a:cxn>
                <a:cxn ang="T91">
                  <a:pos x="T42" y="T43"/>
                </a:cxn>
                <a:cxn ang="T92">
                  <a:pos x="T44" y="T45"/>
                </a:cxn>
                <a:cxn ang="T93">
                  <a:pos x="T46" y="T47"/>
                </a:cxn>
                <a:cxn ang="T94">
                  <a:pos x="T48" y="T49"/>
                </a:cxn>
                <a:cxn ang="T95">
                  <a:pos x="T50" y="T51"/>
                </a:cxn>
                <a:cxn ang="T96">
                  <a:pos x="T52" y="T53"/>
                </a:cxn>
                <a:cxn ang="T97">
                  <a:pos x="T54" y="T55"/>
                </a:cxn>
                <a:cxn ang="T98">
                  <a:pos x="T56" y="T57"/>
                </a:cxn>
                <a:cxn ang="T99">
                  <a:pos x="T58" y="T59"/>
                </a:cxn>
                <a:cxn ang="T100">
                  <a:pos x="T60" y="T61"/>
                </a:cxn>
                <a:cxn ang="T101">
                  <a:pos x="T62" y="T63"/>
                </a:cxn>
                <a:cxn ang="T102">
                  <a:pos x="T64" y="T65"/>
                </a:cxn>
                <a:cxn ang="T103">
                  <a:pos x="T66" y="T67"/>
                </a:cxn>
                <a:cxn ang="T104">
                  <a:pos x="T68" y="T69"/>
                </a:cxn>
              </a:cxnLst>
              <a:rect l="T105" t="T106" r="T107" b="T108"/>
              <a:pathLst>
                <a:path w="339" h="200">
                  <a:moveTo>
                    <a:pt x="266" y="200"/>
                  </a:moveTo>
                  <a:lnTo>
                    <a:pt x="285" y="188"/>
                  </a:lnTo>
                  <a:lnTo>
                    <a:pt x="305" y="191"/>
                  </a:lnTo>
                  <a:lnTo>
                    <a:pt x="324" y="164"/>
                  </a:lnTo>
                  <a:lnTo>
                    <a:pt x="339" y="159"/>
                  </a:lnTo>
                  <a:lnTo>
                    <a:pt x="336" y="125"/>
                  </a:lnTo>
                  <a:lnTo>
                    <a:pt x="312" y="95"/>
                  </a:lnTo>
                  <a:lnTo>
                    <a:pt x="317" y="62"/>
                  </a:lnTo>
                  <a:lnTo>
                    <a:pt x="300" y="40"/>
                  </a:lnTo>
                  <a:lnTo>
                    <a:pt x="260" y="40"/>
                  </a:lnTo>
                  <a:lnTo>
                    <a:pt x="237" y="17"/>
                  </a:lnTo>
                  <a:lnTo>
                    <a:pt x="200" y="0"/>
                  </a:lnTo>
                  <a:lnTo>
                    <a:pt x="158" y="15"/>
                  </a:lnTo>
                  <a:lnTo>
                    <a:pt x="156" y="20"/>
                  </a:lnTo>
                  <a:lnTo>
                    <a:pt x="156" y="74"/>
                  </a:lnTo>
                  <a:lnTo>
                    <a:pt x="146" y="98"/>
                  </a:lnTo>
                  <a:lnTo>
                    <a:pt x="143" y="88"/>
                  </a:lnTo>
                  <a:lnTo>
                    <a:pt x="124" y="95"/>
                  </a:lnTo>
                  <a:lnTo>
                    <a:pt x="110" y="87"/>
                  </a:lnTo>
                  <a:lnTo>
                    <a:pt x="102" y="65"/>
                  </a:lnTo>
                  <a:lnTo>
                    <a:pt x="101" y="74"/>
                  </a:lnTo>
                  <a:lnTo>
                    <a:pt x="73" y="31"/>
                  </a:lnTo>
                  <a:lnTo>
                    <a:pt x="36" y="45"/>
                  </a:lnTo>
                  <a:lnTo>
                    <a:pt x="5" y="115"/>
                  </a:lnTo>
                  <a:lnTo>
                    <a:pt x="0" y="158"/>
                  </a:lnTo>
                  <a:lnTo>
                    <a:pt x="2" y="164"/>
                  </a:lnTo>
                  <a:lnTo>
                    <a:pt x="11" y="166"/>
                  </a:lnTo>
                  <a:lnTo>
                    <a:pt x="22" y="150"/>
                  </a:lnTo>
                  <a:lnTo>
                    <a:pt x="54" y="137"/>
                  </a:lnTo>
                  <a:lnTo>
                    <a:pt x="127" y="139"/>
                  </a:lnTo>
                  <a:lnTo>
                    <a:pt x="153" y="149"/>
                  </a:lnTo>
                  <a:lnTo>
                    <a:pt x="183" y="133"/>
                  </a:lnTo>
                  <a:lnTo>
                    <a:pt x="195" y="158"/>
                  </a:lnTo>
                  <a:lnTo>
                    <a:pt x="215" y="159"/>
                  </a:lnTo>
                  <a:lnTo>
                    <a:pt x="266" y="20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51" name="Freeform 190"/>
            <p:cNvSpPr>
              <a:spLocks noChangeAspect="1"/>
            </p:cNvSpPr>
            <p:nvPr/>
          </p:nvSpPr>
          <p:spPr bwMode="gray">
            <a:xfrm>
              <a:off x="5489575" y="2636838"/>
              <a:ext cx="130175" cy="100013"/>
            </a:xfrm>
            <a:custGeom>
              <a:avLst/>
              <a:gdLst>
                <a:gd name="T0" fmla="*/ 5 w 266"/>
                <a:gd name="T1" fmla="*/ 6 h 204"/>
                <a:gd name="T2" fmla="*/ 5 w 266"/>
                <a:gd name="T3" fmla="*/ 6 h 204"/>
                <a:gd name="T4" fmla="*/ 6 w 266"/>
                <a:gd name="T5" fmla="*/ 5 h 204"/>
                <a:gd name="T6" fmla="*/ 6 w 266"/>
                <a:gd name="T7" fmla="*/ 6 h 204"/>
                <a:gd name="T8" fmla="*/ 6 w 266"/>
                <a:gd name="T9" fmla="*/ 5 h 204"/>
                <a:gd name="T10" fmla="*/ 6 w 266"/>
                <a:gd name="T11" fmla="*/ 4 h 204"/>
                <a:gd name="T12" fmla="*/ 6 w 266"/>
                <a:gd name="T13" fmla="*/ 4 h 204"/>
                <a:gd name="T14" fmla="*/ 8 w 266"/>
                <a:gd name="T15" fmla="*/ 3 h 204"/>
                <a:gd name="T16" fmla="*/ 8 w 266"/>
                <a:gd name="T17" fmla="*/ 3 h 204"/>
                <a:gd name="T18" fmla="*/ 7 w 266"/>
                <a:gd name="T19" fmla="*/ 3 h 204"/>
                <a:gd name="T20" fmla="*/ 7 w 266"/>
                <a:gd name="T21" fmla="*/ 2 h 204"/>
                <a:gd name="T22" fmla="*/ 8 w 266"/>
                <a:gd name="T23" fmla="*/ 2 h 204"/>
                <a:gd name="T24" fmla="*/ 8 w 266"/>
                <a:gd name="T25" fmla="*/ 2 h 204"/>
                <a:gd name="T26" fmla="*/ 6 w 266"/>
                <a:gd name="T27" fmla="*/ 1 h 204"/>
                <a:gd name="T28" fmla="*/ 6 w 266"/>
                <a:gd name="T29" fmla="*/ 1 h 204"/>
                <a:gd name="T30" fmla="*/ 5 w 266"/>
                <a:gd name="T31" fmla="*/ 0 h 204"/>
                <a:gd name="T32" fmla="*/ 4 w 266"/>
                <a:gd name="T33" fmla="*/ 1 h 204"/>
                <a:gd name="T34" fmla="*/ 4 w 266"/>
                <a:gd name="T35" fmla="*/ 0 h 204"/>
                <a:gd name="T36" fmla="*/ 2 w 266"/>
                <a:gd name="T37" fmla="*/ 0 h 204"/>
                <a:gd name="T38" fmla="*/ 1 w 266"/>
                <a:gd name="T39" fmla="*/ 1 h 204"/>
                <a:gd name="T40" fmla="*/ 0 w 266"/>
                <a:gd name="T41" fmla="*/ 1 h 204"/>
                <a:gd name="T42" fmla="*/ 0 w 266"/>
                <a:gd name="T43" fmla="*/ 1 h 204"/>
                <a:gd name="T44" fmla="*/ 0 w 266"/>
                <a:gd name="T45" fmla="*/ 3 h 204"/>
                <a:gd name="T46" fmla="*/ 2 w 266"/>
                <a:gd name="T47" fmla="*/ 3 h 204"/>
                <a:gd name="T48" fmla="*/ 2 w 266"/>
                <a:gd name="T49" fmla="*/ 4 h 204"/>
                <a:gd name="T50" fmla="*/ 2 w 266"/>
                <a:gd name="T51" fmla="*/ 4 h 204"/>
                <a:gd name="T52" fmla="*/ 2 w 266"/>
                <a:gd name="T53" fmla="*/ 5 h 204"/>
                <a:gd name="T54" fmla="*/ 3 w 266"/>
                <a:gd name="T55" fmla="*/ 6 h 204"/>
                <a:gd name="T56" fmla="*/ 3 w 266"/>
                <a:gd name="T57" fmla="*/ 6 h 204"/>
                <a:gd name="T58" fmla="*/ 5 w 266"/>
                <a:gd name="T59" fmla="*/ 6 h 204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266"/>
                <a:gd name="T91" fmla="*/ 0 h 204"/>
                <a:gd name="T92" fmla="*/ 266 w 266"/>
                <a:gd name="T93" fmla="*/ 204 h 204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266" h="204">
                  <a:moveTo>
                    <a:pt x="178" y="200"/>
                  </a:moveTo>
                  <a:lnTo>
                    <a:pt x="175" y="189"/>
                  </a:lnTo>
                  <a:lnTo>
                    <a:pt x="198" y="177"/>
                  </a:lnTo>
                  <a:lnTo>
                    <a:pt x="221" y="186"/>
                  </a:lnTo>
                  <a:lnTo>
                    <a:pt x="212" y="169"/>
                  </a:lnTo>
                  <a:lnTo>
                    <a:pt x="221" y="150"/>
                  </a:lnTo>
                  <a:lnTo>
                    <a:pt x="224" y="122"/>
                  </a:lnTo>
                  <a:lnTo>
                    <a:pt x="260" y="109"/>
                  </a:lnTo>
                  <a:lnTo>
                    <a:pt x="266" y="93"/>
                  </a:lnTo>
                  <a:lnTo>
                    <a:pt x="252" y="90"/>
                  </a:lnTo>
                  <a:lnTo>
                    <a:pt x="252" y="76"/>
                  </a:lnTo>
                  <a:lnTo>
                    <a:pt x="264" y="68"/>
                  </a:lnTo>
                  <a:lnTo>
                    <a:pt x="264" y="67"/>
                  </a:lnTo>
                  <a:lnTo>
                    <a:pt x="213" y="26"/>
                  </a:lnTo>
                  <a:lnTo>
                    <a:pt x="193" y="25"/>
                  </a:lnTo>
                  <a:lnTo>
                    <a:pt x="181" y="0"/>
                  </a:lnTo>
                  <a:lnTo>
                    <a:pt x="151" y="16"/>
                  </a:lnTo>
                  <a:lnTo>
                    <a:pt x="125" y="6"/>
                  </a:lnTo>
                  <a:lnTo>
                    <a:pt x="52" y="4"/>
                  </a:lnTo>
                  <a:lnTo>
                    <a:pt x="20" y="17"/>
                  </a:lnTo>
                  <a:lnTo>
                    <a:pt x="9" y="33"/>
                  </a:lnTo>
                  <a:lnTo>
                    <a:pt x="0" y="31"/>
                  </a:lnTo>
                  <a:lnTo>
                    <a:pt x="14" y="101"/>
                  </a:lnTo>
                  <a:lnTo>
                    <a:pt x="76" y="116"/>
                  </a:lnTo>
                  <a:lnTo>
                    <a:pt x="85" y="135"/>
                  </a:lnTo>
                  <a:lnTo>
                    <a:pt x="80" y="147"/>
                  </a:lnTo>
                  <a:lnTo>
                    <a:pt x="82" y="173"/>
                  </a:lnTo>
                  <a:lnTo>
                    <a:pt x="111" y="190"/>
                  </a:lnTo>
                  <a:lnTo>
                    <a:pt x="117" y="204"/>
                  </a:lnTo>
                  <a:lnTo>
                    <a:pt x="178" y="20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52" name="Freeform 191"/>
            <p:cNvSpPr>
              <a:spLocks noChangeAspect="1"/>
            </p:cNvSpPr>
            <p:nvPr/>
          </p:nvSpPr>
          <p:spPr bwMode="gray">
            <a:xfrm>
              <a:off x="5457825" y="2670176"/>
              <a:ext cx="71438" cy="57150"/>
            </a:xfrm>
            <a:custGeom>
              <a:avLst/>
              <a:gdLst>
                <a:gd name="T0" fmla="*/ 0 w 149"/>
                <a:gd name="T1" fmla="*/ 3 h 113"/>
                <a:gd name="T2" fmla="*/ 2 w 149"/>
                <a:gd name="T3" fmla="*/ 4 h 113"/>
                <a:gd name="T4" fmla="*/ 4 w 149"/>
                <a:gd name="T5" fmla="*/ 4 h 113"/>
                <a:gd name="T6" fmla="*/ 4 w 149"/>
                <a:gd name="T7" fmla="*/ 3 h 113"/>
                <a:gd name="T8" fmla="*/ 4 w 149"/>
                <a:gd name="T9" fmla="*/ 2 h 113"/>
                <a:gd name="T10" fmla="*/ 4 w 149"/>
                <a:gd name="T11" fmla="*/ 2 h 113"/>
                <a:gd name="T12" fmla="*/ 2 w 149"/>
                <a:gd name="T13" fmla="*/ 1 h 113"/>
                <a:gd name="T14" fmla="*/ 2 w 149"/>
                <a:gd name="T15" fmla="*/ 2 h 113"/>
                <a:gd name="T16" fmla="*/ 1 w 149"/>
                <a:gd name="T17" fmla="*/ 2 h 113"/>
                <a:gd name="T18" fmla="*/ 2 w 149"/>
                <a:gd name="T19" fmla="*/ 1 h 113"/>
                <a:gd name="T20" fmla="*/ 2 w 149"/>
                <a:gd name="T21" fmla="*/ 0 h 113"/>
                <a:gd name="T22" fmla="*/ 2 w 149"/>
                <a:gd name="T23" fmla="*/ 1 h 113"/>
                <a:gd name="T24" fmla="*/ 1 w 149"/>
                <a:gd name="T25" fmla="*/ 2 h 113"/>
                <a:gd name="T26" fmla="*/ 1 w 149"/>
                <a:gd name="T27" fmla="*/ 2 h 113"/>
                <a:gd name="T28" fmla="*/ 0 w 149"/>
                <a:gd name="T29" fmla="*/ 3 h 113"/>
                <a:gd name="T30" fmla="*/ 0 w 149"/>
                <a:gd name="T31" fmla="*/ 3 h 113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49"/>
                <a:gd name="T49" fmla="*/ 0 h 113"/>
                <a:gd name="T50" fmla="*/ 149 w 149"/>
                <a:gd name="T51" fmla="*/ 113 h 113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49" h="113">
                  <a:moveTo>
                    <a:pt x="0" y="101"/>
                  </a:moveTo>
                  <a:lnTo>
                    <a:pt x="65" y="113"/>
                  </a:lnTo>
                  <a:lnTo>
                    <a:pt x="146" y="105"/>
                  </a:lnTo>
                  <a:lnTo>
                    <a:pt x="144" y="79"/>
                  </a:lnTo>
                  <a:lnTo>
                    <a:pt x="149" y="67"/>
                  </a:lnTo>
                  <a:lnTo>
                    <a:pt x="140" y="48"/>
                  </a:lnTo>
                  <a:lnTo>
                    <a:pt x="78" y="33"/>
                  </a:lnTo>
                  <a:lnTo>
                    <a:pt x="73" y="62"/>
                  </a:lnTo>
                  <a:lnTo>
                    <a:pt x="47" y="54"/>
                  </a:lnTo>
                  <a:lnTo>
                    <a:pt x="65" y="24"/>
                  </a:lnTo>
                  <a:lnTo>
                    <a:pt x="71" y="0"/>
                  </a:lnTo>
                  <a:lnTo>
                    <a:pt x="54" y="37"/>
                  </a:lnTo>
                  <a:lnTo>
                    <a:pt x="39" y="59"/>
                  </a:lnTo>
                  <a:lnTo>
                    <a:pt x="20" y="59"/>
                  </a:lnTo>
                  <a:lnTo>
                    <a:pt x="11" y="87"/>
                  </a:lnTo>
                  <a:lnTo>
                    <a:pt x="0" y="10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53" name="Freeform 192"/>
            <p:cNvSpPr>
              <a:spLocks noChangeAspect="1"/>
            </p:cNvSpPr>
            <p:nvPr/>
          </p:nvSpPr>
          <p:spPr bwMode="gray">
            <a:xfrm>
              <a:off x="5146675" y="2878138"/>
              <a:ext cx="14288" cy="20638"/>
            </a:xfrm>
            <a:custGeom>
              <a:avLst/>
              <a:gdLst>
                <a:gd name="T0" fmla="*/ 1 w 30"/>
                <a:gd name="T1" fmla="*/ 1 h 42"/>
                <a:gd name="T2" fmla="*/ 1 w 30"/>
                <a:gd name="T3" fmla="*/ 1 h 42"/>
                <a:gd name="T4" fmla="*/ 1 w 30"/>
                <a:gd name="T5" fmla="*/ 0 h 42"/>
                <a:gd name="T6" fmla="*/ 1 w 30"/>
                <a:gd name="T7" fmla="*/ 0 h 42"/>
                <a:gd name="T8" fmla="*/ 1 w 30"/>
                <a:gd name="T9" fmla="*/ 0 h 42"/>
                <a:gd name="T10" fmla="*/ 0 w 30"/>
                <a:gd name="T11" fmla="*/ 0 h 42"/>
                <a:gd name="T12" fmla="*/ 0 w 30"/>
                <a:gd name="T13" fmla="*/ 1 h 42"/>
                <a:gd name="T14" fmla="*/ 0 w 30"/>
                <a:gd name="T15" fmla="*/ 1 h 42"/>
                <a:gd name="T16" fmla="*/ 1 w 30"/>
                <a:gd name="T17" fmla="*/ 1 h 42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30"/>
                <a:gd name="T28" fmla="*/ 0 h 42"/>
                <a:gd name="T29" fmla="*/ 30 w 30"/>
                <a:gd name="T30" fmla="*/ 42 h 42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30" h="42">
                  <a:moveTo>
                    <a:pt x="27" y="42"/>
                  </a:moveTo>
                  <a:lnTo>
                    <a:pt x="30" y="26"/>
                  </a:lnTo>
                  <a:lnTo>
                    <a:pt x="24" y="14"/>
                  </a:lnTo>
                  <a:lnTo>
                    <a:pt x="25" y="3"/>
                  </a:lnTo>
                  <a:lnTo>
                    <a:pt x="19" y="0"/>
                  </a:lnTo>
                  <a:lnTo>
                    <a:pt x="5" y="4"/>
                  </a:lnTo>
                  <a:lnTo>
                    <a:pt x="0" y="17"/>
                  </a:lnTo>
                  <a:lnTo>
                    <a:pt x="3" y="40"/>
                  </a:lnTo>
                  <a:lnTo>
                    <a:pt x="27" y="4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54" name="Freeform 193"/>
            <p:cNvSpPr>
              <a:spLocks noChangeAspect="1"/>
            </p:cNvSpPr>
            <p:nvPr/>
          </p:nvSpPr>
          <p:spPr bwMode="gray">
            <a:xfrm>
              <a:off x="5154613" y="2962276"/>
              <a:ext cx="96838" cy="58738"/>
            </a:xfrm>
            <a:custGeom>
              <a:avLst/>
              <a:gdLst>
                <a:gd name="T0" fmla="*/ 6 w 201"/>
                <a:gd name="T1" fmla="*/ 2 h 121"/>
                <a:gd name="T2" fmla="*/ 5 w 201"/>
                <a:gd name="T3" fmla="*/ 1 h 121"/>
                <a:gd name="T4" fmla="*/ 5 w 201"/>
                <a:gd name="T5" fmla="*/ 1 h 121"/>
                <a:gd name="T6" fmla="*/ 5 w 201"/>
                <a:gd name="T7" fmla="*/ 1 h 121"/>
                <a:gd name="T8" fmla="*/ 5 w 201"/>
                <a:gd name="T9" fmla="*/ 0 h 121"/>
                <a:gd name="T10" fmla="*/ 4 w 201"/>
                <a:gd name="T11" fmla="*/ 0 h 121"/>
                <a:gd name="T12" fmla="*/ 2 w 201"/>
                <a:gd name="T13" fmla="*/ 0 h 121"/>
                <a:gd name="T14" fmla="*/ 2 w 201"/>
                <a:gd name="T15" fmla="*/ 0 h 121"/>
                <a:gd name="T16" fmla="*/ 1 w 201"/>
                <a:gd name="T17" fmla="*/ 0 h 121"/>
                <a:gd name="T18" fmla="*/ 1 w 201"/>
                <a:gd name="T19" fmla="*/ 1 h 121"/>
                <a:gd name="T20" fmla="*/ 1 w 201"/>
                <a:gd name="T21" fmla="*/ 1 h 121"/>
                <a:gd name="T22" fmla="*/ 1 w 201"/>
                <a:gd name="T23" fmla="*/ 1 h 121"/>
                <a:gd name="T24" fmla="*/ 0 w 201"/>
                <a:gd name="T25" fmla="*/ 2 h 121"/>
                <a:gd name="T26" fmla="*/ 0 w 201"/>
                <a:gd name="T27" fmla="*/ 3 h 121"/>
                <a:gd name="T28" fmla="*/ 1 w 201"/>
                <a:gd name="T29" fmla="*/ 2 h 121"/>
                <a:gd name="T30" fmla="*/ 1 w 201"/>
                <a:gd name="T31" fmla="*/ 2 h 121"/>
                <a:gd name="T32" fmla="*/ 1 w 201"/>
                <a:gd name="T33" fmla="*/ 3 h 121"/>
                <a:gd name="T34" fmla="*/ 1 w 201"/>
                <a:gd name="T35" fmla="*/ 3 h 121"/>
                <a:gd name="T36" fmla="*/ 1 w 201"/>
                <a:gd name="T37" fmla="*/ 3 h 121"/>
                <a:gd name="T38" fmla="*/ 2 w 201"/>
                <a:gd name="T39" fmla="*/ 3 h 121"/>
                <a:gd name="T40" fmla="*/ 3 w 201"/>
                <a:gd name="T41" fmla="*/ 2 h 121"/>
                <a:gd name="T42" fmla="*/ 3 w 201"/>
                <a:gd name="T43" fmla="*/ 3 h 121"/>
                <a:gd name="T44" fmla="*/ 4 w 201"/>
                <a:gd name="T45" fmla="*/ 3 h 121"/>
                <a:gd name="T46" fmla="*/ 4 w 201"/>
                <a:gd name="T47" fmla="*/ 2 h 121"/>
                <a:gd name="T48" fmla="*/ 5 w 201"/>
                <a:gd name="T49" fmla="*/ 3 h 121"/>
                <a:gd name="T50" fmla="*/ 5 w 201"/>
                <a:gd name="T51" fmla="*/ 2 h 121"/>
                <a:gd name="T52" fmla="*/ 6 w 201"/>
                <a:gd name="T53" fmla="*/ 2 h 121"/>
                <a:gd name="T54" fmla="*/ 6 w 201"/>
                <a:gd name="T55" fmla="*/ 2 h 121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w 201"/>
                <a:gd name="T85" fmla="*/ 0 h 121"/>
                <a:gd name="T86" fmla="*/ 201 w 201"/>
                <a:gd name="T87" fmla="*/ 121 h 121"/>
              </a:gdLst>
              <a:ahLst/>
              <a:cxnLst>
                <a:cxn ang="T56">
                  <a:pos x="T0" y="T1"/>
                </a:cxn>
                <a:cxn ang="T57">
                  <a:pos x="T2" y="T3"/>
                </a:cxn>
                <a:cxn ang="T58">
                  <a:pos x="T4" y="T5"/>
                </a:cxn>
                <a:cxn ang="T59">
                  <a:pos x="T6" y="T7"/>
                </a:cxn>
                <a:cxn ang="T60">
                  <a:pos x="T8" y="T9"/>
                </a:cxn>
                <a:cxn ang="T61">
                  <a:pos x="T10" y="T11"/>
                </a:cxn>
                <a:cxn ang="T62">
                  <a:pos x="T12" y="T13"/>
                </a:cxn>
                <a:cxn ang="T63">
                  <a:pos x="T14" y="T15"/>
                </a:cxn>
                <a:cxn ang="T64">
                  <a:pos x="T16" y="T17"/>
                </a:cxn>
                <a:cxn ang="T65">
                  <a:pos x="T18" y="T19"/>
                </a:cxn>
                <a:cxn ang="T66">
                  <a:pos x="T20" y="T21"/>
                </a:cxn>
                <a:cxn ang="T67">
                  <a:pos x="T22" y="T23"/>
                </a:cxn>
                <a:cxn ang="T68">
                  <a:pos x="T24" y="T25"/>
                </a:cxn>
                <a:cxn ang="T69">
                  <a:pos x="T26" y="T27"/>
                </a:cxn>
                <a:cxn ang="T70">
                  <a:pos x="T28" y="T29"/>
                </a:cxn>
                <a:cxn ang="T71">
                  <a:pos x="T30" y="T31"/>
                </a:cxn>
                <a:cxn ang="T72">
                  <a:pos x="T32" y="T33"/>
                </a:cxn>
                <a:cxn ang="T73">
                  <a:pos x="T34" y="T35"/>
                </a:cxn>
                <a:cxn ang="T74">
                  <a:pos x="T36" y="T37"/>
                </a:cxn>
                <a:cxn ang="T75">
                  <a:pos x="T38" y="T39"/>
                </a:cxn>
                <a:cxn ang="T76">
                  <a:pos x="T40" y="T41"/>
                </a:cxn>
                <a:cxn ang="T77">
                  <a:pos x="T42" y="T43"/>
                </a:cxn>
                <a:cxn ang="T78">
                  <a:pos x="T44" y="T45"/>
                </a:cxn>
                <a:cxn ang="T79">
                  <a:pos x="T46" y="T47"/>
                </a:cxn>
                <a:cxn ang="T80">
                  <a:pos x="T48" y="T49"/>
                </a:cxn>
                <a:cxn ang="T81">
                  <a:pos x="T50" y="T51"/>
                </a:cxn>
                <a:cxn ang="T82">
                  <a:pos x="T52" y="T53"/>
                </a:cxn>
                <a:cxn ang="T83">
                  <a:pos x="T54" y="T55"/>
                </a:cxn>
              </a:cxnLst>
              <a:rect l="T84" t="T85" r="T86" b="T87"/>
              <a:pathLst>
                <a:path w="201" h="121">
                  <a:moveTo>
                    <a:pt x="201" y="54"/>
                  </a:moveTo>
                  <a:lnTo>
                    <a:pt x="167" y="45"/>
                  </a:lnTo>
                  <a:lnTo>
                    <a:pt x="161" y="34"/>
                  </a:lnTo>
                  <a:lnTo>
                    <a:pt x="164" y="19"/>
                  </a:lnTo>
                  <a:lnTo>
                    <a:pt x="159" y="12"/>
                  </a:lnTo>
                  <a:lnTo>
                    <a:pt x="127" y="0"/>
                  </a:lnTo>
                  <a:lnTo>
                    <a:pt x="76" y="9"/>
                  </a:lnTo>
                  <a:lnTo>
                    <a:pt x="70" y="4"/>
                  </a:lnTo>
                  <a:lnTo>
                    <a:pt x="44" y="11"/>
                  </a:lnTo>
                  <a:lnTo>
                    <a:pt x="41" y="16"/>
                  </a:lnTo>
                  <a:lnTo>
                    <a:pt x="44" y="20"/>
                  </a:lnTo>
                  <a:lnTo>
                    <a:pt x="24" y="42"/>
                  </a:lnTo>
                  <a:lnTo>
                    <a:pt x="0" y="82"/>
                  </a:lnTo>
                  <a:lnTo>
                    <a:pt x="2" y="102"/>
                  </a:lnTo>
                  <a:lnTo>
                    <a:pt x="17" y="85"/>
                  </a:lnTo>
                  <a:lnTo>
                    <a:pt x="34" y="87"/>
                  </a:lnTo>
                  <a:lnTo>
                    <a:pt x="36" y="109"/>
                  </a:lnTo>
                  <a:lnTo>
                    <a:pt x="42" y="110"/>
                  </a:lnTo>
                  <a:lnTo>
                    <a:pt x="44" y="121"/>
                  </a:lnTo>
                  <a:lnTo>
                    <a:pt x="83" y="116"/>
                  </a:lnTo>
                  <a:lnTo>
                    <a:pt x="110" y="84"/>
                  </a:lnTo>
                  <a:lnTo>
                    <a:pt x="115" y="101"/>
                  </a:lnTo>
                  <a:lnTo>
                    <a:pt x="135" y="118"/>
                  </a:lnTo>
                  <a:lnTo>
                    <a:pt x="150" y="80"/>
                  </a:lnTo>
                  <a:lnTo>
                    <a:pt x="188" y="92"/>
                  </a:lnTo>
                  <a:lnTo>
                    <a:pt x="188" y="71"/>
                  </a:lnTo>
                  <a:lnTo>
                    <a:pt x="200" y="68"/>
                  </a:lnTo>
                  <a:lnTo>
                    <a:pt x="201" y="5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55" name="Freeform 194"/>
            <p:cNvSpPr>
              <a:spLocks noChangeAspect="1"/>
            </p:cNvSpPr>
            <p:nvPr/>
          </p:nvSpPr>
          <p:spPr bwMode="gray">
            <a:xfrm>
              <a:off x="5081588" y="2832101"/>
              <a:ext cx="79375" cy="66675"/>
            </a:xfrm>
            <a:custGeom>
              <a:avLst/>
              <a:gdLst>
                <a:gd name="T0" fmla="*/ 3 w 158"/>
                <a:gd name="T1" fmla="*/ 4 h 134"/>
                <a:gd name="T2" fmla="*/ 3 w 158"/>
                <a:gd name="T3" fmla="*/ 3 h 134"/>
                <a:gd name="T4" fmla="*/ 3 w 158"/>
                <a:gd name="T5" fmla="*/ 3 h 134"/>
                <a:gd name="T6" fmla="*/ 2 w 158"/>
                <a:gd name="T7" fmla="*/ 3 h 134"/>
                <a:gd name="T8" fmla="*/ 2 w 158"/>
                <a:gd name="T9" fmla="*/ 3 h 134"/>
                <a:gd name="T10" fmla="*/ 1 w 158"/>
                <a:gd name="T11" fmla="*/ 2 h 134"/>
                <a:gd name="T12" fmla="*/ 1 w 158"/>
                <a:gd name="T13" fmla="*/ 2 h 134"/>
                <a:gd name="T14" fmla="*/ 0 w 158"/>
                <a:gd name="T15" fmla="*/ 2 h 134"/>
                <a:gd name="T16" fmla="*/ 0 w 158"/>
                <a:gd name="T17" fmla="*/ 1 h 134"/>
                <a:gd name="T18" fmla="*/ 1 w 158"/>
                <a:gd name="T19" fmla="*/ 0 h 134"/>
                <a:gd name="T20" fmla="*/ 2 w 158"/>
                <a:gd name="T21" fmla="*/ 1 h 134"/>
                <a:gd name="T22" fmla="*/ 3 w 158"/>
                <a:gd name="T23" fmla="*/ 0 h 134"/>
                <a:gd name="T24" fmla="*/ 3 w 158"/>
                <a:gd name="T25" fmla="*/ 0 h 134"/>
                <a:gd name="T26" fmla="*/ 4 w 158"/>
                <a:gd name="T27" fmla="*/ 1 h 134"/>
                <a:gd name="T28" fmla="*/ 4 w 158"/>
                <a:gd name="T29" fmla="*/ 1 h 134"/>
                <a:gd name="T30" fmla="*/ 5 w 158"/>
                <a:gd name="T31" fmla="*/ 2 h 134"/>
                <a:gd name="T32" fmla="*/ 5 w 158"/>
                <a:gd name="T33" fmla="*/ 2 h 134"/>
                <a:gd name="T34" fmla="*/ 5 w 158"/>
                <a:gd name="T35" fmla="*/ 3 h 134"/>
                <a:gd name="T36" fmla="*/ 4 w 158"/>
                <a:gd name="T37" fmla="*/ 3 h 134"/>
                <a:gd name="T38" fmla="*/ 4 w 158"/>
                <a:gd name="T39" fmla="*/ 3 h 134"/>
                <a:gd name="T40" fmla="*/ 4 w 158"/>
                <a:gd name="T41" fmla="*/ 4 h 134"/>
                <a:gd name="T42" fmla="*/ 4 w 158"/>
                <a:gd name="T43" fmla="*/ 4 h 134"/>
                <a:gd name="T44" fmla="*/ 3 w 158"/>
                <a:gd name="T45" fmla="*/ 4 h 134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w 158"/>
                <a:gd name="T70" fmla="*/ 0 h 134"/>
                <a:gd name="T71" fmla="*/ 158 w 158"/>
                <a:gd name="T72" fmla="*/ 134 h 134"/>
              </a:gdLst>
              <a:ahLst/>
              <a:cxnLst>
                <a:cxn ang="T46">
                  <a:pos x="T0" y="T1"/>
                </a:cxn>
                <a:cxn ang="T47">
                  <a:pos x="T2" y="T3"/>
                </a:cxn>
                <a:cxn ang="T48">
                  <a:pos x="T4" y="T5"/>
                </a:cxn>
                <a:cxn ang="T49">
                  <a:pos x="T6" y="T7"/>
                </a:cxn>
                <a:cxn ang="T50">
                  <a:pos x="T8" y="T9"/>
                </a:cxn>
                <a:cxn ang="T51">
                  <a:pos x="T10" y="T11"/>
                </a:cxn>
                <a:cxn ang="T52">
                  <a:pos x="T12" y="T13"/>
                </a:cxn>
                <a:cxn ang="T53">
                  <a:pos x="T14" y="T15"/>
                </a:cxn>
                <a:cxn ang="T54">
                  <a:pos x="T16" y="T17"/>
                </a:cxn>
                <a:cxn ang="T55">
                  <a:pos x="T18" y="T19"/>
                </a:cxn>
                <a:cxn ang="T56">
                  <a:pos x="T20" y="T21"/>
                </a:cxn>
                <a:cxn ang="T57">
                  <a:pos x="T22" y="T23"/>
                </a:cxn>
                <a:cxn ang="T58">
                  <a:pos x="T24" y="T25"/>
                </a:cxn>
                <a:cxn ang="T59">
                  <a:pos x="T26" y="T27"/>
                </a:cxn>
                <a:cxn ang="T60">
                  <a:pos x="T28" y="T29"/>
                </a:cxn>
                <a:cxn ang="T61">
                  <a:pos x="T30" y="T31"/>
                </a:cxn>
                <a:cxn ang="T62">
                  <a:pos x="T32" y="T33"/>
                </a:cxn>
                <a:cxn ang="T63">
                  <a:pos x="T34" y="T35"/>
                </a:cxn>
                <a:cxn ang="T64">
                  <a:pos x="T36" y="T37"/>
                </a:cxn>
                <a:cxn ang="T65">
                  <a:pos x="T38" y="T39"/>
                </a:cxn>
                <a:cxn ang="T66">
                  <a:pos x="T40" y="T41"/>
                </a:cxn>
                <a:cxn ang="T67">
                  <a:pos x="T42" y="T43"/>
                </a:cxn>
                <a:cxn ang="T68">
                  <a:pos x="T44" y="T45"/>
                </a:cxn>
              </a:cxnLst>
              <a:rect l="T69" t="T70" r="T71" b="T72"/>
              <a:pathLst>
                <a:path w="158" h="134">
                  <a:moveTo>
                    <a:pt x="102" y="122"/>
                  </a:moveTo>
                  <a:lnTo>
                    <a:pt x="99" y="95"/>
                  </a:lnTo>
                  <a:lnTo>
                    <a:pt x="85" y="106"/>
                  </a:lnTo>
                  <a:lnTo>
                    <a:pt x="68" y="105"/>
                  </a:lnTo>
                  <a:lnTo>
                    <a:pt x="60" y="80"/>
                  </a:lnTo>
                  <a:lnTo>
                    <a:pt x="29" y="66"/>
                  </a:lnTo>
                  <a:lnTo>
                    <a:pt x="21" y="51"/>
                  </a:lnTo>
                  <a:lnTo>
                    <a:pt x="3" y="47"/>
                  </a:lnTo>
                  <a:lnTo>
                    <a:pt x="0" y="26"/>
                  </a:lnTo>
                  <a:lnTo>
                    <a:pt x="34" y="7"/>
                  </a:lnTo>
                  <a:lnTo>
                    <a:pt x="48" y="15"/>
                  </a:lnTo>
                  <a:lnTo>
                    <a:pt x="87" y="0"/>
                  </a:lnTo>
                  <a:lnTo>
                    <a:pt x="107" y="5"/>
                  </a:lnTo>
                  <a:lnTo>
                    <a:pt x="131" y="18"/>
                  </a:lnTo>
                  <a:lnTo>
                    <a:pt x="131" y="46"/>
                  </a:lnTo>
                  <a:lnTo>
                    <a:pt x="148" y="51"/>
                  </a:lnTo>
                  <a:lnTo>
                    <a:pt x="158" y="72"/>
                  </a:lnTo>
                  <a:lnTo>
                    <a:pt x="150" y="94"/>
                  </a:lnTo>
                  <a:lnTo>
                    <a:pt x="136" y="98"/>
                  </a:lnTo>
                  <a:lnTo>
                    <a:pt x="131" y="111"/>
                  </a:lnTo>
                  <a:lnTo>
                    <a:pt x="134" y="134"/>
                  </a:lnTo>
                  <a:lnTo>
                    <a:pt x="117" y="132"/>
                  </a:lnTo>
                  <a:lnTo>
                    <a:pt x="102" y="12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56" name="Freeform 195"/>
            <p:cNvSpPr>
              <a:spLocks noChangeAspect="1"/>
            </p:cNvSpPr>
            <p:nvPr/>
          </p:nvSpPr>
          <p:spPr bwMode="gray">
            <a:xfrm>
              <a:off x="5614988" y="2933701"/>
              <a:ext cx="76200" cy="95250"/>
            </a:xfrm>
            <a:custGeom>
              <a:avLst/>
              <a:gdLst>
                <a:gd name="T0" fmla="*/ 2 w 155"/>
                <a:gd name="T1" fmla="*/ 5 h 198"/>
                <a:gd name="T2" fmla="*/ 2 w 155"/>
                <a:gd name="T3" fmla="*/ 5 h 198"/>
                <a:gd name="T4" fmla="*/ 2 w 155"/>
                <a:gd name="T5" fmla="*/ 5 h 198"/>
                <a:gd name="T6" fmla="*/ 3 w 155"/>
                <a:gd name="T7" fmla="*/ 5 h 198"/>
                <a:gd name="T8" fmla="*/ 3 w 155"/>
                <a:gd name="T9" fmla="*/ 5 h 198"/>
                <a:gd name="T10" fmla="*/ 3 w 155"/>
                <a:gd name="T11" fmla="*/ 4 h 198"/>
                <a:gd name="T12" fmla="*/ 5 w 155"/>
                <a:gd name="T13" fmla="*/ 4 h 198"/>
                <a:gd name="T14" fmla="*/ 5 w 155"/>
                <a:gd name="T15" fmla="*/ 3 h 198"/>
                <a:gd name="T16" fmla="*/ 4 w 155"/>
                <a:gd name="T17" fmla="*/ 3 h 198"/>
                <a:gd name="T18" fmla="*/ 4 w 155"/>
                <a:gd name="T19" fmla="*/ 2 h 198"/>
                <a:gd name="T20" fmla="*/ 3 w 155"/>
                <a:gd name="T21" fmla="*/ 2 h 198"/>
                <a:gd name="T22" fmla="*/ 3 w 155"/>
                <a:gd name="T23" fmla="*/ 1 h 198"/>
                <a:gd name="T24" fmla="*/ 3 w 155"/>
                <a:gd name="T25" fmla="*/ 1 h 198"/>
                <a:gd name="T26" fmla="*/ 2 w 155"/>
                <a:gd name="T27" fmla="*/ 1 h 198"/>
                <a:gd name="T28" fmla="*/ 1 w 155"/>
                <a:gd name="T29" fmla="*/ 0 h 198"/>
                <a:gd name="T30" fmla="*/ 0 w 155"/>
                <a:gd name="T31" fmla="*/ 0 h 198"/>
                <a:gd name="T32" fmla="*/ 0 w 155"/>
                <a:gd name="T33" fmla="*/ 1 h 198"/>
                <a:gd name="T34" fmla="*/ 0 w 155"/>
                <a:gd name="T35" fmla="*/ 1 h 198"/>
                <a:gd name="T36" fmla="*/ 1 w 155"/>
                <a:gd name="T37" fmla="*/ 2 h 198"/>
                <a:gd name="T38" fmla="*/ 1 w 155"/>
                <a:gd name="T39" fmla="*/ 2 h 198"/>
                <a:gd name="T40" fmla="*/ 2 w 155"/>
                <a:gd name="T41" fmla="*/ 3 h 198"/>
                <a:gd name="T42" fmla="*/ 2 w 155"/>
                <a:gd name="T43" fmla="*/ 5 h 198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w 155"/>
                <a:gd name="T67" fmla="*/ 0 h 198"/>
                <a:gd name="T68" fmla="*/ 155 w 155"/>
                <a:gd name="T69" fmla="*/ 198 h 198"/>
              </a:gdLst>
              <a:ahLst/>
              <a:cxnLst>
                <a:cxn ang="T44">
                  <a:pos x="T0" y="T1"/>
                </a:cxn>
                <a:cxn ang="T45">
                  <a:pos x="T2" y="T3"/>
                </a:cxn>
                <a:cxn ang="T46">
                  <a:pos x="T4" y="T5"/>
                </a:cxn>
                <a:cxn ang="T47">
                  <a:pos x="T6" y="T7"/>
                </a:cxn>
                <a:cxn ang="T48">
                  <a:pos x="T8" y="T9"/>
                </a:cxn>
                <a:cxn ang="T49">
                  <a:pos x="T10" y="T11"/>
                </a:cxn>
                <a:cxn ang="T50">
                  <a:pos x="T12" y="T13"/>
                </a:cxn>
                <a:cxn ang="T51">
                  <a:pos x="T14" y="T15"/>
                </a:cxn>
                <a:cxn ang="T52">
                  <a:pos x="T16" y="T17"/>
                </a:cxn>
                <a:cxn ang="T53">
                  <a:pos x="T18" y="T19"/>
                </a:cxn>
                <a:cxn ang="T54">
                  <a:pos x="T20" y="T21"/>
                </a:cxn>
                <a:cxn ang="T55">
                  <a:pos x="T22" y="T23"/>
                </a:cxn>
                <a:cxn ang="T56">
                  <a:pos x="T24" y="T25"/>
                </a:cxn>
                <a:cxn ang="T57">
                  <a:pos x="T26" y="T27"/>
                </a:cxn>
                <a:cxn ang="T58">
                  <a:pos x="T28" y="T29"/>
                </a:cxn>
                <a:cxn ang="T59">
                  <a:pos x="T30" y="T31"/>
                </a:cxn>
                <a:cxn ang="T60">
                  <a:pos x="T32" y="T33"/>
                </a:cxn>
                <a:cxn ang="T61">
                  <a:pos x="T34" y="T35"/>
                </a:cxn>
                <a:cxn ang="T62">
                  <a:pos x="T36" y="T37"/>
                </a:cxn>
                <a:cxn ang="T63">
                  <a:pos x="T38" y="T39"/>
                </a:cxn>
                <a:cxn ang="T64">
                  <a:pos x="T40" y="T41"/>
                </a:cxn>
                <a:cxn ang="T65">
                  <a:pos x="T42" y="T43"/>
                </a:cxn>
              </a:cxnLst>
              <a:rect l="T66" t="T67" r="T68" b="T69"/>
              <a:pathLst>
                <a:path w="155" h="198">
                  <a:moveTo>
                    <a:pt x="73" y="172"/>
                  </a:moveTo>
                  <a:lnTo>
                    <a:pt x="74" y="198"/>
                  </a:lnTo>
                  <a:lnTo>
                    <a:pt x="85" y="196"/>
                  </a:lnTo>
                  <a:lnTo>
                    <a:pt x="90" y="184"/>
                  </a:lnTo>
                  <a:lnTo>
                    <a:pt x="108" y="165"/>
                  </a:lnTo>
                  <a:lnTo>
                    <a:pt x="113" y="139"/>
                  </a:lnTo>
                  <a:lnTo>
                    <a:pt x="153" y="139"/>
                  </a:lnTo>
                  <a:lnTo>
                    <a:pt x="155" y="113"/>
                  </a:lnTo>
                  <a:lnTo>
                    <a:pt x="138" y="102"/>
                  </a:lnTo>
                  <a:lnTo>
                    <a:pt x="133" y="76"/>
                  </a:lnTo>
                  <a:lnTo>
                    <a:pt x="116" y="64"/>
                  </a:lnTo>
                  <a:lnTo>
                    <a:pt x="119" y="37"/>
                  </a:lnTo>
                  <a:lnTo>
                    <a:pt x="116" y="31"/>
                  </a:lnTo>
                  <a:lnTo>
                    <a:pt x="74" y="22"/>
                  </a:lnTo>
                  <a:lnTo>
                    <a:pt x="39" y="0"/>
                  </a:lnTo>
                  <a:lnTo>
                    <a:pt x="11" y="3"/>
                  </a:lnTo>
                  <a:lnTo>
                    <a:pt x="0" y="22"/>
                  </a:lnTo>
                  <a:lnTo>
                    <a:pt x="8" y="18"/>
                  </a:lnTo>
                  <a:lnTo>
                    <a:pt x="37" y="51"/>
                  </a:lnTo>
                  <a:lnTo>
                    <a:pt x="40" y="64"/>
                  </a:lnTo>
                  <a:lnTo>
                    <a:pt x="71" y="116"/>
                  </a:lnTo>
                  <a:lnTo>
                    <a:pt x="73" y="17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57" name="Freeform 196"/>
            <p:cNvSpPr>
              <a:spLocks noChangeAspect="1"/>
            </p:cNvSpPr>
            <p:nvPr/>
          </p:nvSpPr>
          <p:spPr bwMode="gray">
            <a:xfrm>
              <a:off x="5473700" y="2941638"/>
              <a:ext cx="211138" cy="147638"/>
            </a:xfrm>
            <a:custGeom>
              <a:avLst/>
              <a:gdLst>
                <a:gd name="T0" fmla="*/ 10 w 437"/>
                <a:gd name="T1" fmla="*/ 3 h 304"/>
                <a:gd name="T2" fmla="*/ 9 w 437"/>
                <a:gd name="T3" fmla="*/ 1 h 304"/>
                <a:gd name="T4" fmla="*/ 9 w 437"/>
                <a:gd name="T5" fmla="*/ 1 h 304"/>
                <a:gd name="T6" fmla="*/ 9 w 437"/>
                <a:gd name="T7" fmla="*/ 0 h 304"/>
                <a:gd name="T8" fmla="*/ 8 w 437"/>
                <a:gd name="T9" fmla="*/ 0 h 304"/>
                <a:gd name="T10" fmla="*/ 6 w 437"/>
                <a:gd name="T11" fmla="*/ 1 h 304"/>
                <a:gd name="T12" fmla="*/ 6 w 437"/>
                <a:gd name="T13" fmla="*/ 1 h 304"/>
                <a:gd name="T14" fmla="*/ 3 w 437"/>
                <a:gd name="T15" fmla="*/ 1 h 304"/>
                <a:gd name="T16" fmla="*/ 2 w 437"/>
                <a:gd name="T17" fmla="*/ 2 h 304"/>
                <a:gd name="T18" fmla="*/ 2 w 437"/>
                <a:gd name="T19" fmla="*/ 2 h 304"/>
                <a:gd name="T20" fmla="*/ 1 w 437"/>
                <a:gd name="T21" fmla="*/ 4 h 304"/>
                <a:gd name="T22" fmla="*/ 0 w 437"/>
                <a:gd name="T23" fmla="*/ 4 h 304"/>
                <a:gd name="T24" fmla="*/ 1 w 437"/>
                <a:gd name="T25" fmla="*/ 5 h 304"/>
                <a:gd name="T26" fmla="*/ 1 w 437"/>
                <a:gd name="T27" fmla="*/ 6 h 304"/>
                <a:gd name="T28" fmla="*/ 2 w 437"/>
                <a:gd name="T29" fmla="*/ 6 h 304"/>
                <a:gd name="T30" fmla="*/ 2 w 437"/>
                <a:gd name="T31" fmla="*/ 6 h 304"/>
                <a:gd name="T32" fmla="*/ 3 w 437"/>
                <a:gd name="T33" fmla="*/ 7 h 304"/>
                <a:gd name="T34" fmla="*/ 3 w 437"/>
                <a:gd name="T35" fmla="*/ 7 h 304"/>
                <a:gd name="T36" fmla="*/ 3 w 437"/>
                <a:gd name="T37" fmla="*/ 7 h 304"/>
                <a:gd name="T38" fmla="*/ 3 w 437"/>
                <a:gd name="T39" fmla="*/ 7 h 304"/>
                <a:gd name="T40" fmla="*/ 3 w 437"/>
                <a:gd name="T41" fmla="*/ 8 h 304"/>
                <a:gd name="T42" fmla="*/ 3 w 437"/>
                <a:gd name="T43" fmla="*/ 8 h 304"/>
                <a:gd name="T44" fmla="*/ 4 w 437"/>
                <a:gd name="T45" fmla="*/ 8 h 304"/>
                <a:gd name="T46" fmla="*/ 3 w 437"/>
                <a:gd name="T47" fmla="*/ 8 h 304"/>
                <a:gd name="T48" fmla="*/ 4 w 437"/>
                <a:gd name="T49" fmla="*/ 9 h 304"/>
                <a:gd name="T50" fmla="*/ 7 w 437"/>
                <a:gd name="T51" fmla="*/ 9 h 304"/>
                <a:gd name="T52" fmla="*/ 9 w 437"/>
                <a:gd name="T53" fmla="*/ 8 h 304"/>
                <a:gd name="T54" fmla="*/ 9 w 437"/>
                <a:gd name="T55" fmla="*/ 8 h 304"/>
                <a:gd name="T56" fmla="*/ 10 w 437"/>
                <a:gd name="T57" fmla="*/ 8 h 304"/>
                <a:gd name="T58" fmla="*/ 11 w 437"/>
                <a:gd name="T59" fmla="*/ 9 h 304"/>
                <a:gd name="T60" fmla="*/ 11 w 437"/>
                <a:gd name="T61" fmla="*/ 9 h 304"/>
                <a:gd name="T62" fmla="*/ 11 w 437"/>
                <a:gd name="T63" fmla="*/ 8 h 304"/>
                <a:gd name="T64" fmla="*/ 11 w 437"/>
                <a:gd name="T65" fmla="*/ 6 h 304"/>
                <a:gd name="T66" fmla="*/ 12 w 437"/>
                <a:gd name="T67" fmla="*/ 6 h 304"/>
                <a:gd name="T68" fmla="*/ 12 w 437"/>
                <a:gd name="T69" fmla="*/ 7 h 304"/>
                <a:gd name="T70" fmla="*/ 11 w 437"/>
                <a:gd name="T71" fmla="*/ 7 h 304"/>
                <a:gd name="T72" fmla="*/ 11 w 437"/>
                <a:gd name="T73" fmla="*/ 7 h 304"/>
                <a:gd name="T74" fmla="*/ 12 w 437"/>
                <a:gd name="T75" fmla="*/ 7 h 304"/>
                <a:gd name="T76" fmla="*/ 12 w 437"/>
                <a:gd name="T77" fmla="*/ 6 h 304"/>
                <a:gd name="T78" fmla="*/ 12 w 437"/>
                <a:gd name="T79" fmla="*/ 6 h 304"/>
                <a:gd name="T80" fmla="*/ 12 w 437"/>
                <a:gd name="T81" fmla="*/ 6 h 304"/>
                <a:gd name="T82" fmla="*/ 12 w 437"/>
                <a:gd name="T83" fmla="*/ 6 h 304"/>
                <a:gd name="T84" fmla="*/ 11 w 437"/>
                <a:gd name="T85" fmla="*/ 6 h 304"/>
                <a:gd name="T86" fmla="*/ 11 w 437"/>
                <a:gd name="T87" fmla="*/ 6 h 304"/>
                <a:gd name="T88" fmla="*/ 10 w 437"/>
                <a:gd name="T89" fmla="*/ 6 h 304"/>
                <a:gd name="T90" fmla="*/ 10 w 437"/>
                <a:gd name="T91" fmla="*/ 5 h 304"/>
                <a:gd name="T92" fmla="*/ 10 w 437"/>
                <a:gd name="T93" fmla="*/ 4 h 304"/>
                <a:gd name="T94" fmla="*/ 10 w 437"/>
                <a:gd name="T95" fmla="*/ 3 h 304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437"/>
                <a:gd name="T145" fmla="*/ 0 h 304"/>
                <a:gd name="T146" fmla="*/ 437 w 437"/>
                <a:gd name="T147" fmla="*/ 304 h 304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437" h="304">
                  <a:moveTo>
                    <a:pt x="363" y="98"/>
                  </a:moveTo>
                  <a:lnTo>
                    <a:pt x="332" y="46"/>
                  </a:lnTo>
                  <a:lnTo>
                    <a:pt x="329" y="33"/>
                  </a:lnTo>
                  <a:lnTo>
                    <a:pt x="300" y="0"/>
                  </a:lnTo>
                  <a:lnTo>
                    <a:pt x="292" y="4"/>
                  </a:lnTo>
                  <a:lnTo>
                    <a:pt x="217" y="31"/>
                  </a:lnTo>
                  <a:lnTo>
                    <a:pt x="201" y="19"/>
                  </a:lnTo>
                  <a:lnTo>
                    <a:pt x="119" y="21"/>
                  </a:lnTo>
                  <a:lnTo>
                    <a:pt x="82" y="48"/>
                  </a:lnTo>
                  <a:lnTo>
                    <a:pt x="74" y="71"/>
                  </a:lnTo>
                  <a:lnTo>
                    <a:pt x="41" y="130"/>
                  </a:lnTo>
                  <a:lnTo>
                    <a:pt x="0" y="144"/>
                  </a:lnTo>
                  <a:lnTo>
                    <a:pt x="23" y="163"/>
                  </a:lnTo>
                  <a:lnTo>
                    <a:pt x="39" y="200"/>
                  </a:lnTo>
                  <a:lnTo>
                    <a:pt x="54" y="206"/>
                  </a:lnTo>
                  <a:lnTo>
                    <a:pt x="58" y="228"/>
                  </a:lnTo>
                  <a:lnTo>
                    <a:pt x="95" y="246"/>
                  </a:lnTo>
                  <a:lnTo>
                    <a:pt x="103" y="239"/>
                  </a:lnTo>
                  <a:lnTo>
                    <a:pt x="110" y="248"/>
                  </a:lnTo>
                  <a:lnTo>
                    <a:pt x="102" y="257"/>
                  </a:lnTo>
                  <a:lnTo>
                    <a:pt x="108" y="271"/>
                  </a:lnTo>
                  <a:lnTo>
                    <a:pt x="116" y="273"/>
                  </a:lnTo>
                  <a:lnTo>
                    <a:pt x="127" y="276"/>
                  </a:lnTo>
                  <a:lnTo>
                    <a:pt x="122" y="287"/>
                  </a:lnTo>
                  <a:lnTo>
                    <a:pt x="131" y="295"/>
                  </a:lnTo>
                  <a:lnTo>
                    <a:pt x="243" y="304"/>
                  </a:lnTo>
                  <a:lnTo>
                    <a:pt x="312" y="276"/>
                  </a:lnTo>
                  <a:lnTo>
                    <a:pt x="329" y="276"/>
                  </a:lnTo>
                  <a:lnTo>
                    <a:pt x="357" y="287"/>
                  </a:lnTo>
                  <a:lnTo>
                    <a:pt x="376" y="298"/>
                  </a:lnTo>
                  <a:lnTo>
                    <a:pt x="390" y="296"/>
                  </a:lnTo>
                  <a:lnTo>
                    <a:pt x="390" y="266"/>
                  </a:lnTo>
                  <a:lnTo>
                    <a:pt x="402" y="220"/>
                  </a:lnTo>
                  <a:lnTo>
                    <a:pt x="408" y="220"/>
                  </a:lnTo>
                  <a:lnTo>
                    <a:pt x="408" y="232"/>
                  </a:lnTo>
                  <a:lnTo>
                    <a:pt x="396" y="249"/>
                  </a:lnTo>
                  <a:lnTo>
                    <a:pt x="399" y="254"/>
                  </a:lnTo>
                  <a:lnTo>
                    <a:pt x="428" y="232"/>
                  </a:lnTo>
                  <a:lnTo>
                    <a:pt x="434" y="228"/>
                  </a:lnTo>
                  <a:lnTo>
                    <a:pt x="437" y="214"/>
                  </a:lnTo>
                  <a:lnTo>
                    <a:pt x="436" y="194"/>
                  </a:lnTo>
                  <a:lnTo>
                    <a:pt x="424" y="189"/>
                  </a:lnTo>
                  <a:lnTo>
                    <a:pt x="385" y="202"/>
                  </a:lnTo>
                  <a:lnTo>
                    <a:pt x="374" y="188"/>
                  </a:lnTo>
                  <a:lnTo>
                    <a:pt x="368" y="192"/>
                  </a:lnTo>
                  <a:lnTo>
                    <a:pt x="366" y="180"/>
                  </a:lnTo>
                  <a:lnTo>
                    <a:pt x="365" y="154"/>
                  </a:lnTo>
                  <a:lnTo>
                    <a:pt x="363" y="9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58" name="Freeform 197"/>
            <p:cNvSpPr>
              <a:spLocks noChangeAspect="1"/>
            </p:cNvSpPr>
            <p:nvPr/>
          </p:nvSpPr>
          <p:spPr bwMode="gray">
            <a:xfrm>
              <a:off x="5049838" y="3121026"/>
              <a:ext cx="7938" cy="6350"/>
            </a:xfrm>
            <a:custGeom>
              <a:avLst/>
              <a:gdLst>
                <a:gd name="T0" fmla="*/ 0 w 16"/>
                <a:gd name="T1" fmla="*/ 0 h 13"/>
                <a:gd name="T2" fmla="*/ 1 w 16"/>
                <a:gd name="T3" fmla="*/ 0 h 13"/>
                <a:gd name="T4" fmla="*/ 0 w 16"/>
                <a:gd name="T5" fmla="*/ 0 h 13"/>
                <a:gd name="T6" fmla="*/ 0 w 16"/>
                <a:gd name="T7" fmla="*/ 0 h 13"/>
                <a:gd name="T8" fmla="*/ 0 w 16"/>
                <a:gd name="T9" fmla="*/ 0 h 13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6"/>
                <a:gd name="T16" fmla="*/ 0 h 13"/>
                <a:gd name="T17" fmla="*/ 16 w 16"/>
                <a:gd name="T18" fmla="*/ 13 h 13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6" h="13">
                  <a:moveTo>
                    <a:pt x="10" y="0"/>
                  </a:moveTo>
                  <a:lnTo>
                    <a:pt x="16" y="8"/>
                  </a:lnTo>
                  <a:lnTo>
                    <a:pt x="8" y="13"/>
                  </a:lnTo>
                  <a:lnTo>
                    <a:pt x="0" y="3"/>
                  </a:lnTo>
                  <a:lnTo>
                    <a:pt x="10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59" name="Freeform 198"/>
            <p:cNvSpPr>
              <a:spLocks noChangeAspect="1" noEditPoints="1"/>
            </p:cNvSpPr>
            <p:nvPr/>
          </p:nvSpPr>
          <p:spPr bwMode="gray">
            <a:xfrm>
              <a:off x="4321175" y="3136901"/>
              <a:ext cx="561975" cy="146050"/>
            </a:xfrm>
            <a:custGeom>
              <a:avLst/>
              <a:gdLst>
                <a:gd name="T0" fmla="*/ 30 w 1157"/>
                <a:gd name="T1" fmla="*/ 1 h 300"/>
                <a:gd name="T2" fmla="*/ 30 w 1157"/>
                <a:gd name="T3" fmla="*/ 0 h 300"/>
                <a:gd name="T4" fmla="*/ 31 w 1157"/>
                <a:gd name="T5" fmla="*/ 0 h 300"/>
                <a:gd name="T6" fmla="*/ 31 w 1157"/>
                <a:gd name="T7" fmla="*/ 0 h 300"/>
                <a:gd name="T8" fmla="*/ 31 w 1157"/>
                <a:gd name="T9" fmla="*/ 1 h 300"/>
                <a:gd name="T10" fmla="*/ 33 w 1157"/>
                <a:gd name="T11" fmla="*/ 0 h 300"/>
                <a:gd name="T12" fmla="*/ 33 w 1157"/>
                <a:gd name="T13" fmla="*/ 1 h 300"/>
                <a:gd name="T14" fmla="*/ 33 w 1157"/>
                <a:gd name="T15" fmla="*/ 2 h 300"/>
                <a:gd name="T16" fmla="*/ 32 w 1157"/>
                <a:gd name="T17" fmla="*/ 2 h 300"/>
                <a:gd name="T18" fmla="*/ 32 w 1157"/>
                <a:gd name="T19" fmla="*/ 3 h 300"/>
                <a:gd name="T20" fmla="*/ 32 w 1157"/>
                <a:gd name="T21" fmla="*/ 4 h 300"/>
                <a:gd name="T22" fmla="*/ 32 w 1157"/>
                <a:gd name="T23" fmla="*/ 4 h 300"/>
                <a:gd name="T24" fmla="*/ 32 w 1157"/>
                <a:gd name="T25" fmla="*/ 5 h 300"/>
                <a:gd name="T26" fmla="*/ 32 w 1157"/>
                <a:gd name="T27" fmla="*/ 6 h 300"/>
                <a:gd name="T28" fmla="*/ 32 w 1157"/>
                <a:gd name="T29" fmla="*/ 7 h 300"/>
                <a:gd name="T30" fmla="*/ 32 w 1157"/>
                <a:gd name="T31" fmla="*/ 8 h 300"/>
                <a:gd name="T32" fmla="*/ 32 w 1157"/>
                <a:gd name="T33" fmla="*/ 8 h 300"/>
                <a:gd name="T34" fmla="*/ 31 w 1157"/>
                <a:gd name="T35" fmla="*/ 9 h 300"/>
                <a:gd name="T36" fmla="*/ 30 w 1157"/>
                <a:gd name="T37" fmla="*/ 9 h 300"/>
                <a:gd name="T38" fmla="*/ 30 w 1157"/>
                <a:gd name="T39" fmla="*/ 6 h 300"/>
                <a:gd name="T40" fmla="*/ 29 w 1157"/>
                <a:gd name="T41" fmla="*/ 6 h 300"/>
                <a:gd name="T42" fmla="*/ 29 w 1157"/>
                <a:gd name="T43" fmla="*/ 6 h 300"/>
                <a:gd name="T44" fmla="*/ 29 w 1157"/>
                <a:gd name="T45" fmla="*/ 6 h 300"/>
                <a:gd name="T46" fmla="*/ 29 w 1157"/>
                <a:gd name="T47" fmla="*/ 5 h 300"/>
                <a:gd name="T48" fmla="*/ 30 w 1157"/>
                <a:gd name="T49" fmla="*/ 4 h 300"/>
                <a:gd name="T50" fmla="*/ 30 w 1157"/>
                <a:gd name="T51" fmla="*/ 2 h 300"/>
                <a:gd name="T52" fmla="*/ 30 w 1157"/>
                <a:gd name="T53" fmla="*/ 1 h 300"/>
                <a:gd name="T54" fmla="*/ 8 w 1157"/>
                <a:gd name="T55" fmla="*/ 7 h 300"/>
                <a:gd name="T56" fmla="*/ 7 w 1157"/>
                <a:gd name="T57" fmla="*/ 7 h 300"/>
                <a:gd name="T58" fmla="*/ 8 w 1157"/>
                <a:gd name="T59" fmla="*/ 8 h 300"/>
                <a:gd name="T60" fmla="*/ 8 w 1157"/>
                <a:gd name="T61" fmla="*/ 7 h 300"/>
                <a:gd name="T62" fmla="*/ 0 w 1157"/>
                <a:gd name="T63" fmla="*/ 5 h 300"/>
                <a:gd name="T64" fmla="*/ 0 w 1157"/>
                <a:gd name="T65" fmla="*/ 5 h 300"/>
                <a:gd name="T66" fmla="*/ 0 w 1157"/>
                <a:gd name="T67" fmla="*/ 5 h 300"/>
                <a:gd name="T68" fmla="*/ 0 w 1157"/>
                <a:gd name="T69" fmla="*/ 5 h 300"/>
                <a:gd name="T70" fmla="*/ 6 w 1157"/>
                <a:gd name="T71" fmla="*/ 6 h 300"/>
                <a:gd name="T72" fmla="*/ 5 w 1157"/>
                <a:gd name="T73" fmla="*/ 6 h 300"/>
                <a:gd name="T74" fmla="*/ 5 w 1157"/>
                <a:gd name="T75" fmla="*/ 6 h 300"/>
                <a:gd name="T76" fmla="*/ 6 w 1157"/>
                <a:gd name="T77" fmla="*/ 6 h 300"/>
                <a:gd name="T78" fmla="*/ 6 w 1157"/>
                <a:gd name="T79" fmla="*/ 6 h 300"/>
                <a:gd name="T80" fmla="*/ 5 w 1157"/>
                <a:gd name="T81" fmla="*/ 6 h 300"/>
                <a:gd name="T82" fmla="*/ 4 w 1157"/>
                <a:gd name="T83" fmla="*/ 6 h 300"/>
                <a:gd name="T84" fmla="*/ 5 w 1157"/>
                <a:gd name="T85" fmla="*/ 6 h 300"/>
                <a:gd name="T86" fmla="*/ 4 w 1157"/>
                <a:gd name="T87" fmla="*/ 6 h 300"/>
                <a:gd name="T88" fmla="*/ 4 w 1157"/>
                <a:gd name="T89" fmla="*/ 6 h 300"/>
                <a:gd name="T90" fmla="*/ 4 w 1157"/>
                <a:gd name="T91" fmla="*/ 6 h 300"/>
                <a:gd name="T92" fmla="*/ 4 w 1157"/>
                <a:gd name="T93" fmla="*/ 6 h 300"/>
                <a:gd name="T94" fmla="*/ 4 w 1157"/>
                <a:gd name="T95" fmla="*/ 6 h 300"/>
                <a:gd name="T96" fmla="*/ 3 w 1157"/>
                <a:gd name="T97" fmla="*/ 6 h 300"/>
                <a:gd name="T98" fmla="*/ 3 w 1157"/>
                <a:gd name="T99" fmla="*/ 6 h 300"/>
                <a:gd name="T100" fmla="*/ 3 w 1157"/>
                <a:gd name="T101" fmla="*/ 6 h 300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1157"/>
                <a:gd name="T154" fmla="*/ 0 h 300"/>
                <a:gd name="T155" fmla="*/ 1157 w 1157"/>
                <a:gd name="T156" fmla="*/ 300 h 300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1157" h="300">
                  <a:moveTo>
                    <a:pt x="1038" y="17"/>
                  </a:moveTo>
                  <a:lnTo>
                    <a:pt x="1044" y="9"/>
                  </a:lnTo>
                  <a:lnTo>
                    <a:pt x="1070" y="0"/>
                  </a:lnTo>
                  <a:lnTo>
                    <a:pt x="1070" y="10"/>
                  </a:lnTo>
                  <a:lnTo>
                    <a:pt x="1077" y="15"/>
                  </a:lnTo>
                  <a:lnTo>
                    <a:pt x="1146" y="14"/>
                  </a:lnTo>
                  <a:lnTo>
                    <a:pt x="1157" y="29"/>
                  </a:lnTo>
                  <a:lnTo>
                    <a:pt x="1151" y="48"/>
                  </a:lnTo>
                  <a:lnTo>
                    <a:pt x="1132" y="66"/>
                  </a:lnTo>
                  <a:lnTo>
                    <a:pt x="1124" y="110"/>
                  </a:lnTo>
                  <a:lnTo>
                    <a:pt x="1129" y="133"/>
                  </a:lnTo>
                  <a:lnTo>
                    <a:pt x="1106" y="151"/>
                  </a:lnTo>
                  <a:lnTo>
                    <a:pt x="1120" y="183"/>
                  </a:lnTo>
                  <a:lnTo>
                    <a:pt x="1111" y="213"/>
                  </a:lnTo>
                  <a:lnTo>
                    <a:pt x="1123" y="242"/>
                  </a:lnTo>
                  <a:lnTo>
                    <a:pt x="1098" y="267"/>
                  </a:lnTo>
                  <a:lnTo>
                    <a:pt x="1103" y="291"/>
                  </a:lnTo>
                  <a:lnTo>
                    <a:pt x="1081" y="300"/>
                  </a:lnTo>
                  <a:lnTo>
                    <a:pt x="1035" y="300"/>
                  </a:lnTo>
                  <a:lnTo>
                    <a:pt x="1043" y="213"/>
                  </a:lnTo>
                  <a:lnTo>
                    <a:pt x="1024" y="218"/>
                  </a:lnTo>
                  <a:lnTo>
                    <a:pt x="1018" y="205"/>
                  </a:lnTo>
                  <a:lnTo>
                    <a:pt x="1009" y="200"/>
                  </a:lnTo>
                  <a:lnTo>
                    <a:pt x="1013" y="171"/>
                  </a:lnTo>
                  <a:lnTo>
                    <a:pt x="1033" y="131"/>
                  </a:lnTo>
                  <a:lnTo>
                    <a:pt x="1044" y="69"/>
                  </a:lnTo>
                  <a:lnTo>
                    <a:pt x="1038" y="17"/>
                  </a:lnTo>
                  <a:close/>
                  <a:moveTo>
                    <a:pt x="281" y="254"/>
                  </a:moveTo>
                  <a:lnTo>
                    <a:pt x="250" y="254"/>
                  </a:lnTo>
                  <a:lnTo>
                    <a:pt x="269" y="263"/>
                  </a:lnTo>
                  <a:lnTo>
                    <a:pt x="281" y="254"/>
                  </a:lnTo>
                  <a:close/>
                  <a:moveTo>
                    <a:pt x="5" y="161"/>
                  </a:moveTo>
                  <a:lnTo>
                    <a:pt x="1" y="156"/>
                  </a:lnTo>
                  <a:lnTo>
                    <a:pt x="0" y="162"/>
                  </a:lnTo>
                  <a:lnTo>
                    <a:pt x="5" y="161"/>
                  </a:lnTo>
                  <a:close/>
                  <a:moveTo>
                    <a:pt x="189" y="200"/>
                  </a:moveTo>
                  <a:lnTo>
                    <a:pt x="179" y="205"/>
                  </a:lnTo>
                  <a:lnTo>
                    <a:pt x="187" y="209"/>
                  </a:lnTo>
                  <a:lnTo>
                    <a:pt x="193" y="205"/>
                  </a:lnTo>
                  <a:lnTo>
                    <a:pt x="189" y="200"/>
                  </a:lnTo>
                  <a:close/>
                  <a:moveTo>
                    <a:pt x="158" y="212"/>
                  </a:moveTo>
                  <a:lnTo>
                    <a:pt x="141" y="204"/>
                  </a:lnTo>
                  <a:lnTo>
                    <a:pt x="158" y="212"/>
                  </a:lnTo>
                  <a:close/>
                  <a:moveTo>
                    <a:pt x="144" y="222"/>
                  </a:moveTo>
                  <a:lnTo>
                    <a:pt x="147" y="221"/>
                  </a:lnTo>
                  <a:lnTo>
                    <a:pt x="142" y="217"/>
                  </a:lnTo>
                  <a:lnTo>
                    <a:pt x="127" y="215"/>
                  </a:lnTo>
                  <a:lnTo>
                    <a:pt x="144" y="222"/>
                  </a:lnTo>
                  <a:close/>
                  <a:moveTo>
                    <a:pt x="119" y="210"/>
                  </a:moveTo>
                  <a:lnTo>
                    <a:pt x="116" y="215"/>
                  </a:lnTo>
                  <a:lnTo>
                    <a:pt x="119" y="21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60" name="Freeform 199"/>
            <p:cNvSpPr>
              <a:spLocks noChangeAspect="1" noEditPoints="1"/>
            </p:cNvSpPr>
            <p:nvPr/>
          </p:nvSpPr>
          <p:spPr bwMode="gray">
            <a:xfrm>
              <a:off x="5132388" y="1879601"/>
              <a:ext cx="582613" cy="695325"/>
            </a:xfrm>
            <a:custGeom>
              <a:avLst/>
              <a:gdLst>
                <a:gd name="T0" fmla="*/ 0 w 1199"/>
                <a:gd name="T1" fmla="*/ 34 h 1433"/>
                <a:gd name="T2" fmla="*/ 3 w 1199"/>
                <a:gd name="T3" fmla="*/ 33 h 1433"/>
                <a:gd name="T4" fmla="*/ 3 w 1199"/>
                <a:gd name="T5" fmla="*/ 32 h 1433"/>
                <a:gd name="T6" fmla="*/ 0 w 1199"/>
                <a:gd name="T7" fmla="*/ 31 h 1433"/>
                <a:gd name="T8" fmla="*/ 1 w 1199"/>
                <a:gd name="T9" fmla="*/ 30 h 1433"/>
                <a:gd name="T10" fmla="*/ 2 w 1199"/>
                <a:gd name="T11" fmla="*/ 29 h 1433"/>
                <a:gd name="T12" fmla="*/ 3 w 1199"/>
                <a:gd name="T13" fmla="*/ 28 h 1433"/>
                <a:gd name="T14" fmla="*/ 5 w 1199"/>
                <a:gd name="T15" fmla="*/ 26 h 1433"/>
                <a:gd name="T16" fmla="*/ 7 w 1199"/>
                <a:gd name="T17" fmla="*/ 26 h 1433"/>
                <a:gd name="T18" fmla="*/ 6 w 1199"/>
                <a:gd name="T19" fmla="*/ 25 h 1433"/>
                <a:gd name="T20" fmla="*/ 8 w 1199"/>
                <a:gd name="T21" fmla="*/ 22 h 1433"/>
                <a:gd name="T22" fmla="*/ 10 w 1199"/>
                <a:gd name="T23" fmla="*/ 20 h 1433"/>
                <a:gd name="T24" fmla="*/ 11 w 1199"/>
                <a:gd name="T25" fmla="*/ 17 h 1433"/>
                <a:gd name="T26" fmla="*/ 11 w 1199"/>
                <a:gd name="T27" fmla="*/ 15 h 1433"/>
                <a:gd name="T28" fmla="*/ 14 w 1199"/>
                <a:gd name="T29" fmla="*/ 13 h 1433"/>
                <a:gd name="T30" fmla="*/ 14 w 1199"/>
                <a:gd name="T31" fmla="*/ 11 h 1433"/>
                <a:gd name="T32" fmla="*/ 15 w 1199"/>
                <a:gd name="T33" fmla="*/ 10 h 1433"/>
                <a:gd name="T34" fmla="*/ 17 w 1199"/>
                <a:gd name="T35" fmla="*/ 9 h 1433"/>
                <a:gd name="T36" fmla="*/ 17 w 1199"/>
                <a:gd name="T37" fmla="*/ 7 h 1433"/>
                <a:gd name="T38" fmla="*/ 18 w 1199"/>
                <a:gd name="T39" fmla="*/ 6 h 1433"/>
                <a:gd name="T40" fmla="*/ 21 w 1199"/>
                <a:gd name="T41" fmla="*/ 6 h 1433"/>
                <a:gd name="T42" fmla="*/ 22 w 1199"/>
                <a:gd name="T43" fmla="*/ 6 h 1433"/>
                <a:gd name="T44" fmla="*/ 23 w 1199"/>
                <a:gd name="T45" fmla="*/ 4 h 1433"/>
                <a:gd name="T46" fmla="*/ 26 w 1199"/>
                <a:gd name="T47" fmla="*/ 2 h 1433"/>
                <a:gd name="T48" fmla="*/ 27 w 1199"/>
                <a:gd name="T49" fmla="*/ 3 h 1433"/>
                <a:gd name="T50" fmla="*/ 28 w 1199"/>
                <a:gd name="T51" fmla="*/ 3 h 1433"/>
                <a:gd name="T52" fmla="*/ 30 w 1199"/>
                <a:gd name="T53" fmla="*/ 2 h 1433"/>
                <a:gd name="T54" fmla="*/ 33 w 1199"/>
                <a:gd name="T55" fmla="*/ 2 h 1433"/>
                <a:gd name="T56" fmla="*/ 32 w 1199"/>
                <a:gd name="T57" fmla="*/ 6 h 1433"/>
                <a:gd name="T58" fmla="*/ 32 w 1199"/>
                <a:gd name="T59" fmla="*/ 7 h 1433"/>
                <a:gd name="T60" fmla="*/ 26 w 1199"/>
                <a:gd name="T61" fmla="*/ 9 h 1433"/>
                <a:gd name="T62" fmla="*/ 21 w 1199"/>
                <a:gd name="T63" fmla="*/ 8 h 1433"/>
                <a:gd name="T64" fmla="*/ 17 w 1199"/>
                <a:gd name="T65" fmla="*/ 11 h 1433"/>
                <a:gd name="T66" fmla="*/ 14 w 1199"/>
                <a:gd name="T67" fmla="*/ 17 h 1433"/>
                <a:gd name="T68" fmla="*/ 12 w 1199"/>
                <a:gd name="T69" fmla="*/ 24 h 1433"/>
                <a:gd name="T70" fmla="*/ 10 w 1199"/>
                <a:gd name="T71" fmla="*/ 32 h 1433"/>
                <a:gd name="T72" fmla="*/ 9 w 1199"/>
                <a:gd name="T73" fmla="*/ 36 h 1433"/>
                <a:gd name="T74" fmla="*/ 8 w 1199"/>
                <a:gd name="T75" fmla="*/ 38 h 1433"/>
                <a:gd name="T76" fmla="*/ 7 w 1199"/>
                <a:gd name="T77" fmla="*/ 37 h 1433"/>
                <a:gd name="T78" fmla="*/ 4 w 1199"/>
                <a:gd name="T79" fmla="*/ 41 h 1433"/>
                <a:gd name="T80" fmla="*/ 2 w 1199"/>
                <a:gd name="T81" fmla="*/ 41 h 1433"/>
                <a:gd name="T82" fmla="*/ 2 w 1199"/>
                <a:gd name="T83" fmla="*/ 38 h 1433"/>
                <a:gd name="T84" fmla="*/ 2 w 1199"/>
                <a:gd name="T85" fmla="*/ 36 h 1433"/>
                <a:gd name="T86" fmla="*/ 2 w 1199"/>
                <a:gd name="T87" fmla="*/ 34 h 1433"/>
                <a:gd name="T88" fmla="*/ 27 w 1199"/>
                <a:gd name="T89" fmla="*/ 1 h 1433"/>
                <a:gd name="T90" fmla="*/ 25 w 1199"/>
                <a:gd name="T91" fmla="*/ 2 h 1433"/>
                <a:gd name="T92" fmla="*/ 24 w 1199"/>
                <a:gd name="T93" fmla="*/ 2 h 1433"/>
                <a:gd name="T94" fmla="*/ 24 w 1199"/>
                <a:gd name="T95" fmla="*/ 3 h 1433"/>
                <a:gd name="T96" fmla="*/ 20 w 1199"/>
                <a:gd name="T97" fmla="*/ 4 h 1433"/>
                <a:gd name="T98" fmla="*/ 18 w 1199"/>
                <a:gd name="T99" fmla="*/ 5 h 1433"/>
                <a:gd name="T100" fmla="*/ 17 w 1199"/>
                <a:gd name="T101" fmla="*/ 6 h 1433"/>
                <a:gd name="T102" fmla="*/ 17 w 1199"/>
                <a:gd name="T103" fmla="*/ 6 h 1433"/>
                <a:gd name="T104" fmla="*/ 13 w 1199"/>
                <a:gd name="T105" fmla="*/ 13 h 1433"/>
                <a:gd name="T106" fmla="*/ 15 w 1199"/>
                <a:gd name="T107" fmla="*/ 7 h 1433"/>
                <a:gd name="T108" fmla="*/ 13 w 1199"/>
                <a:gd name="T109" fmla="*/ 9 h 1433"/>
                <a:gd name="T110" fmla="*/ 14 w 1199"/>
                <a:gd name="T111" fmla="*/ 8 h 1433"/>
                <a:gd name="T112" fmla="*/ 14 w 1199"/>
                <a:gd name="T113" fmla="*/ 10 h 1433"/>
                <a:gd name="T114" fmla="*/ 14 w 1199"/>
                <a:gd name="T115" fmla="*/ 9 h 1433"/>
                <a:gd name="T116" fmla="*/ 0 w 1199"/>
                <a:gd name="T117" fmla="*/ 38 h 1433"/>
                <a:gd name="T118" fmla="*/ 1 w 1199"/>
                <a:gd name="T119" fmla="*/ 30 h 1433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1199"/>
                <a:gd name="T181" fmla="*/ 0 h 1433"/>
                <a:gd name="T182" fmla="*/ 1199 w 1199"/>
                <a:gd name="T183" fmla="*/ 1433 h 1433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1199" h="1433">
                  <a:moveTo>
                    <a:pt x="32" y="1249"/>
                  </a:moveTo>
                  <a:lnTo>
                    <a:pt x="26" y="1230"/>
                  </a:lnTo>
                  <a:lnTo>
                    <a:pt x="14" y="1241"/>
                  </a:lnTo>
                  <a:lnTo>
                    <a:pt x="6" y="1225"/>
                  </a:lnTo>
                  <a:lnTo>
                    <a:pt x="32" y="1193"/>
                  </a:lnTo>
                  <a:lnTo>
                    <a:pt x="6" y="1201"/>
                  </a:lnTo>
                  <a:lnTo>
                    <a:pt x="0" y="1182"/>
                  </a:lnTo>
                  <a:lnTo>
                    <a:pt x="14" y="1190"/>
                  </a:lnTo>
                  <a:lnTo>
                    <a:pt x="14" y="1176"/>
                  </a:lnTo>
                  <a:lnTo>
                    <a:pt x="3" y="1178"/>
                  </a:lnTo>
                  <a:lnTo>
                    <a:pt x="3" y="1170"/>
                  </a:lnTo>
                  <a:lnTo>
                    <a:pt x="9" y="1159"/>
                  </a:lnTo>
                  <a:lnTo>
                    <a:pt x="76" y="1154"/>
                  </a:lnTo>
                  <a:lnTo>
                    <a:pt x="85" y="1161"/>
                  </a:lnTo>
                  <a:lnTo>
                    <a:pt x="87" y="1174"/>
                  </a:lnTo>
                  <a:lnTo>
                    <a:pt x="99" y="1168"/>
                  </a:lnTo>
                  <a:lnTo>
                    <a:pt x="93" y="1162"/>
                  </a:lnTo>
                  <a:lnTo>
                    <a:pt x="95" y="1154"/>
                  </a:lnTo>
                  <a:lnTo>
                    <a:pt x="117" y="1145"/>
                  </a:lnTo>
                  <a:lnTo>
                    <a:pt x="122" y="1139"/>
                  </a:lnTo>
                  <a:lnTo>
                    <a:pt x="107" y="1142"/>
                  </a:lnTo>
                  <a:lnTo>
                    <a:pt x="116" y="1111"/>
                  </a:lnTo>
                  <a:lnTo>
                    <a:pt x="105" y="1117"/>
                  </a:lnTo>
                  <a:lnTo>
                    <a:pt x="102" y="1137"/>
                  </a:lnTo>
                  <a:lnTo>
                    <a:pt x="93" y="1147"/>
                  </a:lnTo>
                  <a:lnTo>
                    <a:pt x="68" y="1144"/>
                  </a:lnTo>
                  <a:lnTo>
                    <a:pt x="70" y="1123"/>
                  </a:lnTo>
                  <a:lnTo>
                    <a:pt x="59" y="1147"/>
                  </a:lnTo>
                  <a:lnTo>
                    <a:pt x="5" y="1151"/>
                  </a:lnTo>
                  <a:lnTo>
                    <a:pt x="2" y="1127"/>
                  </a:lnTo>
                  <a:lnTo>
                    <a:pt x="12" y="1115"/>
                  </a:lnTo>
                  <a:lnTo>
                    <a:pt x="12" y="1105"/>
                  </a:lnTo>
                  <a:lnTo>
                    <a:pt x="2" y="1094"/>
                  </a:lnTo>
                  <a:lnTo>
                    <a:pt x="19" y="1082"/>
                  </a:lnTo>
                  <a:lnTo>
                    <a:pt x="45" y="1080"/>
                  </a:lnTo>
                  <a:lnTo>
                    <a:pt x="54" y="1069"/>
                  </a:lnTo>
                  <a:lnTo>
                    <a:pt x="11" y="1074"/>
                  </a:lnTo>
                  <a:lnTo>
                    <a:pt x="6" y="1056"/>
                  </a:lnTo>
                  <a:lnTo>
                    <a:pt x="23" y="1063"/>
                  </a:lnTo>
                  <a:lnTo>
                    <a:pt x="22" y="1052"/>
                  </a:lnTo>
                  <a:lnTo>
                    <a:pt x="40" y="1051"/>
                  </a:lnTo>
                  <a:lnTo>
                    <a:pt x="46" y="1052"/>
                  </a:lnTo>
                  <a:lnTo>
                    <a:pt x="62" y="1032"/>
                  </a:lnTo>
                  <a:lnTo>
                    <a:pt x="71" y="1049"/>
                  </a:lnTo>
                  <a:lnTo>
                    <a:pt x="68" y="1029"/>
                  </a:lnTo>
                  <a:lnTo>
                    <a:pt x="74" y="1020"/>
                  </a:lnTo>
                  <a:lnTo>
                    <a:pt x="63" y="1024"/>
                  </a:lnTo>
                  <a:lnTo>
                    <a:pt x="68" y="1017"/>
                  </a:lnTo>
                  <a:lnTo>
                    <a:pt x="62" y="1014"/>
                  </a:lnTo>
                  <a:lnTo>
                    <a:pt x="116" y="1012"/>
                  </a:lnTo>
                  <a:lnTo>
                    <a:pt x="113" y="1007"/>
                  </a:lnTo>
                  <a:lnTo>
                    <a:pt x="119" y="1000"/>
                  </a:lnTo>
                  <a:lnTo>
                    <a:pt x="93" y="993"/>
                  </a:lnTo>
                  <a:lnTo>
                    <a:pt x="99" y="989"/>
                  </a:lnTo>
                  <a:lnTo>
                    <a:pt x="90" y="981"/>
                  </a:lnTo>
                  <a:lnTo>
                    <a:pt x="99" y="970"/>
                  </a:lnTo>
                  <a:lnTo>
                    <a:pt x="113" y="975"/>
                  </a:lnTo>
                  <a:lnTo>
                    <a:pt x="117" y="966"/>
                  </a:lnTo>
                  <a:lnTo>
                    <a:pt x="119" y="955"/>
                  </a:lnTo>
                  <a:lnTo>
                    <a:pt x="139" y="949"/>
                  </a:lnTo>
                  <a:lnTo>
                    <a:pt x="141" y="939"/>
                  </a:lnTo>
                  <a:lnTo>
                    <a:pt x="155" y="944"/>
                  </a:lnTo>
                  <a:lnTo>
                    <a:pt x="155" y="936"/>
                  </a:lnTo>
                  <a:lnTo>
                    <a:pt x="166" y="922"/>
                  </a:lnTo>
                  <a:lnTo>
                    <a:pt x="188" y="913"/>
                  </a:lnTo>
                  <a:lnTo>
                    <a:pt x="193" y="930"/>
                  </a:lnTo>
                  <a:lnTo>
                    <a:pt x="203" y="925"/>
                  </a:lnTo>
                  <a:lnTo>
                    <a:pt x="198" y="912"/>
                  </a:lnTo>
                  <a:lnTo>
                    <a:pt x="217" y="900"/>
                  </a:lnTo>
                  <a:lnTo>
                    <a:pt x="227" y="925"/>
                  </a:lnTo>
                  <a:lnTo>
                    <a:pt x="235" y="927"/>
                  </a:lnTo>
                  <a:lnTo>
                    <a:pt x="238" y="917"/>
                  </a:lnTo>
                  <a:lnTo>
                    <a:pt x="263" y="910"/>
                  </a:lnTo>
                  <a:lnTo>
                    <a:pt x="260" y="902"/>
                  </a:lnTo>
                  <a:lnTo>
                    <a:pt x="291" y="882"/>
                  </a:lnTo>
                  <a:lnTo>
                    <a:pt x="295" y="876"/>
                  </a:lnTo>
                  <a:lnTo>
                    <a:pt x="291" y="873"/>
                  </a:lnTo>
                  <a:lnTo>
                    <a:pt x="237" y="910"/>
                  </a:lnTo>
                  <a:lnTo>
                    <a:pt x="227" y="899"/>
                  </a:lnTo>
                  <a:lnTo>
                    <a:pt x="230" y="885"/>
                  </a:lnTo>
                  <a:lnTo>
                    <a:pt x="220" y="888"/>
                  </a:lnTo>
                  <a:lnTo>
                    <a:pt x="217" y="876"/>
                  </a:lnTo>
                  <a:lnTo>
                    <a:pt x="235" y="866"/>
                  </a:lnTo>
                  <a:lnTo>
                    <a:pt x="235" y="849"/>
                  </a:lnTo>
                  <a:lnTo>
                    <a:pt x="272" y="798"/>
                  </a:lnTo>
                  <a:lnTo>
                    <a:pt x="295" y="806"/>
                  </a:lnTo>
                  <a:lnTo>
                    <a:pt x="297" y="783"/>
                  </a:lnTo>
                  <a:lnTo>
                    <a:pt x="291" y="782"/>
                  </a:lnTo>
                  <a:lnTo>
                    <a:pt x="295" y="765"/>
                  </a:lnTo>
                  <a:lnTo>
                    <a:pt x="315" y="741"/>
                  </a:lnTo>
                  <a:lnTo>
                    <a:pt x="340" y="736"/>
                  </a:lnTo>
                  <a:lnTo>
                    <a:pt x="339" y="715"/>
                  </a:lnTo>
                  <a:lnTo>
                    <a:pt x="325" y="724"/>
                  </a:lnTo>
                  <a:lnTo>
                    <a:pt x="337" y="709"/>
                  </a:lnTo>
                  <a:lnTo>
                    <a:pt x="336" y="693"/>
                  </a:lnTo>
                  <a:lnTo>
                    <a:pt x="353" y="714"/>
                  </a:lnTo>
                  <a:lnTo>
                    <a:pt x="344" y="685"/>
                  </a:lnTo>
                  <a:lnTo>
                    <a:pt x="356" y="682"/>
                  </a:lnTo>
                  <a:lnTo>
                    <a:pt x="357" y="653"/>
                  </a:lnTo>
                  <a:lnTo>
                    <a:pt x="374" y="659"/>
                  </a:lnTo>
                  <a:lnTo>
                    <a:pt x="370" y="639"/>
                  </a:lnTo>
                  <a:lnTo>
                    <a:pt x="345" y="651"/>
                  </a:lnTo>
                  <a:lnTo>
                    <a:pt x="370" y="617"/>
                  </a:lnTo>
                  <a:lnTo>
                    <a:pt x="388" y="614"/>
                  </a:lnTo>
                  <a:lnTo>
                    <a:pt x="390" y="607"/>
                  </a:lnTo>
                  <a:lnTo>
                    <a:pt x="381" y="608"/>
                  </a:lnTo>
                  <a:lnTo>
                    <a:pt x="376" y="588"/>
                  </a:lnTo>
                  <a:lnTo>
                    <a:pt x="391" y="582"/>
                  </a:lnTo>
                  <a:lnTo>
                    <a:pt x="379" y="580"/>
                  </a:lnTo>
                  <a:lnTo>
                    <a:pt x="382" y="565"/>
                  </a:lnTo>
                  <a:lnTo>
                    <a:pt x="405" y="549"/>
                  </a:lnTo>
                  <a:lnTo>
                    <a:pt x="399" y="541"/>
                  </a:lnTo>
                  <a:lnTo>
                    <a:pt x="407" y="532"/>
                  </a:lnTo>
                  <a:lnTo>
                    <a:pt x="424" y="529"/>
                  </a:lnTo>
                  <a:lnTo>
                    <a:pt x="435" y="508"/>
                  </a:lnTo>
                  <a:lnTo>
                    <a:pt x="432" y="492"/>
                  </a:lnTo>
                  <a:lnTo>
                    <a:pt x="444" y="472"/>
                  </a:lnTo>
                  <a:lnTo>
                    <a:pt x="459" y="463"/>
                  </a:lnTo>
                  <a:lnTo>
                    <a:pt x="479" y="475"/>
                  </a:lnTo>
                  <a:lnTo>
                    <a:pt x="496" y="460"/>
                  </a:lnTo>
                  <a:lnTo>
                    <a:pt x="470" y="460"/>
                  </a:lnTo>
                  <a:lnTo>
                    <a:pt x="487" y="444"/>
                  </a:lnTo>
                  <a:lnTo>
                    <a:pt x="483" y="441"/>
                  </a:lnTo>
                  <a:lnTo>
                    <a:pt x="489" y="438"/>
                  </a:lnTo>
                  <a:lnTo>
                    <a:pt x="481" y="423"/>
                  </a:lnTo>
                  <a:lnTo>
                    <a:pt x="496" y="409"/>
                  </a:lnTo>
                  <a:lnTo>
                    <a:pt x="489" y="402"/>
                  </a:lnTo>
                  <a:lnTo>
                    <a:pt x="501" y="390"/>
                  </a:lnTo>
                  <a:lnTo>
                    <a:pt x="509" y="389"/>
                  </a:lnTo>
                  <a:lnTo>
                    <a:pt x="513" y="421"/>
                  </a:lnTo>
                  <a:lnTo>
                    <a:pt x="525" y="413"/>
                  </a:lnTo>
                  <a:lnTo>
                    <a:pt x="520" y="393"/>
                  </a:lnTo>
                  <a:lnTo>
                    <a:pt x="525" y="385"/>
                  </a:lnTo>
                  <a:lnTo>
                    <a:pt x="517" y="372"/>
                  </a:lnTo>
                  <a:lnTo>
                    <a:pt x="521" y="365"/>
                  </a:lnTo>
                  <a:lnTo>
                    <a:pt x="532" y="359"/>
                  </a:lnTo>
                  <a:lnTo>
                    <a:pt x="566" y="372"/>
                  </a:lnTo>
                  <a:lnTo>
                    <a:pt x="572" y="355"/>
                  </a:lnTo>
                  <a:lnTo>
                    <a:pt x="530" y="347"/>
                  </a:lnTo>
                  <a:lnTo>
                    <a:pt x="540" y="331"/>
                  </a:lnTo>
                  <a:lnTo>
                    <a:pt x="572" y="326"/>
                  </a:lnTo>
                  <a:lnTo>
                    <a:pt x="576" y="323"/>
                  </a:lnTo>
                  <a:lnTo>
                    <a:pt x="571" y="314"/>
                  </a:lnTo>
                  <a:lnTo>
                    <a:pt x="585" y="316"/>
                  </a:lnTo>
                  <a:lnTo>
                    <a:pt x="583" y="303"/>
                  </a:lnTo>
                  <a:lnTo>
                    <a:pt x="579" y="299"/>
                  </a:lnTo>
                  <a:lnTo>
                    <a:pt x="577" y="283"/>
                  </a:lnTo>
                  <a:lnTo>
                    <a:pt x="605" y="262"/>
                  </a:lnTo>
                  <a:lnTo>
                    <a:pt x="600" y="249"/>
                  </a:lnTo>
                  <a:lnTo>
                    <a:pt x="608" y="223"/>
                  </a:lnTo>
                  <a:lnTo>
                    <a:pt x="613" y="228"/>
                  </a:lnTo>
                  <a:lnTo>
                    <a:pt x="611" y="243"/>
                  </a:lnTo>
                  <a:lnTo>
                    <a:pt x="630" y="252"/>
                  </a:lnTo>
                  <a:lnTo>
                    <a:pt x="639" y="243"/>
                  </a:lnTo>
                  <a:lnTo>
                    <a:pt x="622" y="218"/>
                  </a:lnTo>
                  <a:lnTo>
                    <a:pt x="631" y="217"/>
                  </a:lnTo>
                  <a:lnTo>
                    <a:pt x="667" y="257"/>
                  </a:lnTo>
                  <a:lnTo>
                    <a:pt x="662" y="238"/>
                  </a:lnTo>
                  <a:lnTo>
                    <a:pt x="647" y="223"/>
                  </a:lnTo>
                  <a:lnTo>
                    <a:pt x="645" y="203"/>
                  </a:lnTo>
                  <a:lnTo>
                    <a:pt x="654" y="187"/>
                  </a:lnTo>
                  <a:lnTo>
                    <a:pt x="674" y="184"/>
                  </a:lnTo>
                  <a:lnTo>
                    <a:pt x="676" y="228"/>
                  </a:lnTo>
                  <a:lnTo>
                    <a:pt x="682" y="191"/>
                  </a:lnTo>
                  <a:lnTo>
                    <a:pt x="704" y="166"/>
                  </a:lnTo>
                  <a:lnTo>
                    <a:pt x="704" y="217"/>
                  </a:lnTo>
                  <a:lnTo>
                    <a:pt x="695" y="243"/>
                  </a:lnTo>
                  <a:lnTo>
                    <a:pt x="720" y="208"/>
                  </a:lnTo>
                  <a:lnTo>
                    <a:pt x="716" y="189"/>
                  </a:lnTo>
                  <a:lnTo>
                    <a:pt x="725" y="175"/>
                  </a:lnTo>
                  <a:lnTo>
                    <a:pt x="736" y="166"/>
                  </a:lnTo>
                  <a:lnTo>
                    <a:pt x="733" y="174"/>
                  </a:lnTo>
                  <a:lnTo>
                    <a:pt x="738" y="183"/>
                  </a:lnTo>
                  <a:lnTo>
                    <a:pt x="752" y="169"/>
                  </a:lnTo>
                  <a:lnTo>
                    <a:pt x="749" y="152"/>
                  </a:lnTo>
                  <a:lnTo>
                    <a:pt x="784" y="192"/>
                  </a:lnTo>
                  <a:lnTo>
                    <a:pt x="783" y="145"/>
                  </a:lnTo>
                  <a:lnTo>
                    <a:pt x="762" y="136"/>
                  </a:lnTo>
                  <a:lnTo>
                    <a:pt x="762" y="115"/>
                  </a:lnTo>
                  <a:lnTo>
                    <a:pt x="774" y="135"/>
                  </a:lnTo>
                  <a:lnTo>
                    <a:pt x="779" y="116"/>
                  </a:lnTo>
                  <a:lnTo>
                    <a:pt x="800" y="138"/>
                  </a:lnTo>
                  <a:lnTo>
                    <a:pt x="804" y="136"/>
                  </a:lnTo>
                  <a:lnTo>
                    <a:pt x="801" y="127"/>
                  </a:lnTo>
                  <a:lnTo>
                    <a:pt x="826" y="130"/>
                  </a:lnTo>
                  <a:lnTo>
                    <a:pt x="823" y="141"/>
                  </a:lnTo>
                  <a:lnTo>
                    <a:pt x="840" y="159"/>
                  </a:lnTo>
                  <a:lnTo>
                    <a:pt x="842" y="125"/>
                  </a:lnTo>
                  <a:lnTo>
                    <a:pt x="868" y="93"/>
                  </a:lnTo>
                  <a:lnTo>
                    <a:pt x="889" y="93"/>
                  </a:lnTo>
                  <a:lnTo>
                    <a:pt x="886" y="81"/>
                  </a:lnTo>
                  <a:lnTo>
                    <a:pt x="903" y="65"/>
                  </a:lnTo>
                  <a:lnTo>
                    <a:pt x="891" y="42"/>
                  </a:lnTo>
                  <a:lnTo>
                    <a:pt x="903" y="47"/>
                  </a:lnTo>
                  <a:lnTo>
                    <a:pt x="903" y="26"/>
                  </a:lnTo>
                  <a:lnTo>
                    <a:pt x="920" y="22"/>
                  </a:lnTo>
                  <a:lnTo>
                    <a:pt x="931" y="47"/>
                  </a:lnTo>
                  <a:lnTo>
                    <a:pt x="959" y="40"/>
                  </a:lnTo>
                  <a:lnTo>
                    <a:pt x="928" y="93"/>
                  </a:lnTo>
                  <a:lnTo>
                    <a:pt x="928" y="119"/>
                  </a:lnTo>
                  <a:lnTo>
                    <a:pt x="918" y="138"/>
                  </a:lnTo>
                  <a:lnTo>
                    <a:pt x="918" y="149"/>
                  </a:lnTo>
                  <a:lnTo>
                    <a:pt x="927" y="145"/>
                  </a:lnTo>
                  <a:lnTo>
                    <a:pt x="995" y="26"/>
                  </a:lnTo>
                  <a:lnTo>
                    <a:pt x="999" y="56"/>
                  </a:lnTo>
                  <a:lnTo>
                    <a:pt x="990" y="64"/>
                  </a:lnTo>
                  <a:lnTo>
                    <a:pt x="999" y="76"/>
                  </a:lnTo>
                  <a:lnTo>
                    <a:pt x="995" y="105"/>
                  </a:lnTo>
                  <a:lnTo>
                    <a:pt x="1016" y="91"/>
                  </a:lnTo>
                  <a:lnTo>
                    <a:pt x="1016" y="79"/>
                  </a:lnTo>
                  <a:lnTo>
                    <a:pt x="1024" y="71"/>
                  </a:lnTo>
                  <a:lnTo>
                    <a:pt x="1041" y="5"/>
                  </a:lnTo>
                  <a:lnTo>
                    <a:pt x="1081" y="20"/>
                  </a:lnTo>
                  <a:lnTo>
                    <a:pt x="1074" y="45"/>
                  </a:lnTo>
                  <a:lnTo>
                    <a:pt x="1053" y="51"/>
                  </a:lnTo>
                  <a:lnTo>
                    <a:pt x="1061" y="60"/>
                  </a:lnTo>
                  <a:lnTo>
                    <a:pt x="1049" y="71"/>
                  </a:lnTo>
                  <a:lnTo>
                    <a:pt x="1074" y="69"/>
                  </a:lnTo>
                  <a:lnTo>
                    <a:pt x="1058" y="93"/>
                  </a:lnTo>
                  <a:lnTo>
                    <a:pt x="1087" y="91"/>
                  </a:lnTo>
                  <a:lnTo>
                    <a:pt x="1087" y="52"/>
                  </a:lnTo>
                  <a:lnTo>
                    <a:pt x="1114" y="37"/>
                  </a:lnTo>
                  <a:lnTo>
                    <a:pt x="1121" y="64"/>
                  </a:lnTo>
                  <a:lnTo>
                    <a:pt x="1150" y="57"/>
                  </a:lnTo>
                  <a:lnTo>
                    <a:pt x="1168" y="73"/>
                  </a:lnTo>
                  <a:lnTo>
                    <a:pt x="1160" y="77"/>
                  </a:lnTo>
                  <a:lnTo>
                    <a:pt x="1197" y="98"/>
                  </a:lnTo>
                  <a:lnTo>
                    <a:pt x="1199" y="110"/>
                  </a:lnTo>
                  <a:lnTo>
                    <a:pt x="1154" y="144"/>
                  </a:lnTo>
                  <a:lnTo>
                    <a:pt x="1091" y="136"/>
                  </a:lnTo>
                  <a:lnTo>
                    <a:pt x="1148" y="172"/>
                  </a:lnTo>
                  <a:lnTo>
                    <a:pt x="1131" y="200"/>
                  </a:lnTo>
                  <a:lnTo>
                    <a:pt x="1162" y="195"/>
                  </a:lnTo>
                  <a:lnTo>
                    <a:pt x="1194" y="186"/>
                  </a:lnTo>
                  <a:lnTo>
                    <a:pt x="1191" y="213"/>
                  </a:lnTo>
                  <a:lnTo>
                    <a:pt x="1162" y="204"/>
                  </a:lnTo>
                  <a:lnTo>
                    <a:pt x="1157" y="229"/>
                  </a:lnTo>
                  <a:lnTo>
                    <a:pt x="1123" y="252"/>
                  </a:lnTo>
                  <a:lnTo>
                    <a:pt x="1109" y="277"/>
                  </a:lnTo>
                  <a:lnTo>
                    <a:pt x="1101" y="262"/>
                  </a:lnTo>
                  <a:lnTo>
                    <a:pt x="1121" y="232"/>
                  </a:lnTo>
                  <a:lnTo>
                    <a:pt x="1114" y="195"/>
                  </a:lnTo>
                  <a:lnTo>
                    <a:pt x="1061" y="145"/>
                  </a:lnTo>
                  <a:lnTo>
                    <a:pt x="1015" y="164"/>
                  </a:lnTo>
                  <a:lnTo>
                    <a:pt x="969" y="183"/>
                  </a:lnTo>
                  <a:lnTo>
                    <a:pt x="959" y="209"/>
                  </a:lnTo>
                  <a:lnTo>
                    <a:pt x="956" y="286"/>
                  </a:lnTo>
                  <a:lnTo>
                    <a:pt x="903" y="326"/>
                  </a:lnTo>
                  <a:lnTo>
                    <a:pt x="877" y="300"/>
                  </a:lnTo>
                  <a:lnTo>
                    <a:pt x="849" y="325"/>
                  </a:lnTo>
                  <a:lnTo>
                    <a:pt x="804" y="316"/>
                  </a:lnTo>
                  <a:lnTo>
                    <a:pt x="770" y="257"/>
                  </a:lnTo>
                  <a:lnTo>
                    <a:pt x="749" y="241"/>
                  </a:lnTo>
                  <a:lnTo>
                    <a:pt x="738" y="246"/>
                  </a:lnTo>
                  <a:lnTo>
                    <a:pt x="742" y="269"/>
                  </a:lnTo>
                  <a:lnTo>
                    <a:pt x="718" y="277"/>
                  </a:lnTo>
                  <a:lnTo>
                    <a:pt x="695" y="279"/>
                  </a:lnTo>
                  <a:lnTo>
                    <a:pt x="699" y="299"/>
                  </a:lnTo>
                  <a:lnTo>
                    <a:pt x="686" y="333"/>
                  </a:lnTo>
                  <a:lnTo>
                    <a:pt x="696" y="350"/>
                  </a:lnTo>
                  <a:lnTo>
                    <a:pt x="691" y="357"/>
                  </a:lnTo>
                  <a:lnTo>
                    <a:pt x="613" y="345"/>
                  </a:lnTo>
                  <a:lnTo>
                    <a:pt x="605" y="357"/>
                  </a:lnTo>
                  <a:lnTo>
                    <a:pt x="605" y="384"/>
                  </a:lnTo>
                  <a:lnTo>
                    <a:pt x="593" y="416"/>
                  </a:lnTo>
                  <a:lnTo>
                    <a:pt x="571" y="398"/>
                  </a:lnTo>
                  <a:lnTo>
                    <a:pt x="537" y="426"/>
                  </a:lnTo>
                  <a:lnTo>
                    <a:pt x="532" y="452"/>
                  </a:lnTo>
                  <a:lnTo>
                    <a:pt x="513" y="486"/>
                  </a:lnTo>
                  <a:lnTo>
                    <a:pt x="523" y="504"/>
                  </a:lnTo>
                  <a:lnTo>
                    <a:pt x="523" y="523"/>
                  </a:lnTo>
                  <a:lnTo>
                    <a:pt x="481" y="582"/>
                  </a:lnTo>
                  <a:lnTo>
                    <a:pt x="470" y="622"/>
                  </a:lnTo>
                  <a:lnTo>
                    <a:pt x="441" y="638"/>
                  </a:lnTo>
                  <a:lnTo>
                    <a:pt x="441" y="692"/>
                  </a:lnTo>
                  <a:lnTo>
                    <a:pt x="432" y="736"/>
                  </a:lnTo>
                  <a:lnTo>
                    <a:pt x="402" y="794"/>
                  </a:lnTo>
                  <a:lnTo>
                    <a:pt x="421" y="823"/>
                  </a:lnTo>
                  <a:lnTo>
                    <a:pt x="418" y="849"/>
                  </a:lnTo>
                  <a:lnTo>
                    <a:pt x="410" y="862"/>
                  </a:lnTo>
                  <a:lnTo>
                    <a:pt x="366" y="862"/>
                  </a:lnTo>
                  <a:lnTo>
                    <a:pt x="331" y="896"/>
                  </a:lnTo>
                  <a:lnTo>
                    <a:pt x="322" y="925"/>
                  </a:lnTo>
                  <a:lnTo>
                    <a:pt x="334" y="958"/>
                  </a:lnTo>
                  <a:lnTo>
                    <a:pt x="322" y="1009"/>
                  </a:lnTo>
                  <a:lnTo>
                    <a:pt x="328" y="1034"/>
                  </a:lnTo>
                  <a:lnTo>
                    <a:pt x="328" y="1086"/>
                  </a:lnTo>
                  <a:lnTo>
                    <a:pt x="353" y="1111"/>
                  </a:lnTo>
                  <a:lnTo>
                    <a:pt x="356" y="1130"/>
                  </a:lnTo>
                  <a:lnTo>
                    <a:pt x="351" y="1145"/>
                  </a:lnTo>
                  <a:lnTo>
                    <a:pt x="327" y="1164"/>
                  </a:lnTo>
                  <a:lnTo>
                    <a:pt x="336" y="1176"/>
                  </a:lnTo>
                  <a:lnTo>
                    <a:pt x="342" y="1204"/>
                  </a:lnTo>
                  <a:lnTo>
                    <a:pt x="336" y="1229"/>
                  </a:lnTo>
                  <a:lnTo>
                    <a:pt x="339" y="1249"/>
                  </a:lnTo>
                  <a:lnTo>
                    <a:pt x="310" y="1266"/>
                  </a:lnTo>
                  <a:lnTo>
                    <a:pt x="310" y="1278"/>
                  </a:lnTo>
                  <a:lnTo>
                    <a:pt x="300" y="1297"/>
                  </a:lnTo>
                  <a:lnTo>
                    <a:pt x="305" y="1320"/>
                  </a:lnTo>
                  <a:lnTo>
                    <a:pt x="298" y="1352"/>
                  </a:lnTo>
                  <a:lnTo>
                    <a:pt x="291" y="1357"/>
                  </a:lnTo>
                  <a:lnTo>
                    <a:pt x="288" y="1349"/>
                  </a:lnTo>
                  <a:lnTo>
                    <a:pt x="285" y="1360"/>
                  </a:lnTo>
                  <a:lnTo>
                    <a:pt x="283" y="1339"/>
                  </a:lnTo>
                  <a:lnTo>
                    <a:pt x="277" y="1332"/>
                  </a:lnTo>
                  <a:lnTo>
                    <a:pt x="261" y="1326"/>
                  </a:lnTo>
                  <a:lnTo>
                    <a:pt x="254" y="1283"/>
                  </a:lnTo>
                  <a:lnTo>
                    <a:pt x="261" y="1269"/>
                  </a:lnTo>
                  <a:lnTo>
                    <a:pt x="255" y="1266"/>
                  </a:lnTo>
                  <a:lnTo>
                    <a:pt x="247" y="1271"/>
                  </a:lnTo>
                  <a:lnTo>
                    <a:pt x="251" y="1298"/>
                  </a:lnTo>
                  <a:lnTo>
                    <a:pt x="246" y="1300"/>
                  </a:lnTo>
                  <a:lnTo>
                    <a:pt x="238" y="1283"/>
                  </a:lnTo>
                  <a:lnTo>
                    <a:pt x="237" y="1298"/>
                  </a:lnTo>
                  <a:lnTo>
                    <a:pt x="247" y="1320"/>
                  </a:lnTo>
                  <a:lnTo>
                    <a:pt x="237" y="1342"/>
                  </a:lnTo>
                  <a:lnTo>
                    <a:pt x="209" y="1340"/>
                  </a:lnTo>
                  <a:lnTo>
                    <a:pt x="210" y="1348"/>
                  </a:lnTo>
                  <a:lnTo>
                    <a:pt x="187" y="1379"/>
                  </a:lnTo>
                  <a:lnTo>
                    <a:pt x="142" y="1420"/>
                  </a:lnTo>
                  <a:lnTo>
                    <a:pt x="136" y="1410"/>
                  </a:lnTo>
                  <a:lnTo>
                    <a:pt x="122" y="1430"/>
                  </a:lnTo>
                  <a:lnTo>
                    <a:pt x="112" y="1433"/>
                  </a:lnTo>
                  <a:lnTo>
                    <a:pt x="99" y="1428"/>
                  </a:lnTo>
                  <a:lnTo>
                    <a:pt x="105" y="1422"/>
                  </a:lnTo>
                  <a:lnTo>
                    <a:pt x="91" y="1422"/>
                  </a:lnTo>
                  <a:lnTo>
                    <a:pt x="88" y="1428"/>
                  </a:lnTo>
                  <a:lnTo>
                    <a:pt x="74" y="1428"/>
                  </a:lnTo>
                  <a:lnTo>
                    <a:pt x="78" y="1403"/>
                  </a:lnTo>
                  <a:lnTo>
                    <a:pt x="71" y="1413"/>
                  </a:lnTo>
                  <a:lnTo>
                    <a:pt x="62" y="1411"/>
                  </a:lnTo>
                  <a:lnTo>
                    <a:pt x="20" y="1374"/>
                  </a:lnTo>
                  <a:lnTo>
                    <a:pt x="28" y="1348"/>
                  </a:lnTo>
                  <a:lnTo>
                    <a:pt x="42" y="1352"/>
                  </a:lnTo>
                  <a:lnTo>
                    <a:pt x="40" y="1342"/>
                  </a:lnTo>
                  <a:lnTo>
                    <a:pt x="54" y="1325"/>
                  </a:lnTo>
                  <a:lnTo>
                    <a:pt x="54" y="1315"/>
                  </a:lnTo>
                  <a:lnTo>
                    <a:pt x="49" y="1317"/>
                  </a:lnTo>
                  <a:lnTo>
                    <a:pt x="59" y="1301"/>
                  </a:lnTo>
                  <a:lnTo>
                    <a:pt x="14" y="1318"/>
                  </a:lnTo>
                  <a:lnTo>
                    <a:pt x="11" y="1305"/>
                  </a:lnTo>
                  <a:lnTo>
                    <a:pt x="22" y="1288"/>
                  </a:lnTo>
                  <a:lnTo>
                    <a:pt x="39" y="1288"/>
                  </a:lnTo>
                  <a:lnTo>
                    <a:pt x="62" y="1272"/>
                  </a:lnTo>
                  <a:lnTo>
                    <a:pt x="32" y="1271"/>
                  </a:lnTo>
                  <a:lnTo>
                    <a:pt x="57" y="1244"/>
                  </a:lnTo>
                  <a:lnTo>
                    <a:pt x="53" y="1237"/>
                  </a:lnTo>
                  <a:lnTo>
                    <a:pt x="70" y="1215"/>
                  </a:lnTo>
                  <a:lnTo>
                    <a:pt x="74" y="1227"/>
                  </a:lnTo>
                  <a:lnTo>
                    <a:pt x="78" y="1212"/>
                  </a:lnTo>
                  <a:lnTo>
                    <a:pt x="91" y="1207"/>
                  </a:lnTo>
                  <a:lnTo>
                    <a:pt x="70" y="1199"/>
                  </a:lnTo>
                  <a:lnTo>
                    <a:pt x="62" y="1207"/>
                  </a:lnTo>
                  <a:lnTo>
                    <a:pt x="32" y="1249"/>
                  </a:lnTo>
                  <a:lnTo>
                    <a:pt x="22" y="1264"/>
                  </a:lnTo>
                  <a:lnTo>
                    <a:pt x="19" y="1255"/>
                  </a:lnTo>
                  <a:lnTo>
                    <a:pt x="32" y="1249"/>
                  </a:lnTo>
                  <a:close/>
                  <a:moveTo>
                    <a:pt x="961" y="6"/>
                  </a:moveTo>
                  <a:lnTo>
                    <a:pt x="969" y="23"/>
                  </a:lnTo>
                  <a:lnTo>
                    <a:pt x="935" y="15"/>
                  </a:lnTo>
                  <a:lnTo>
                    <a:pt x="952" y="0"/>
                  </a:lnTo>
                  <a:lnTo>
                    <a:pt x="961" y="6"/>
                  </a:lnTo>
                  <a:close/>
                  <a:moveTo>
                    <a:pt x="872" y="82"/>
                  </a:moveTo>
                  <a:lnTo>
                    <a:pt x="869" y="85"/>
                  </a:lnTo>
                  <a:lnTo>
                    <a:pt x="862" y="57"/>
                  </a:lnTo>
                  <a:lnTo>
                    <a:pt x="876" y="64"/>
                  </a:lnTo>
                  <a:lnTo>
                    <a:pt x="877" y="81"/>
                  </a:lnTo>
                  <a:lnTo>
                    <a:pt x="872" y="82"/>
                  </a:lnTo>
                  <a:close/>
                  <a:moveTo>
                    <a:pt x="846" y="110"/>
                  </a:moveTo>
                  <a:lnTo>
                    <a:pt x="834" y="113"/>
                  </a:lnTo>
                  <a:lnTo>
                    <a:pt x="826" y="93"/>
                  </a:lnTo>
                  <a:lnTo>
                    <a:pt x="849" y="77"/>
                  </a:lnTo>
                  <a:lnTo>
                    <a:pt x="857" y="93"/>
                  </a:lnTo>
                  <a:lnTo>
                    <a:pt x="846" y="110"/>
                  </a:lnTo>
                  <a:close/>
                  <a:moveTo>
                    <a:pt x="800" y="65"/>
                  </a:moveTo>
                  <a:lnTo>
                    <a:pt x="825" y="56"/>
                  </a:lnTo>
                  <a:lnTo>
                    <a:pt x="835" y="67"/>
                  </a:lnTo>
                  <a:lnTo>
                    <a:pt x="825" y="84"/>
                  </a:lnTo>
                  <a:lnTo>
                    <a:pt x="795" y="91"/>
                  </a:lnTo>
                  <a:lnTo>
                    <a:pt x="786" y="73"/>
                  </a:lnTo>
                  <a:lnTo>
                    <a:pt x="800" y="65"/>
                  </a:lnTo>
                  <a:close/>
                  <a:moveTo>
                    <a:pt x="818" y="124"/>
                  </a:moveTo>
                  <a:lnTo>
                    <a:pt x="804" y="110"/>
                  </a:lnTo>
                  <a:lnTo>
                    <a:pt x="821" y="110"/>
                  </a:lnTo>
                  <a:lnTo>
                    <a:pt x="826" y="121"/>
                  </a:lnTo>
                  <a:lnTo>
                    <a:pt x="818" y="124"/>
                  </a:lnTo>
                  <a:close/>
                  <a:moveTo>
                    <a:pt x="724" y="125"/>
                  </a:moveTo>
                  <a:lnTo>
                    <a:pt x="729" y="130"/>
                  </a:lnTo>
                  <a:lnTo>
                    <a:pt x="727" y="147"/>
                  </a:lnTo>
                  <a:lnTo>
                    <a:pt x="713" y="142"/>
                  </a:lnTo>
                  <a:lnTo>
                    <a:pt x="724" y="125"/>
                  </a:lnTo>
                  <a:close/>
                  <a:moveTo>
                    <a:pt x="682" y="132"/>
                  </a:moveTo>
                  <a:lnTo>
                    <a:pt x="695" y="144"/>
                  </a:lnTo>
                  <a:lnTo>
                    <a:pt x="679" y="145"/>
                  </a:lnTo>
                  <a:lnTo>
                    <a:pt x="671" y="121"/>
                  </a:lnTo>
                  <a:lnTo>
                    <a:pt x="682" y="132"/>
                  </a:lnTo>
                  <a:close/>
                  <a:moveTo>
                    <a:pt x="639" y="150"/>
                  </a:moveTo>
                  <a:lnTo>
                    <a:pt x="671" y="157"/>
                  </a:lnTo>
                  <a:lnTo>
                    <a:pt x="656" y="181"/>
                  </a:lnTo>
                  <a:lnTo>
                    <a:pt x="639" y="167"/>
                  </a:lnTo>
                  <a:lnTo>
                    <a:pt x="639" y="150"/>
                  </a:lnTo>
                  <a:close/>
                  <a:moveTo>
                    <a:pt x="610" y="195"/>
                  </a:moveTo>
                  <a:lnTo>
                    <a:pt x="630" y="189"/>
                  </a:lnTo>
                  <a:lnTo>
                    <a:pt x="634" y="172"/>
                  </a:lnTo>
                  <a:lnTo>
                    <a:pt x="645" y="184"/>
                  </a:lnTo>
                  <a:lnTo>
                    <a:pt x="637" y="206"/>
                  </a:lnTo>
                  <a:lnTo>
                    <a:pt x="617" y="215"/>
                  </a:lnTo>
                  <a:lnTo>
                    <a:pt x="603" y="211"/>
                  </a:lnTo>
                  <a:lnTo>
                    <a:pt x="610" y="195"/>
                  </a:lnTo>
                  <a:close/>
                  <a:moveTo>
                    <a:pt x="551" y="260"/>
                  </a:moveTo>
                  <a:lnTo>
                    <a:pt x="546" y="255"/>
                  </a:lnTo>
                  <a:lnTo>
                    <a:pt x="552" y="254"/>
                  </a:lnTo>
                  <a:lnTo>
                    <a:pt x="551" y="240"/>
                  </a:lnTo>
                  <a:lnTo>
                    <a:pt x="574" y="226"/>
                  </a:lnTo>
                  <a:lnTo>
                    <a:pt x="577" y="221"/>
                  </a:lnTo>
                  <a:lnTo>
                    <a:pt x="574" y="211"/>
                  </a:lnTo>
                  <a:lnTo>
                    <a:pt x="586" y="211"/>
                  </a:lnTo>
                  <a:lnTo>
                    <a:pt x="597" y="238"/>
                  </a:lnTo>
                  <a:lnTo>
                    <a:pt x="593" y="263"/>
                  </a:lnTo>
                  <a:lnTo>
                    <a:pt x="547" y="280"/>
                  </a:lnTo>
                  <a:lnTo>
                    <a:pt x="543" y="274"/>
                  </a:lnTo>
                  <a:lnTo>
                    <a:pt x="554" y="263"/>
                  </a:lnTo>
                  <a:lnTo>
                    <a:pt x="551" y="260"/>
                  </a:lnTo>
                  <a:close/>
                  <a:moveTo>
                    <a:pt x="458" y="435"/>
                  </a:moveTo>
                  <a:lnTo>
                    <a:pt x="452" y="426"/>
                  </a:lnTo>
                  <a:lnTo>
                    <a:pt x="476" y="427"/>
                  </a:lnTo>
                  <a:lnTo>
                    <a:pt x="456" y="450"/>
                  </a:lnTo>
                  <a:lnTo>
                    <a:pt x="447" y="447"/>
                  </a:lnTo>
                  <a:lnTo>
                    <a:pt x="458" y="435"/>
                  </a:lnTo>
                  <a:close/>
                  <a:moveTo>
                    <a:pt x="496" y="260"/>
                  </a:moveTo>
                  <a:lnTo>
                    <a:pt x="503" y="245"/>
                  </a:lnTo>
                  <a:lnTo>
                    <a:pt x="515" y="250"/>
                  </a:lnTo>
                  <a:lnTo>
                    <a:pt x="498" y="283"/>
                  </a:lnTo>
                  <a:lnTo>
                    <a:pt x="484" y="282"/>
                  </a:lnTo>
                  <a:lnTo>
                    <a:pt x="496" y="260"/>
                  </a:lnTo>
                  <a:close/>
                  <a:moveTo>
                    <a:pt x="435" y="326"/>
                  </a:moveTo>
                  <a:lnTo>
                    <a:pt x="452" y="300"/>
                  </a:lnTo>
                  <a:lnTo>
                    <a:pt x="464" y="308"/>
                  </a:lnTo>
                  <a:lnTo>
                    <a:pt x="464" y="291"/>
                  </a:lnTo>
                  <a:lnTo>
                    <a:pt x="475" y="308"/>
                  </a:lnTo>
                  <a:lnTo>
                    <a:pt x="476" y="331"/>
                  </a:lnTo>
                  <a:lnTo>
                    <a:pt x="458" y="339"/>
                  </a:lnTo>
                  <a:lnTo>
                    <a:pt x="455" y="331"/>
                  </a:lnTo>
                  <a:lnTo>
                    <a:pt x="462" y="319"/>
                  </a:lnTo>
                  <a:lnTo>
                    <a:pt x="438" y="336"/>
                  </a:lnTo>
                  <a:lnTo>
                    <a:pt x="435" y="326"/>
                  </a:lnTo>
                  <a:close/>
                  <a:moveTo>
                    <a:pt x="489" y="294"/>
                  </a:moveTo>
                  <a:lnTo>
                    <a:pt x="496" y="292"/>
                  </a:lnTo>
                  <a:lnTo>
                    <a:pt x="503" y="317"/>
                  </a:lnTo>
                  <a:lnTo>
                    <a:pt x="496" y="339"/>
                  </a:lnTo>
                  <a:lnTo>
                    <a:pt x="515" y="316"/>
                  </a:lnTo>
                  <a:lnTo>
                    <a:pt x="517" y="300"/>
                  </a:lnTo>
                  <a:lnTo>
                    <a:pt x="530" y="314"/>
                  </a:lnTo>
                  <a:lnTo>
                    <a:pt x="530" y="333"/>
                  </a:lnTo>
                  <a:lnTo>
                    <a:pt x="506" y="357"/>
                  </a:lnTo>
                  <a:lnTo>
                    <a:pt x="503" y="350"/>
                  </a:lnTo>
                  <a:lnTo>
                    <a:pt x="487" y="372"/>
                  </a:lnTo>
                  <a:lnTo>
                    <a:pt x="484" y="351"/>
                  </a:lnTo>
                  <a:lnTo>
                    <a:pt x="452" y="384"/>
                  </a:lnTo>
                  <a:lnTo>
                    <a:pt x="447" y="376"/>
                  </a:lnTo>
                  <a:lnTo>
                    <a:pt x="427" y="385"/>
                  </a:lnTo>
                  <a:lnTo>
                    <a:pt x="435" y="365"/>
                  </a:lnTo>
                  <a:lnTo>
                    <a:pt x="473" y="350"/>
                  </a:lnTo>
                  <a:lnTo>
                    <a:pt x="489" y="294"/>
                  </a:lnTo>
                  <a:close/>
                  <a:moveTo>
                    <a:pt x="159" y="908"/>
                  </a:moveTo>
                  <a:lnTo>
                    <a:pt x="181" y="895"/>
                  </a:lnTo>
                  <a:lnTo>
                    <a:pt x="190" y="895"/>
                  </a:lnTo>
                  <a:lnTo>
                    <a:pt x="193" y="907"/>
                  </a:lnTo>
                  <a:lnTo>
                    <a:pt x="166" y="919"/>
                  </a:lnTo>
                  <a:lnTo>
                    <a:pt x="159" y="908"/>
                  </a:lnTo>
                  <a:close/>
                  <a:moveTo>
                    <a:pt x="12" y="1334"/>
                  </a:moveTo>
                  <a:lnTo>
                    <a:pt x="11" y="1315"/>
                  </a:lnTo>
                  <a:lnTo>
                    <a:pt x="6" y="1332"/>
                  </a:lnTo>
                  <a:lnTo>
                    <a:pt x="12" y="1334"/>
                  </a:lnTo>
                  <a:close/>
                  <a:moveTo>
                    <a:pt x="20" y="1281"/>
                  </a:moveTo>
                  <a:lnTo>
                    <a:pt x="20" y="1266"/>
                  </a:lnTo>
                  <a:lnTo>
                    <a:pt x="14" y="1261"/>
                  </a:lnTo>
                  <a:lnTo>
                    <a:pt x="12" y="1276"/>
                  </a:lnTo>
                  <a:lnTo>
                    <a:pt x="20" y="1281"/>
                  </a:lnTo>
                  <a:close/>
                  <a:moveTo>
                    <a:pt x="40" y="1044"/>
                  </a:moveTo>
                  <a:lnTo>
                    <a:pt x="45" y="1029"/>
                  </a:lnTo>
                  <a:lnTo>
                    <a:pt x="37" y="1031"/>
                  </a:lnTo>
                  <a:lnTo>
                    <a:pt x="40" y="104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61" name="Freeform 200"/>
            <p:cNvSpPr>
              <a:spLocks noChangeAspect="1" noEditPoints="1"/>
            </p:cNvSpPr>
            <p:nvPr/>
          </p:nvSpPr>
          <p:spPr bwMode="gray">
            <a:xfrm>
              <a:off x="5267325" y="2012951"/>
              <a:ext cx="292100" cy="671513"/>
            </a:xfrm>
            <a:custGeom>
              <a:avLst/>
              <a:gdLst>
                <a:gd name="T0" fmla="*/ 17 w 601"/>
                <a:gd name="T1" fmla="*/ 12 h 1374"/>
                <a:gd name="T2" fmla="*/ 16 w 601"/>
                <a:gd name="T3" fmla="*/ 12 h 1374"/>
                <a:gd name="T4" fmla="*/ 15 w 601"/>
                <a:gd name="T5" fmla="*/ 12 h 1374"/>
                <a:gd name="T6" fmla="*/ 14 w 601"/>
                <a:gd name="T7" fmla="*/ 13 h 1374"/>
                <a:gd name="T8" fmla="*/ 14 w 601"/>
                <a:gd name="T9" fmla="*/ 16 h 1374"/>
                <a:gd name="T10" fmla="*/ 13 w 601"/>
                <a:gd name="T11" fmla="*/ 16 h 1374"/>
                <a:gd name="T12" fmla="*/ 11 w 601"/>
                <a:gd name="T13" fmla="*/ 18 h 1374"/>
                <a:gd name="T14" fmla="*/ 10 w 601"/>
                <a:gd name="T15" fmla="*/ 20 h 1374"/>
                <a:gd name="T16" fmla="*/ 9 w 601"/>
                <a:gd name="T17" fmla="*/ 21 h 1374"/>
                <a:gd name="T18" fmla="*/ 9 w 601"/>
                <a:gd name="T19" fmla="*/ 21 h 1374"/>
                <a:gd name="T20" fmla="*/ 8 w 601"/>
                <a:gd name="T21" fmla="*/ 22 h 1374"/>
                <a:gd name="T22" fmla="*/ 8 w 601"/>
                <a:gd name="T23" fmla="*/ 24 h 1374"/>
                <a:gd name="T24" fmla="*/ 8 w 601"/>
                <a:gd name="T25" fmla="*/ 26 h 1374"/>
                <a:gd name="T26" fmla="*/ 8 w 601"/>
                <a:gd name="T27" fmla="*/ 27 h 1374"/>
                <a:gd name="T28" fmla="*/ 8 w 601"/>
                <a:gd name="T29" fmla="*/ 28 h 1374"/>
                <a:gd name="T30" fmla="*/ 9 w 601"/>
                <a:gd name="T31" fmla="*/ 27 h 1374"/>
                <a:gd name="T32" fmla="*/ 10 w 601"/>
                <a:gd name="T33" fmla="*/ 28 h 1374"/>
                <a:gd name="T34" fmla="*/ 10 w 601"/>
                <a:gd name="T35" fmla="*/ 30 h 1374"/>
                <a:gd name="T36" fmla="*/ 8 w 601"/>
                <a:gd name="T37" fmla="*/ 30 h 1374"/>
                <a:gd name="T38" fmla="*/ 7 w 601"/>
                <a:gd name="T39" fmla="*/ 30 h 1374"/>
                <a:gd name="T40" fmla="*/ 10 w 601"/>
                <a:gd name="T41" fmla="*/ 30 h 1374"/>
                <a:gd name="T42" fmla="*/ 9 w 601"/>
                <a:gd name="T43" fmla="*/ 31 h 1374"/>
                <a:gd name="T44" fmla="*/ 9 w 601"/>
                <a:gd name="T45" fmla="*/ 31 h 1374"/>
                <a:gd name="T46" fmla="*/ 8 w 601"/>
                <a:gd name="T47" fmla="*/ 32 h 1374"/>
                <a:gd name="T48" fmla="*/ 7 w 601"/>
                <a:gd name="T49" fmla="*/ 32 h 1374"/>
                <a:gd name="T50" fmla="*/ 7 w 601"/>
                <a:gd name="T51" fmla="*/ 33 h 1374"/>
                <a:gd name="T52" fmla="*/ 7 w 601"/>
                <a:gd name="T53" fmla="*/ 34 h 1374"/>
                <a:gd name="T54" fmla="*/ 7 w 601"/>
                <a:gd name="T55" fmla="*/ 35 h 1374"/>
                <a:gd name="T56" fmla="*/ 6 w 601"/>
                <a:gd name="T57" fmla="*/ 38 h 1374"/>
                <a:gd name="T58" fmla="*/ 4 w 601"/>
                <a:gd name="T59" fmla="*/ 38 h 1374"/>
                <a:gd name="T60" fmla="*/ 4 w 601"/>
                <a:gd name="T61" fmla="*/ 40 h 1374"/>
                <a:gd name="T62" fmla="*/ 2 w 601"/>
                <a:gd name="T63" fmla="*/ 38 h 1374"/>
                <a:gd name="T64" fmla="*/ 2 w 601"/>
                <a:gd name="T65" fmla="*/ 38 h 1374"/>
                <a:gd name="T66" fmla="*/ 1 w 601"/>
                <a:gd name="T67" fmla="*/ 35 h 1374"/>
                <a:gd name="T68" fmla="*/ 1 w 601"/>
                <a:gd name="T69" fmla="*/ 34 h 1374"/>
                <a:gd name="T70" fmla="*/ 1 w 601"/>
                <a:gd name="T71" fmla="*/ 33 h 1374"/>
                <a:gd name="T72" fmla="*/ 0 w 601"/>
                <a:gd name="T73" fmla="*/ 33 h 1374"/>
                <a:gd name="T74" fmla="*/ 0 w 601"/>
                <a:gd name="T75" fmla="*/ 31 h 1374"/>
                <a:gd name="T76" fmla="*/ 0 w 601"/>
                <a:gd name="T77" fmla="*/ 31 h 1374"/>
                <a:gd name="T78" fmla="*/ 1 w 601"/>
                <a:gd name="T79" fmla="*/ 30 h 1374"/>
                <a:gd name="T80" fmla="*/ 1 w 601"/>
                <a:gd name="T81" fmla="*/ 29 h 1374"/>
                <a:gd name="T82" fmla="*/ 2 w 601"/>
                <a:gd name="T83" fmla="*/ 27 h 1374"/>
                <a:gd name="T84" fmla="*/ 2 w 601"/>
                <a:gd name="T85" fmla="*/ 25 h 1374"/>
                <a:gd name="T86" fmla="*/ 2 w 601"/>
                <a:gd name="T87" fmla="*/ 24 h 1374"/>
                <a:gd name="T88" fmla="*/ 2 w 601"/>
                <a:gd name="T89" fmla="*/ 20 h 1374"/>
                <a:gd name="T90" fmla="*/ 2 w 601"/>
                <a:gd name="T91" fmla="*/ 17 h 1374"/>
                <a:gd name="T92" fmla="*/ 4 w 601"/>
                <a:gd name="T93" fmla="*/ 16 h 1374"/>
                <a:gd name="T94" fmla="*/ 5 w 601"/>
                <a:gd name="T95" fmla="*/ 12 h 1374"/>
                <a:gd name="T96" fmla="*/ 6 w 601"/>
                <a:gd name="T97" fmla="*/ 9 h 1374"/>
                <a:gd name="T98" fmla="*/ 7 w 601"/>
                <a:gd name="T99" fmla="*/ 6 h 1374"/>
                <a:gd name="T100" fmla="*/ 9 w 601"/>
                <a:gd name="T101" fmla="*/ 3 h 1374"/>
                <a:gd name="T102" fmla="*/ 9 w 601"/>
                <a:gd name="T103" fmla="*/ 2 h 1374"/>
                <a:gd name="T104" fmla="*/ 12 w 601"/>
                <a:gd name="T105" fmla="*/ 2 h 1374"/>
                <a:gd name="T106" fmla="*/ 12 w 601"/>
                <a:gd name="T107" fmla="*/ 0 h 1374"/>
                <a:gd name="T108" fmla="*/ 16 w 601"/>
                <a:gd name="T109" fmla="*/ 3 h 1374"/>
                <a:gd name="T110" fmla="*/ 17 w 601"/>
                <a:gd name="T111" fmla="*/ 6 h 1374"/>
                <a:gd name="T112" fmla="*/ 17 w 601"/>
                <a:gd name="T113" fmla="*/ 9 h 1374"/>
                <a:gd name="T114" fmla="*/ 9 w 601"/>
                <a:gd name="T115" fmla="*/ 36 h 1374"/>
                <a:gd name="T116" fmla="*/ 10 w 601"/>
                <a:gd name="T117" fmla="*/ 34 h 1374"/>
                <a:gd name="T118" fmla="*/ 9 w 601"/>
                <a:gd name="T119" fmla="*/ 36 h 1374"/>
                <a:gd name="T120" fmla="*/ 7 w 601"/>
                <a:gd name="T121" fmla="*/ 38 h 1374"/>
                <a:gd name="T122" fmla="*/ 7 w 601"/>
                <a:gd name="T123" fmla="*/ 37 h 1374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601"/>
                <a:gd name="T187" fmla="*/ 0 h 1374"/>
                <a:gd name="T188" fmla="*/ 601 w 601"/>
                <a:gd name="T189" fmla="*/ 1374 h 1374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601" h="1374">
                  <a:moveTo>
                    <a:pt x="599" y="376"/>
                  </a:moveTo>
                  <a:lnTo>
                    <a:pt x="601" y="387"/>
                  </a:lnTo>
                  <a:lnTo>
                    <a:pt x="594" y="395"/>
                  </a:lnTo>
                  <a:lnTo>
                    <a:pt x="581" y="384"/>
                  </a:lnTo>
                  <a:lnTo>
                    <a:pt x="559" y="387"/>
                  </a:lnTo>
                  <a:lnTo>
                    <a:pt x="556" y="396"/>
                  </a:lnTo>
                  <a:lnTo>
                    <a:pt x="523" y="381"/>
                  </a:lnTo>
                  <a:lnTo>
                    <a:pt x="517" y="399"/>
                  </a:lnTo>
                  <a:lnTo>
                    <a:pt x="517" y="413"/>
                  </a:lnTo>
                  <a:lnTo>
                    <a:pt x="500" y="399"/>
                  </a:lnTo>
                  <a:lnTo>
                    <a:pt x="508" y="420"/>
                  </a:lnTo>
                  <a:lnTo>
                    <a:pt x="477" y="442"/>
                  </a:lnTo>
                  <a:lnTo>
                    <a:pt x="484" y="464"/>
                  </a:lnTo>
                  <a:lnTo>
                    <a:pt x="464" y="500"/>
                  </a:lnTo>
                  <a:lnTo>
                    <a:pt x="484" y="543"/>
                  </a:lnTo>
                  <a:lnTo>
                    <a:pt x="475" y="555"/>
                  </a:lnTo>
                  <a:lnTo>
                    <a:pt x="475" y="542"/>
                  </a:lnTo>
                  <a:lnTo>
                    <a:pt x="472" y="546"/>
                  </a:lnTo>
                  <a:lnTo>
                    <a:pt x="434" y="610"/>
                  </a:lnTo>
                  <a:lnTo>
                    <a:pt x="396" y="636"/>
                  </a:lnTo>
                  <a:lnTo>
                    <a:pt x="389" y="631"/>
                  </a:lnTo>
                  <a:lnTo>
                    <a:pt x="366" y="659"/>
                  </a:lnTo>
                  <a:lnTo>
                    <a:pt x="350" y="657"/>
                  </a:lnTo>
                  <a:lnTo>
                    <a:pt x="345" y="678"/>
                  </a:lnTo>
                  <a:lnTo>
                    <a:pt x="332" y="690"/>
                  </a:lnTo>
                  <a:lnTo>
                    <a:pt x="335" y="695"/>
                  </a:lnTo>
                  <a:lnTo>
                    <a:pt x="330" y="704"/>
                  </a:lnTo>
                  <a:lnTo>
                    <a:pt x="316" y="712"/>
                  </a:lnTo>
                  <a:lnTo>
                    <a:pt x="308" y="698"/>
                  </a:lnTo>
                  <a:lnTo>
                    <a:pt x="310" y="730"/>
                  </a:lnTo>
                  <a:lnTo>
                    <a:pt x="299" y="743"/>
                  </a:lnTo>
                  <a:lnTo>
                    <a:pt x="286" y="737"/>
                  </a:lnTo>
                  <a:lnTo>
                    <a:pt x="286" y="749"/>
                  </a:lnTo>
                  <a:lnTo>
                    <a:pt x="294" y="763"/>
                  </a:lnTo>
                  <a:lnTo>
                    <a:pt x="286" y="796"/>
                  </a:lnTo>
                  <a:lnTo>
                    <a:pt x="290" y="821"/>
                  </a:lnTo>
                  <a:lnTo>
                    <a:pt x="276" y="814"/>
                  </a:lnTo>
                  <a:lnTo>
                    <a:pt x="274" y="833"/>
                  </a:lnTo>
                  <a:lnTo>
                    <a:pt x="281" y="897"/>
                  </a:lnTo>
                  <a:lnTo>
                    <a:pt x="277" y="913"/>
                  </a:lnTo>
                  <a:lnTo>
                    <a:pt x="285" y="914"/>
                  </a:lnTo>
                  <a:lnTo>
                    <a:pt x="282" y="933"/>
                  </a:lnTo>
                  <a:lnTo>
                    <a:pt x="240" y="958"/>
                  </a:lnTo>
                  <a:lnTo>
                    <a:pt x="235" y="964"/>
                  </a:lnTo>
                  <a:lnTo>
                    <a:pt x="264" y="958"/>
                  </a:lnTo>
                  <a:lnTo>
                    <a:pt x="279" y="947"/>
                  </a:lnTo>
                  <a:lnTo>
                    <a:pt x="294" y="919"/>
                  </a:lnTo>
                  <a:lnTo>
                    <a:pt x="301" y="928"/>
                  </a:lnTo>
                  <a:lnTo>
                    <a:pt x="315" y="927"/>
                  </a:lnTo>
                  <a:lnTo>
                    <a:pt x="319" y="943"/>
                  </a:lnTo>
                  <a:lnTo>
                    <a:pt x="339" y="952"/>
                  </a:lnTo>
                  <a:lnTo>
                    <a:pt x="332" y="955"/>
                  </a:lnTo>
                  <a:lnTo>
                    <a:pt x="356" y="987"/>
                  </a:lnTo>
                  <a:lnTo>
                    <a:pt x="339" y="1021"/>
                  </a:lnTo>
                  <a:lnTo>
                    <a:pt x="311" y="1035"/>
                  </a:lnTo>
                  <a:lnTo>
                    <a:pt x="299" y="1021"/>
                  </a:lnTo>
                  <a:lnTo>
                    <a:pt x="279" y="1024"/>
                  </a:lnTo>
                  <a:lnTo>
                    <a:pt x="271" y="1018"/>
                  </a:lnTo>
                  <a:lnTo>
                    <a:pt x="239" y="1024"/>
                  </a:lnTo>
                  <a:lnTo>
                    <a:pt x="243" y="1028"/>
                  </a:lnTo>
                  <a:lnTo>
                    <a:pt x="276" y="1035"/>
                  </a:lnTo>
                  <a:lnTo>
                    <a:pt x="282" y="1045"/>
                  </a:lnTo>
                  <a:lnTo>
                    <a:pt x="342" y="1038"/>
                  </a:lnTo>
                  <a:lnTo>
                    <a:pt x="336" y="1048"/>
                  </a:lnTo>
                  <a:lnTo>
                    <a:pt x="327" y="1043"/>
                  </a:lnTo>
                  <a:lnTo>
                    <a:pt x="330" y="1055"/>
                  </a:lnTo>
                  <a:lnTo>
                    <a:pt x="311" y="1075"/>
                  </a:lnTo>
                  <a:lnTo>
                    <a:pt x="301" y="1075"/>
                  </a:lnTo>
                  <a:lnTo>
                    <a:pt x="301" y="1065"/>
                  </a:lnTo>
                  <a:lnTo>
                    <a:pt x="294" y="1063"/>
                  </a:lnTo>
                  <a:lnTo>
                    <a:pt x="290" y="1080"/>
                  </a:lnTo>
                  <a:lnTo>
                    <a:pt x="268" y="1097"/>
                  </a:lnTo>
                  <a:lnTo>
                    <a:pt x="235" y="1099"/>
                  </a:lnTo>
                  <a:lnTo>
                    <a:pt x="231" y="1102"/>
                  </a:lnTo>
                  <a:lnTo>
                    <a:pt x="259" y="1108"/>
                  </a:lnTo>
                  <a:lnTo>
                    <a:pt x="262" y="1112"/>
                  </a:lnTo>
                  <a:lnTo>
                    <a:pt x="245" y="1114"/>
                  </a:lnTo>
                  <a:lnTo>
                    <a:pt x="242" y="1116"/>
                  </a:lnTo>
                  <a:lnTo>
                    <a:pt x="257" y="1129"/>
                  </a:lnTo>
                  <a:lnTo>
                    <a:pt x="256" y="1162"/>
                  </a:lnTo>
                  <a:lnTo>
                    <a:pt x="245" y="1163"/>
                  </a:lnTo>
                  <a:lnTo>
                    <a:pt x="252" y="1182"/>
                  </a:lnTo>
                  <a:lnTo>
                    <a:pt x="247" y="1190"/>
                  </a:lnTo>
                  <a:lnTo>
                    <a:pt x="252" y="1204"/>
                  </a:lnTo>
                  <a:lnTo>
                    <a:pt x="243" y="1224"/>
                  </a:lnTo>
                  <a:lnTo>
                    <a:pt x="240" y="1263"/>
                  </a:lnTo>
                  <a:lnTo>
                    <a:pt x="220" y="1314"/>
                  </a:lnTo>
                  <a:lnTo>
                    <a:pt x="171" y="1309"/>
                  </a:lnTo>
                  <a:lnTo>
                    <a:pt x="160" y="1324"/>
                  </a:lnTo>
                  <a:lnTo>
                    <a:pt x="151" y="1320"/>
                  </a:lnTo>
                  <a:lnTo>
                    <a:pt x="143" y="1343"/>
                  </a:lnTo>
                  <a:lnTo>
                    <a:pt x="146" y="1360"/>
                  </a:lnTo>
                  <a:lnTo>
                    <a:pt x="137" y="1374"/>
                  </a:lnTo>
                  <a:lnTo>
                    <a:pt x="78" y="1374"/>
                  </a:lnTo>
                  <a:lnTo>
                    <a:pt x="86" y="1354"/>
                  </a:lnTo>
                  <a:lnTo>
                    <a:pt x="62" y="1309"/>
                  </a:lnTo>
                  <a:lnTo>
                    <a:pt x="76" y="1307"/>
                  </a:lnTo>
                  <a:lnTo>
                    <a:pt x="70" y="1294"/>
                  </a:lnTo>
                  <a:lnTo>
                    <a:pt x="83" y="1289"/>
                  </a:lnTo>
                  <a:lnTo>
                    <a:pt x="83" y="1281"/>
                  </a:lnTo>
                  <a:lnTo>
                    <a:pt x="53" y="1247"/>
                  </a:lnTo>
                  <a:lnTo>
                    <a:pt x="42" y="1210"/>
                  </a:lnTo>
                  <a:lnTo>
                    <a:pt x="34" y="1210"/>
                  </a:lnTo>
                  <a:lnTo>
                    <a:pt x="37" y="1171"/>
                  </a:lnTo>
                  <a:lnTo>
                    <a:pt x="27" y="1173"/>
                  </a:lnTo>
                  <a:lnTo>
                    <a:pt x="27" y="1151"/>
                  </a:lnTo>
                  <a:lnTo>
                    <a:pt x="13" y="1146"/>
                  </a:lnTo>
                  <a:lnTo>
                    <a:pt x="24" y="1134"/>
                  </a:lnTo>
                  <a:lnTo>
                    <a:pt x="19" y="1133"/>
                  </a:lnTo>
                  <a:lnTo>
                    <a:pt x="22" y="1125"/>
                  </a:lnTo>
                  <a:lnTo>
                    <a:pt x="11" y="1134"/>
                  </a:lnTo>
                  <a:lnTo>
                    <a:pt x="11" y="1125"/>
                  </a:lnTo>
                  <a:lnTo>
                    <a:pt x="5" y="1114"/>
                  </a:lnTo>
                  <a:lnTo>
                    <a:pt x="0" y="1072"/>
                  </a:lnTo>
                  <a:lnTo>
                    <a:pt x="5" y="1062"/>
                  </a:lnTo>
                  <a:lnTo>
                    <a:pt x="7" y="1083"/>
                  </a:lnTo>
                  <a:lnTo>
                    <a:pt x="10" y="1072"/>
                  </a:lnTo>
                  <a:lnTo>
                    <a:pt x="13" y="1080"/>
                  </a:lnTo>
                  <a:lnTo>
                    <a:pt x="20" y="1075"/>
                  </a:lnTo>
                  <a:lnTo>
                    <a:pt x="27" y="1043"/>
                  </a:lnTo>
                  <a:lnTo>
                    <a:pt x="22" y="1020"/>
                  </a:lnTo>
                  <a:lnTo>
                    <a:pt x="32" y="1001"/>
                  </a:lnTo>
                  <a:lnTo>
                    <a:pt x="32" y="989"/>
                  </a:lnTo>
                  <a:lnTo>
                    <a:pt x="61" y="972"/>
                  </a:lnTo>
                  <a:lnTo>
                    <a:pt x="58" y="952"/>
                  </a:lnTo>
                  <a:lnTo>
                    <a:pt x="64" y="927"/>
                  </a:lnTo>
                  <a:lnTo>
                    <a:pt x="58" y="899"/>
                  </a:lnTo>
                  <a:lnTo>
                    <a:pt x="49" y="887"/>
                  </a:lnTo>
                  <a:lnTo>
                    <a:pt x="73" y="868"/>
                  </a:lnTo>
                  <a:lnTo>
                    <a:pt x="78" y="853"/>
                  </a:lnTo>
                  <a:lnTo>
                    <a:pt x="75" y="834"/>
                  </a:lnTo>
                  <a:lnTo>
                    <a:pt x="50" y="809"/>
                  </a:lnTo>
                  <a:lnTo>
                    <a:pt x="50" y="757"/>
                  </a:lnTo>
                  <a:lnTo>
                    <a:pt x="44" y="732"/>
                  </a:lnTo>
                  <a:lnTo>
                    <a:pt x="56" y="681"/>
                  </a:lnTo>
                  <a:lnTo>
                    <a:pt x="44" y="648"/>
                  </a:lnTo>
                  <a:lnTo>
                    <a:pt x="53" y="619"/>
                  </a:lnTo>
                  <a:lnTo>
                    <a:pt x="88" y="585"/>
                  </a:lnTo>
                  <a:lnTo>
                    <a:pt x="132" y="585"/>
                  </a:lnTo>
                  <a:lnTo>
                    <a:pt x="140" y="572"/>
                  </a:lnTo>
                  <a:lnTo>
                    <a:pt x="143" y="546"/>
                  </a:lnTo>
                  <a:lnTo>
                    <a:pt x="124" y="517"/>
                  </a:lnTo>
                  <a:lnTo>
                    <a:pt x="154" y="459"/>
                  </a:lnTo>
                  <a:lnTo>
                    <a:pt x="163" y="415"/>
                  </a:lnTo>
                  <a:lnTo>
                    <a:pt x="163" y="361"/>
                  </a:lnTo>
                  <a:lnTo>
                    <a:pt x="192" y="345"/>
                  </a:lnTo>
                  <a:lnTo>
                    <a:pt x="203" y="305"/>
                  </a:lnTo>
                  <a:lnTo>
                    <a:pt x="245" y="246"/>
                  </a:lnTo>
                  <a:lnTo>
                    <a:pt x="245" y="227"/>
                  </a:lnTo>
                  <a:lnTo>
                    <a:pt x="235" y="209"/>
                  </a:lnTo>
                  <a:lnTo>
                    <a:pt x="254" y="175"/>
                  </a:lnTo>
                  <a:lnTo>
                    <a:pt x="259" y="149"/>
                  </a:lnTo>
                  <a:lnTo>
                    <a:pt x="293" y="121"/>
                  </a:lnTo>
                  <a:lnTo>
                    <a:pt x="315" y="139"/>
                  </a:lnTo>
                  <a:lnTo>
                    <a:pt x="327" y="107"/>
                  </a:lnTo>
                  <a:lnTo>
                    <a:pt x="327" y="80"/>
                  </a:lnTo>
                  <a:lnTo>
                    <a:pt x="335" y="68"/>
                  </a:lnTo>
                  <a:lnTo>
                    <a:pt x="413" y="80"/>
                  </a:lnTo>
                  <a:lnTo>
                    <a:pt x="418" y="73"/>
                  </a:lnTo>
                  <a:lnTo>
                    <a:pt x="408" y="56"/>
                  </a:lnTo>
                  <a:lnTo>
                    <a:pt x="421" y="22"/>
                  </a:lnTo>
                  <a:lnTo>
                    <a:pt x="417" y="2"/>
                  </a:lnTo>
                  <a:lnTo>
                    <a:pt x="440" y="0"/>
                  </a:lnTo>
                  <a:lnTo>
                    <a:pt x="505" y="68"/>
                  </a:lnTo>
                  <a:lnTo>
                    <a:pt x="548" y="90"/>
                  </a:lnTo>
                  <a:lnTo>
                    <a:pt x="577" y="139"/>
                  </a:lnTo>
                  <a:lnTo>
                    <a:pt x="573" y="186"/>
                  </a:lnTo>
                  <a:lnTo>
                    <a:pt x="581" y="217"/>
                  </a:lnTo>
                  <a:lnTo>
                    <a:pt x="576" y="234"/>
                  </a:lnTo>
                  <a:lnTo>
                    <a:pt x="594" y="286"/>
                  </a:lnTo>
                  <a:lnTo>
                    <a:pt x="594" y="305"/>
                  </a:lnTo>
                  <a:lnTo>
                    <a:pt x="582" y="330"/>
                  </a:lnTo>
                  <a:lnTo>
                    <a:pt x="599" y="376"/>
                  </a:lnTo>
                  <a:close/>
                  <a:moveTo>
                    <a:pt x="322" y="1246"/>
                  </a:moveTo>
                  <a:lnTo>
                    <a:pt x="358" y="1207"/>
                  </a:lnTo>
                  <a:lnTo>
                    <a:pt x="353" y="1182"/>
                  </a:lnTo>
                  <a:lnTo>
                    <a:pt x="362" y="1165"/>
                  </a:lnTo>
                  <a:lnTo>
                    <a:pt x="345" y="1165"/>
                  </a:lnTo>
                  <a:lnTo>
                    <a:pt x="324" y="1193"/>
                  </a:lnTo>
                  <a:lnTo>
                    <a:pt x="322" y="1224"/>
                  </a:lnTo>
                  <a:lnTo>
                    <a:pt x="328" y="1235"/>
                  </a:lnTo>
                  <a:lnTo>
                    <a:pt x="322" y="1246"/>
                  </a:lnTo>
                  <a:close/>
                  <a:moveTo>
                    <a:pt x="240" y="1303"/>
                  </a:moveTo>
                  <a:lnTo>
                    <a:pt x="251" y="1287"/>
                  </a:lnTo>
                  <a:lnTo>
                    <a:pt x="273" y="1212"/>
                  </a:lnTo>
                  <a:lnTo>
                    <a:pt x="245" y="1272"/>
                  </a:lnTo>
                  <a:lnTo>
                    <a:pt x="240" y="130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62" name="Freeform 201"/>
            <p:cNvSpPr>
              <a:spLocks noChangeAspect="1" noEditPoints="1"/>
            </p:cNvSpPr>
            <p:nvPr/>
          </p:nvSpPr>
          <p:spPr bwMode="gray">
            <a:xfrm>
              <a:off x="5459413" y="1949451"/>
              <a:ext cx="265113" cy="546100"/>
            </a:xfrm>
            <a:custGeom>
              <a:avLst/>
              <a:gdLst>
                <a:gd name="T0" fmla="*/ 3 w 545"/>
                <a:gd name="T1" fmla="*/ 6 h 1124"/>
                <a:gd name="T2" fmla="*/ 5 w 545"/>
                <a:gd name="T3" fmla="*/ 8 h 1124"/>
                <a:gd name="T4" fmla="*/ 5 w 545"/>
                <a:gd name="T5" fmla="*/ 10 h 1124"/>
                <a:gd name="T6" fmla="*/ 6 w 545"/>
                <a:gd name="T7" fmla="*/ 12 h 1124"/>
                <a:gd name="T8" fmla="*/ 5 w 545"/>
                <a:gd name="T9" fmla="*/ 13 h 1124"/>
                <a:gd name="T10" fmla="*/ 6 w 545"/>
                <a:gd name="T11" fmla="*/ 15 h 1124"/>
                <a:gd name="T12" fmla="*/ 8 w 545"/>
                <a:gd name="T13" fmla="*/ 16 h 1124"/>
                <a:gd name="T14" fmla="*/ 8 w 545"/>
                <a:gd name="T15" fmla="*/ 17 h 1124"/>
                <a:gd name="T16" fmla="*/ 8 w 545"/>
                <a:gd name="T17" fmla="*/ 18 h 1124"/>
                <a:gd name="T18" fmla="*/ 7 w 545"/>
                <a:gd name="T19" fmla="*/ 18 h 1124"/>
                <a:gd name="T20" fmla="*/ 5 w 545"/>
                <a:gd name="T21" fmla="*/ 21 h 1124"/>
                <a:gd name="T22" fmla="*/ 3 w 545"/>
                <a:gd name="T23" fmla="*/ 23 h 1124"/>
                <a:gd name="T24" fmla="*/ 3 w 545"/>
                <a:gd name="T25" fmla="*/ 23 h 1124"/>
                <a:gd name="T26" fmla="*/ 3 w 545"/>
                <a:gd name="T27" fmla="*/ 24 h 1124"/>
                <a:gd name="T28" fmla="*/ 2 w 545"/>
                <a:gd name="T29" fmla="*/ 24 h 1124"/>
                <a:gd name="T30" fmla="*/ 2 w 545"/>
                <a:gd name="T31" fmla="*/ 26 h 1124"/>
                <a:gd name="T32" fmla="*/ 2 w 545"/>
                <a:gd name="T33" fmla="*/ 28 h 1124"/>
                <a:gd name="T34" fmla="*/ 2 w 545"/>
                <a:gd name="T35" fmla="*/ 29 h 1124"/>
                <a:gd name="T36" fmla="*/ 2 w 545"/>
                <a:gd name="T37" fmla="*/ 30 h 1124"/>
                <a:gd name="T38" fmla="*/ 4 w 545"/>
                <a:gd name="T39" fmla="*/ 31 h 1124"/>
                <a:gd name="T40" fmla="*/ 4 w 545"/>
                <a:gd name="T41" fmla="*/ 31 h 1124"/>
                <a:gd name="T42" fmla="*/ 4 w 545"/>
                <a:gd name="T43" fmla="*/ 31 h 1124"/>
                <a:gd name="T44" fmla="*/ 4 w 545"/>
                <a:gd name="T45" fmla="*/ 32 h 1124"/>
                <a:gd name="T46" fmla="*/ 5 w 545"/>
                <a:gd name="T47" fmla="*/ 32 h 1124"/>
                <a:gd name="T48" fmla="*/ 6 w 545"/>
                <a:gd name="T49" fmla="*/ 32 h 1124"/>
                <a:gd name="T50" fmla="*/ 8 w 545"/>
                <a:gd name="T51" fmla="*/ 31 h 1124"/>
                <a:gd name="T52" fmla="*/ 8 w 545"/>
                <a:gd name="T53" fmla="*/ 31 h 1124"/>
                <a:gd name="T54" fmla="*/ 8 w 545"/>
                <a:gd name="T55" fmla="*/ 31 h 1124"/>
                <a:gd name="T56" fmla="*/ 14 w 545"/>
                <a:gd name="T57" fmla="*/ 28 h 1124"/>
                <a:gd name="T58" fmla="*/ 16 w 545"/>
                <a:gd name="T59" fmla="*/ 24 h 1124"/>
                <a:gd name="T60" fmla="*/ 14 w 545"/>
                <a:gd name="T61" fmla="*/ 20 h 1124"/>
                <a:gd name="T62" fmla="*/ 14 w 545"/>
                <a:gd name="T63" fmla="*/ 18 h 1124"/>
                <a:gd name="T64" fmla="*/ 13 w 545"/>
                <a:gd name="T65" fmla="*/ 17 h 1124"/>
                <a:gd name="T66" fmla="*/ 13 w 545"/>
                <a:gd name="T67" fmla="*/ 11 h 1124"/>
                <a:gd name="T68" fmla="*/ 14 w 545"/>
                <a:gd name="T69" fmla="*/ 9 h 1124"/>
                <a:gd name="T70" fmla="*/ 12 w 545"/>
                <a:gd name="T71" fmla="*/ 7 h 1124"/>
                <a:gd name="T72" fmla="*/ 13 w 545"/>
                <a:gd name="T73" fmla="*/ 4 h 1124"/>
                <a:gd name="T74" fmla="*/ 13 w 545"/>
                <a:gd name="T75" fmla="*/ 2 h 1124"/>
                <a:gd name="T76" fmla="*/ 11 w 545"/>
                <a:gd name="T77" fmla="*/ 0 h 1124"/>
                <a:gd name="T78" fmla="*/ 9 w 545"/>
                <a:gd name="T79" fmla="*/ 1 h 1124"/>
                <a:gd name="T80" fmla="*/ 8 w 545"/>
                <a:gd name="T81" fmla="*/ 4 h 1124"/>
                <a:gd name="T82" fmla="*/ 6 w 545"/>
                <a:gd name="T83" fmla="*/ 4 h 1124"/>
                <a:gd name="T84" fmla="*/ 4 w 545"/>
                <a:gd name="T85" fmla="*/ 5 h 1124"/>
                <a:gd name="T86" fmla="*/ 2 w 545"/>
                <a:gd name="T87" fmla="*/ 3 h 1124"/>
                <a:gd name="T88" fmla="*/ 2 w 545"/>
                <a:gd name="T89" fmla="*/ 4 h 1124"/>
                <a:gd name="T90" fmla="*/ 4 w 545"/>
                <a:gd name="T91" fmla="*/ 32 h 1124"/>
                <a:gd name="T92" fmla="*/ 4 w 545"/>
                <a:gd name="T93" fmla="*/ 31 h 1124"/>
                <a:gd name="T94" fmla="*/ 4 w 545"/>
                <a:gd name="T95" fmla="*/ 32 h 1124"/>
                <a:gd name="T96" fmla="*/ 3 w 545"/>
                <a:gd name="T97" fmla="*/ 32 h 1124"/>
                <a:gd name="T98" fmla="*/ 3 w 545"/>
                <a:gd name="T99" fmla="*/ 31 h 1124"/>
                <a:gd name="T100" fmla="*/ 0 w 545"/>
                <a:gd name="T101" fmla="*/ 31 h 1124"/>
                <a:gd name="T102" fmla="*/ 0 w 545"/>
                <a:gd name="T103" fmla="*/ 31 h 1124"/>
                <a:gd name="T104" fmla="*/ 1 w 545"/>
                <a:gd name="T105" fmla="*/ 32 h 1124"/>
                <a:gd name="T106" fmla="*/ 0 w 545"/>
                <a:gd name="T107" fmla="*/ 32 h 1124"/>
                <a:gd name="T108" fmla="*/ 1 w 545"/>
                <a:gd name="T109" fmla="*/ 31 h 1124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545"/>
                <a:gd name="T166" fmla="*/ 0 h 1124"/>
                <a:gd name="T167" fmla="*/ 545 w 545"/>
                <a:gd name="T168" fmla="*/ 1124 h 1124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545" h="1124">
                  <a:moveTo>
                    <a:pt x="45" y="132"/>
                  </a:moveTo>
                  <a:lnTo>
                    <a:pt x="110" y="200"/>
                  </a:lnTo>
                  <a:lnTo>
                    <a:pt x="153" y="222"/>
                  </a:lnTo>
                  <a:lnTo>
                    <a:pt x="182" y="271"/>
                  </a:lnTo>
                  <a:lnTo>
                    <a:pt x="178" y="318"/>
                  </a:lnTo>
                  <a:lnTo>
                    <a:pt x="186" y="349"/>
                  </a:lnTo>
                  <a:lnTo>
                    <a:pt x="181" y="366"/>
                  </a:lnTo>
                  <a:lnTo>
                    <a:pt x="199" y="418"/>
                  </a:lnTo>
                  <a:lnTo>
                    <a:pt x="199" y="437"/>
                  </a:lnTo>
                  <a:lnTo>
                    <a:pt x="187" y="462"/>
                  </a:lnTo>
                  <a:lnTo>
                    <a:pt x="204" y="508"/>
                  </a:lnTo>
                  <a:lnTo>
                    <a:pt x="229" y="520"/>
                  </a:lnTo>
                  <a:lnTo>
                    <a:pt x="232" y="523"/>
                  </a:lnTo>
                  <a:lnTo>
                    <a:pt x="260" y="564"/>
                  </a:lnTo>
                  <a:lnTo>
                    <a:pt x="266" y="576"/>
                  </a:lnTo>
                  <a:lnTo>
                    <a:pt x="263" y="599"/>
                  </a:lnTo>
                  <a:lnTo>
                    <a:pt x="272" y="616"/>
                  </a:lnTo>
                  <a:lnTo>
                    <a:pt x="266" y="615"/>
                  </a:lnTo>
                  <a:lnTo>
                    <a:pt x="266" y="630"/>
                  </a:lnTo>
                  <a:lnTo>
                    <a:pt x="233" y="632"/>
                  </a:lnTo>
                  <a:lnTo>
                    <a:pt x="224" y="661"/>
                  </a:lnTo>
                  <a:lnTo>
                    <a:pt x="178" y="718"/>
                  </a:lnTo>
                  <a:lnTo>
                    <a:pt x="144" y="771"/>
                  </a:lnTo>
                  <a:lnTo>
                    <a:pt x="122" y="797"/>
                  </a:lnTo>
                  <a:lnTo>
                    <a:pt x="96" y="796"/>
                  </a:lnTo>
                  <a:lnTo>
                    <a:pt x="91" y="808"/>
                  </a:lnTo>
                  <a:lnTo>
                    <a:pt x="97" y="816"/>
                  </a:lnTo>
                  <a:lnTo>
                    <a:pt x="94" y="818"/>
                  </a:lnTo>
                  <a:lnTo>
                    <a:pt x="80" y="819"/>
                  </a:lnTo>
                  <a:lnTo>
                    <a:pt x="62" y="855"/>
                  </a:lnTo>
                  <a:lnTo>
                    <a:pt x="72" y="894"/>
                  </a:lnTo>
                  <a:lnTo>
                    <a:pt x="71" y="916"/>
                  </a:lnTo>
                  <a:lnTo>
                    <a:pt x="93" y="969"/>
                  </a:lnTo>
                  <a:lnTo>
                    <a:pt x="80" y="969"/>
                  </a:lnTo>
                  <a:lnTo>
                    <a:pt x="82" y="997"/>
                  </a:lnTo>
                  <a:lnTo>
                    <a:pt x="72" y="1017"/>
                  </a:lnTo>
                  <a:lnTo>
                    <a:pt x="76" y="1036"/>
                  </a:lnTo>
                  <a:lnTo>
                    <a:pt x="82" y="1039"/>
                  </a:lnTo>
                  <a:lnTo>
                    <a:pt x="77" y="1050"/>
                  </a:lnTo>
                  <a:lnTo>
                    <a:pt x="127" y="1070"/>
                  </a:lnTo>
                  <a:lnTo>
                    <a:pt x="127" y="1080"/>
                  </a:lnTo>
                  <a:lnTo>
                    <a:pt x="133" y="1085"/>
                  </a:lnTo>
                  <a:lnTo>
                    <a:pt x="147" y="1077"/>
                  </a:lnTo>
                  <a:lnTo>
                    <a:pt x="147" y="1092"/>
                  </a:lnTo>
                  <a:lnTo>
                    <a:pt x="161" y="1113"/>
                  </a:lnTo>
                  <a:lnTo>
                    <a:pt x="150" y="1124"/>
                  </a:lnTo>
                  <a:lnTo>
                    <a:pt x="162" y="1121"/>
                  </a:lnTo>
                  <a:lnTo>
                    <a:pt x="170" y="1104"/>
                  </a:lnTo>
                  <a:lnTo>
                    <a:pt x="178" y="1116"/>
                  </a:lnTo>
                  <a:lnTo>
                    <a:pt x="216" y="1105"/>
                  </a:lnTo>
                  <a:lnTo>
                    <a:pt x="232" y="1092"/>
                  </a:lnTo>
                  <a:lnTo>
                    <a:pt x="263" y="1084"/>
                  </a:lnTo>
                  <a:lnTo>
                    <a:pt x="271" y="1071"/>
                  </a:lnTo>
                  <a:lnTo>
                    <a:pt x="274" y="1080"/>
                  </a:lnTo>
                  <a:lnTo>
                    <a:pt x="289" y="1075"/>
                  </a:lnTo>
                  <a:lnTo>
                    <a:pt x="288" y="1067"/>
                  </a:lnTo>
                  <a:lnTo>
                    <a:pt x="370" y="1056"/>
                  </a:lnTo>
                  <a:lnTo>
                    <a:pt x="475" y="957"/>
                  </a:lnTo>
                  <a:lnTo>
                    <a:pt x="543" y="850"/>
                  </a:lnTo>
                  <a:lnTo>
                    <a:pt x="545" y="818"/>
                  </a:lnTo>
                  <a:lnTo>
                    <a:pt x="490" y="748"/>
                  </a:lnTo>
                  <a:lnTo>
                    <a:pt x="507" y="691"/>
                  </a:lnTo>
                  <a:lnTo>
                    <a:pt x="487" y="664"/>
                  </a:lnTo>
                  <a:lnTo>
                    <a:pt x="482" y="633"/>
                  </a:lnTo>
                  <a:lnTo>
                    <a:pt x="469" y="629"/>
                  </a:lnTo>
                  <a:lnTo>
                    <a:pt x="469" y="579"/>
                  </a:lnTo>
                  <a:lnTo>
                    <a:pt x="486" y="523"/>
                  </a:lnTo>
                  <a:lnTo>
                    <a:pt x="444" y="393"/>
                  </a:lnTo>
                  <a:lnTo>
                    <a:pt x="481" y="315"/>
                  </a:lnTo>
                  <a:lnTo>
                    <a:pt x="477" y="296"/>
                  </a:lnTo>
                  <a:lnTo>
                    <a:pt x="452" y="253"/>
                  </a:lnTo>
                  <a:lnTo>
                    <a:pt x="419" y="239"/>
                  </a:lnTo>
                  <a:lnTo>
                    <a:pt x="411" y="188"/>
                  </a:lnTo>
                  <a:lnTo>
                    <a:pt x="436" y="132"/>
                  </a:lnTo>
                  <a:lnTo>
                    <a:pt x="428" y="117"/>
                  </a:lnTo>
                  <a:lnTo>
                    <a:pt x="448" y="87"/>
                  </a:lnTo>
                  <a:lnTo>
                    <a:pt x="441" y="50"/>
                  </a:lnTo>
                  <a:lnTo>
                    <a:pt x="388" y="0"/>
                  </a:lnTo>
                  <a:lnTo>
                    <a:pt x="342" y="19"/>
                  </a:lnTo>
                  <a:lnTo>
                    <a:pt x="296" y="38"/>
                  </a:lnTo>
                  <a:lnTo>
                    <a:pt x="286" y="64"/>
                  </a:lnTo>
                  <a:lnTo>
                    <a:pt x="283" y="141"/>
                  </a:lnTo>
                  <a:lnTo>
                    <a:pt x="230" y="181"/>
                  </a:lnTo>
                  <a:lnTo>
                    <a:pt x="204" y="155"/>
                  </a:lnTo>
                  <a:lnTo>
                    <a:pt x="176" y="180"/>
                  </a:lnTo>
                  <a:lnTo>
                    <a:pt x="131" y="171"/>
                  </a:lnTo>
                  <a:lnTo>
                    <a:pt x="97" y="112"/>
                  </a:lnTo>
                  <a:lnTo>
                    <a:pt x="76" y="96"/>
                  </a:lnTo>
                  <a:lnTo>
                    <a:pt x="65" y="101"/>
                  </a:lnTo>
                  <a:lnTo>
                    <a:pt x="69" y="124"/>
                  </a:lnTo>
                  <a:lnTo>
                    <a:pt x="45" y="132"/>
                  </a:lnTo>
                  <a:close/>
                  <a:moveTo>
                    <a:pt x="136" y="1107"/>
                  </a:moveTo>
                  <a:lnTo>
                    <a:pt x="144" y="1084"/>
                  </a:lnTo>
                  <a:lnTo>
                    <a:pt x="128" y="1092"/>
                  </a:lnTo>
                  <a:lnTo>
                    <a:pt x="123" y="1105"/>
                  </a:lnTo>
                  <a:lnTo>
                    <a:pt x="136" y="1107"/>
                  </a:lnTo>
                  <a:close/>
                  <a:moveTo>
                    <a:pt x="99" y="1092"/>
                  </a:moveTo>
                  <a:lnTo>
                    <a:pt x="91" y="1096"/>
                  </a:lnTo>
                  <a:lnTo>
                    <a:pt x="99" y="1099"/>
                  </a:lnTo>
                  <a:lnTo>
                    <a:pt x="99" y="1092"/>
                  </a:lnTo>
                  <a:close/>
                  <a:moveTo>
                    <a:pt x="17" y="1075"/>
                  </a:moveTo>
                  <a:lnTo>
                    <a:pt x="3" y="1075"/>
                  </a:lnTo>
                  <a:lnTo>
                    <a:pt x="6" y="1085"/>
                  </a:lnTo>
                  <a:lnTo>
                    <a:pt x="0" y="1084"/>
                  </a:lnTo>
                  <a:lnTo>
                    <a:pt x="0" y="1099"/>
                  </a:lnTo>
                  <a:lnTo>
                    <a:pt x="18" y="1109"/>
                  </a:lnTo>
                  <a:lnTo>
                    <a:pt x="22" y="1104"/>
                  </a:lnTo>
                  <a:lnTo>
                    <a:pt x="13" y="1093"/>
                  </a:lnTo>
                  <a:lnTo>
                    <a:pt x="20" y="1085"/>
                  </a:lnTo>
                  <a:lnTo>
                    <a:pt x="17" y="107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63" name="Freeform 202"/>
            <p:cNvSpPr>
              <a:spLocks noChangeAspect="1" noEditPoints="1"/>
            </p:cNvSpPr>
            <p:nvPr/>
          </p:nvSpPr>
          <p:spPr bwMode="gray">
            <a:xfrm>
              <a:off x="5199063" y="2587626"/>
              <a:ext cx="155575" cy="127000"/>
            </a:xfrm>
            <a:custGeom>
              <a:avLst/>
              <a:gdLst>
                <a:gd name="T0" fmla="*/ 5 w 320"/>
                <a:gd name="T1" fmla="*/ 4 h 259"/>
                <a:gd name="T2" fmla="*/ 5 w 320"/>
                <a:gd name="T3" fmla="*/ 5 h 259"/>
                <a:gd name="T4" fmla="*/ 5 w 320"/>
                <a:gd name="T5" fmla="*/ 5 h 259"/>
                <a:gd name="T6" fmla="*/ 5 w 320"/>
                <a:gd name="T7" fmla="*/ 5 h 259"/>
                <a:gd name="T8" fmla="*/ 5 w 320"/>
                <a:gd name="T9" fmla="*/ 4 h 259"/>
                <a:gd name="T10" fmla="*/ 6 w 320"/>
                <a:gd name="T11" fmla="*/ 4 h 259"/>
                <a:gd name="T12" fmla="*/ 6 w 320"/>
                <a:gd name="T13" fmla="*/ 6 h 259"/>
                <a:gd name="T14" fmla="*/ 6 w 320"/>
                <a:gd name="T15" fmla="*/ 6 h 259"/>
                <a:gd name="T16" fmla="*/ 5 w 320"/>
                <a:gd name="T17" fmla="*/ 6 h 259"/>
                <a:gd name="T18" fmla="*/ 5 w 320"/>
                <a:gd name="T19" fmla="*/ 6 h 259"/>
                <a:gd name="T20" fmla="*/ 4 w 320"/>
                <a:gd name="T21" fmla="*/ 6 h 259"/>
                <a:gd name="T22" fmla="*/ 4 w 320"/>
                <a:gd name="T23" fmla="*/ 5 h 259"/>
                <a:gd name="T24" fmla="*/ 5 w 320"/>
                <a:gd name="T25" fmla="*/ 4 h 259"/>
                <a:gd name="T26" fmla="*/ 4 w 320"/>
                <a:gd name="T27" fmla="*/ 6 h 259"/>
                <a:gd name="T28" fmla="*/ 4 w 320"/>
                <a:gd name="T29" fmla="*/ 7 h 259"/>
                <a:gd name="T30" fmla="*/ 4 w 320"/>
                <a:gd name="T31" fmla="*/ 6 h 259"/>
                <a:gd name="T32" fmla="*/ 5 w 320"/>
                <a:gd name="T33" fmla="*/ 7 h 259"/>
                <a:gd name="T34" fmla="*/ 5 w 320"/>
                <a:gd name="T35" fmla="*/ 7 h 259"/>
                <a:gd name="T36" fmla="*/ 4 w 320"/>
                <a:gd name="T37" fmla="*/ 7 h 259"/>
                <a:gd name="T38" fmla="*/ 4 w 320"/>
                <a:gd name="T39" fmla="*/ 7 h 259"/>
                <a:gd name="T40" fmla="*/ 5 w 320"/>
                <a:gd name="T41" fmla="*/ 7 h 259"/>
                <a:gd name="T42" fmla="*/ 5 w 320"/>
                <a:gd name="T43" fmla="*/ 8 h 259"/>
                <a:gd name="T44" fmla="*/ 5 w 320"/>
                <a:gd name="T45" fmla="*/ 7 h 259"/>
                <a:gd name="T46" fmla="*/ 9 w 320"/>
                <a:gd name="T47" fmla="*/ 6 h 259"/>
                <a:gd name="T48" fmla="*/ 9 w 320"/>
                <a:gd name="T49" fmla="*/ 6 h 259"/>
                <a:gd name="T50" fmla="*/ 1 w 320"/>
                <a:gd name="T51" fmla="*/ 7 h 259"/>
                <a:gd name="T52" fmla="*/ 2 w 320"/>
                <a:gd name="T53" fmla="*/ 7 h 259"/>
                <a:gd name="T54" fmla="*/ 2 w 320"/>
                <a:gd name="T55" fmla="*/ 6 h 259"/>
                <a:gd name="T56" fmla="*/ 2 w 320"/>
                <a:gd name="T57" fmla="*/ 5 h 259"/>
                <a:gd name="T58" fmla="*/ 2 w 320"/>
                <a:gd name="T59" fmla="*/ 5 h 259"/>
                <a:gd name="T60" fmla="*/ 3 w 320"/>
                <a:gd name="T61" fmla="*/ 4 h 259"/>
                <a:gd name="T62" fmla="*/ 3 w 320"/>
                <a:gd name="T63" fmla="*/ 4 h 259"/>
                <a:gd name="T64" fmla="*/ 4 w 320"/>
                <a:gd name="T65" fmla="*/ 3 h 259"/>
                <a:gd name="T66" fmla="*/ 3 w 320"/>
                <a:gd name="T67" fmla="*/ 3 h 259"/>
                <a:gd name="T68" fmla="*/ 3 w 320"/>
                <a:gd name="T69" fmla="*/ 3 h 259"/>
                <a:gd name="T70" fmla="*/ 3 w 320"/>
                <a:gd name="T71" fmla="*/ 2 h 259"/>
                <a:gd name="T72" fmla="*/ 3 w 320"/>
                <a:gd name="T73" fmla="*/ 1 h 259"/>
                <a:gd name="T74" fmla="*/ 2 w 320"/>
                <a:gd name="T75" fmla="*/ 0 h 259"/>
                <a:gd name="T76" fmla="*/ 1 w 320"/>
                <a:gd name="T77" fmla="*/ 2 h 259"/>
                <a:gd name="T78" fmla="*/ 0 w 320"/>
                <a:gd name="T79" fmla="*/ 3 h 259"/>
                <a:gd name="T80" fmla="*/ 1 w 320"/>
                <a:gd name="T81" fmla="*/ 6 h 259"/>
                <a:gd name="T82" fmla="*/ 1 w 320"/>
                <a:gd name="T83" fmla="*/ 7 h 259"/>
                <a:gd name="T84" fmla="*/ 3 w 320"/>
                <a:gd name="T85" fmla="*/ 6 h 259"/>
                <a:gd name="T86" fmla="*/ 4 w 320"/>
                <a:gd name="T87" fmla="*/ 6 h 259"/>
                <a:gd name="T88" fmla="*/ 3 w 320"/>
                <a:gd name="T89" fmla="*/ 6 h 259"/>
                <a:gd name="T90" fmla="*/ 2 w 320"/>
                <a:gd name="T91" fmla="*/ 6 h 259"/>
                <a:gd name="T92" fmla="*/ 3 w 320"/>
                <a:gd name="T93" fmla="*/ 6 h 259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320"/>
                <a:gd name="T142" fmla="*/ 0 h 259"/>
                <a:gd name="T143" fmla="*/ 320 w 320"/>
                <a:gd name="T144" fmla="*/ 259 h 259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320" h="259">
                  <a:moveTo>
                    <a:pt x="156" y="146"/>
                  </a:moveTo>
                  <a:lnTo>
                    <a:pt x="176" y="147"/>
                  </a:lnTo>
                  <a:lnTo>
                    <a:pt x="171" y="161"/>
                  </a:lnTo>
                  <a:lnTo>
                    <a:pt x="175" y="171"/>
                  </a:lnTo>
                  <a:lnTo>
                    <a:pt x="183" y="150"/>
                  </a:lnTo>
                  <a:lnTo>
                    <a:pt x="186" y="161"/>
                  </a:lnTo>
                  <a:lnTo>
                    <a:pt x="183" y="169"/>
                  </a:lnTo>
                  <a:lnTo>
                    <a:pt x="186" y="171"/>
                  </a:lnTo>
                  <a:lnTo>
                    <a:pt x="188" y="150"/>
                  </a:lnTo>
                  <a:lnTo>
                    <a:pt x="181" y="144"/>
                  </a:lnTo>
                  <a:lnTo>
                    <a:pt x="201" y="133"/>
                  </a:lnTo>
                  <a:lnTo>
                    <a:pt x="212" y="149"/>
                  </a:lnTo>
                  <a:lnTo>
                    <a:pt x="217" y="171"/>
                  </a:lnTo>
                  <a:lnTo>
                    <a:pt x="197" y="184"/>
                  </a:lnTo>
                  <a:lnTo>
                    <a:pt x="205" y="204"/>
                  </a:lnTo>
                  <a:lnTo>
                    <a:pt x="193" y="208"/>
                  </a:lnTo>
                  <a:lnTo>
                    <a:pt x="192" y="225"/>
                  </a:lnTo>
                  <a:lnTo>
                    <a:pt x="173" y="221"/>
                  </a:lnTo>
                  <a:lnTo>
                    <a:pt x="169" y="218"/>
                  </a:lnTo>
                  <a:lnTo>
                    <a:pt x="175" y="211"/>
                  </a:lnTo>
                  <a:lnTo>
                    <a:pt x="152" y="209"/>
                  </a:lnTo>
                  <a:lnTo>
                    <a:pt x="144" y="198"/>
                  </a:lnTo>
                  <a:lnTo>
                    <a:pt x="147" y="178"/>
                  </a:lnTo>
                  <a:lnTo>
                    <a:pt x="135" y="167"/>
                  </a:lnTo>
                  <a:lnTo>
                    <a:pt x="163" y="155"/>
                  </a:lnTo>
                  <a:lnTo>
                    <a:pt x="156" y="146"/>
                  </a:lnTo>
                  <a:close/>
                  <a:moveTo>
                    <a:pt x="132" y="220"/>
                  </a:moveTo>
                  <a:lnTo>
                    <a:pt x="135" y="211"/>
                  </a:lnTo>
                  <a:lnTo>
                    <a:pt x="138" y="223"/>
                  </a:lnTo>
                  <a:lnTo>
                    <a:pt x="125" y="249"/>
                  </a:lnTo>
                  <a:lnTo>
                    <a:pt x="122" y="237"/>
                  </a:lnTo>
                  <a:lnTo>
                    <a:pt x="132" y="220"/>
                  </a:lnTo>
                  <a:close/>
                  <a:moveTo>
                    <a:pt x="150" y="228"/>
                  </a:moveTo>
                  <a:lnTo>
                    <a:pt x="159" y="237"/>
                  </a:lnTo>
                  <a:lnTo>
                    <a:pt x="169" y="234"/>
                  </a:lnTo>
                  <a:lnTo>
                    <a:pt x="176" y="252"/>
                  </a:lnTo>
                  <a:lnTo>
                    <a:pt x="158" y="255"/>
                  </a:lnTo>
                  <a:lnTo>
                    <a:pt x="141" y="243"/>
                  </a:lnTo>
                  <a:lnTo>
                    <a:pt x="144" y="237"/>
                  </a:lnTo>
                  <a:lnTo>
                    <a:pt x="141" y="232"/>
                  </a:lnTo>
                  <a:lnTo>
                    <a:pt x="150" y="228"/>
                  </a:lnTo>
                  <a:close/>
                  <a:moveTo>
                    <a:pt x="176" y="228"/>
                  </a:moveTo>
                  <a:lnTo>
                    <a:pt x="189" y="237"/>
                  </a:lnTo>
                  <a:lnTo>
                    <a:pt x="184" y="259"/>
                  </a:lnTo>
                  <a:lnTo>
                    <a:pt x="173" y="229"/>
                  </a:lnTo>
                  <a:lnTo>
                    <a:pt x="176" y="228"/>
                  </a:lnTo>
                  <a:close/>
                  <a:moveTo>
                    <a:pt x="320" y="225"/>
                  </a:moveTo>
                  <a:lnTo>
                    <a:pt x="319" y="211"/>
                  </a:lnTo>
                  <a:lnTo>
                    <a:pt x="305" y="203"/>
                  </a:lnTo>
                  <a:lnTo>
                    <a:pt x="303" y="218"/>
                  </a:lnTo>
                  <a:lnTo>
                    <a:pt x="320" y="225"/>
                  </a:lnTo>
                  <a:close/>
                  <a:moveTo>
                    <a:pt x="28" y="234"/>
                  </a:moveTo>
                  <a:lnTo>
                    <a:pt x="66" y="235"/>
                  </a:lnTo>
                  <a:lnTo>
                    <a:pt x="74" y="234"/>
                  </a:lnTo>
                  <a:lnTo>
                    <a:pt x="62" y="220"/>
                  </a:lnTo>
                  <a:lnTo>
                    <a:pt x="71" y="208"/>
                  </a:lnTo>
                  <a:lnTo>
                    <a:pt x="70" y="184"/>
                  </a:lnTo>
                  <a:lnTo>
                    <a:pt x="76" y="175"/>
                  </a:lnTo>
                  <a:lnTo>
                    <a:pt x="70" y="167"/>
                  </a:lnTo>
                  <a:lnTo>
                    <a:pt x="87" y="167"/>
                  </a:lnTo>
                  <a:lnTo>
                    <a:pt x="82" y="155"/>
                  </a:lnTo>
                  <a:lnTo>
                    <a:pt x="102" y="147"/>
                  </a:lnTo>
                  <a:lnTo>
                    <a:pt x="104" y="127"/>
                  </a:lnTo>
                  <a:lnTo>
                    <a:pt x="110" y="135"/>
                  </a:lnTo>
                  <a:lnTo>
                    <a:pt x="129" y="120"/>
                  </a:lnTo>
                  <a:lnTo>
                    <a:pt x="127" y="105"/>
                  </a:lnTo>
                  <a:lnTo>
                    <a:pt x="96" y="107"/>
                  </a:lnTo>
                  <a:lnTo>
                    <a:pt x="95" y="98"/>
                  </a:lnTo>
                  <a:lnTo>
                    <a:pt x="99" y="91"/>
                  </a:lnTo>
                  <a:lnTo>
                    <a:pt x="91" y="91"/>
                  </a:lnTo>
                  <a:lnTo>
                    <a:pt x="98" y="87"/>
                  </a:lnTo>
                  <a:lnTo>
                    <a:pt x="102" y="56"/>
                  </a:lnTo>
                  <a:lnTo>
                    <a:pt x="110" y="40"/>
                  </a:lnTo>
                  <a:lnTo>
                    <a:pt x="107" y="17"/>
                  </a:lnTo>
                  <a:lnTo>
                    <a:pt x="108" y="0"/>
                  </a:lnTo>
                  <a:lnTo>
                    <a:pt x="85" y="13"/>
                  </a:lnTo>
                  <a:lnTo>
                    <a:pt x="59" y="45"/>
                  </a:lnTo>
                  <a:lnTo>
                    <a:pt x="24" y="53"/>
                  </a:lnTo>
                  <a:lnTo>
                    <a:pt x="11" y="70"/>
                  </a:lnTo>
                  <a:lnTo>
                    <a:pt x="0" y="113"/>
                  </a:lnTo>
                  <a:lnTo>
                    <a:pt x="3" y="181"/>
                  </a:lnTo>
                  <a:lnTo>
                    <a:pt x="19" y="184"/>
                  </a:lnTo>
                  <a:lnTo>
                    <a:pt x="28" y="198"/>
                  </a:lnTo>
                  <a:lnTo>
                    <a:pt x="28" y="234"/>
                  </a:lnTo>
                  <a:close/>
                  <a:moveTo>
                    <a:pt x="93" y="183"/>
                  </a:moveTo>
                  <a:lnTo>
                    <a:pt x="115" y="183"/>
                  </a:lnTo>
                  <a:lnTo>
                    <a:pt x="118" y="174"/>
                  </a:lnTo>
                  <a:lnTo>
                    <a:pt x="132" y="203"/>
                  </a:lnTo>
                  <a:lnTo>
                    <a:pt x="129" y="218"/>
                  </a:lnTo>
                  <a:lnTo>
                    <a:pt x="96" y="220"/>
                  </a:lnTo>
                  <a:lnTo>
                    <a:pt x="99" y="213"/>
                  </a:lnTo>
                  <a:lnTo>
                    <a:pt x="87" y="208"/>
                  </a:lnTo>
                  <a:lnTo>
                    <a:pt x="79" y="186"/>
                  </a:lnTo>
                  <a:lnTo>
                    <a:pt x="93" y="18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64" name="Freeform 203"/>
            <p:cNvSpPr>
              <a:spLocks noChangeAspect="1" noEditPoints="1"/>
            </p:cNvSpPr>
            <p:nvPr/>
          </p:nvSpPr>
          <p:spPr bwMode="gray">
            <a:xfrm>
              <a:off x="5153025" y="2703513"/>
              <a:ext cx="200025" cy="268288"/>
            </a:xfrm>
            <a:custGeom>
              <a:avLst/>
              <a:gdLst>
                <a:gd name="T0" fmla="*/ 10 w 413"/>
                <a:gd name="T1" fmla="*/ 13 h 552"/>
                <a:gd name="T2" fmla="*/ 9 w 413"/>
                <a:gd name="T3" fmla="*/ 14 h 552"/>
                <a:gd name="T4" fmla="*/ 9 w 413"/>
                <a:gd name="T5" fmla="*/ 14 h 552"/>
                <a:gd name="T6" fmla="*/ 9 w 413"/>
                <a:gd name="T7" fmla="*/ 16 h 552"/>
                <a:gd name="T8" fmla="*/ 8 w 413"/>
                <a:gd name="T9" fmla="*/ 15 h 552"/>
                <a:gd name="T10" fmla="*/ 6 w 413"/>
                <a:gd name="T11" fmla="*/ 16 h 552"/>
                <a:gd name="T12" fmla="*/ 5 w 413"/>
                <a:gd name="T13" fmla="*/ 16 h 552"/>
                <a:gd name="T14" fmla="*/ 4 w 413"/>
                <a:gd name="T15" fmla="*/ 15 h 552"/>
                <a:gd name="T16" fmla="*/ 2 w 413"/>
                <a:gd name="T17" fmla="*/ 15 h 552"/>
                <a:gd name="T18" fmla="*/ 2 w 413"/>
                <a:gd name="T19" fmla="*/ 13 h 552"/>
                <a:gd name="T20" fmla="*/ 1 w 413"/>
                <a:gd name="T21" fmla="*/ 12 h 552"/>
                <a:gd name="T22" fmla="*/ 1 w 413"/>
                <a:gd name="T23" fmla="*/ 11 h 552"/>
                <a:gd name="T24" fmla="*/ 0 w 413"/>
                <a:gd name="T25" fmla="*/ 10 h 552"/>
                <a:gd name="T26" fmla="*/ 0 w 413"/>
                <a:gd name="T27" fmla="*/ 10 h 552"/>
                <a:gd name="T28" fmla="*/ 0 w 413"/>
                <a:gd name="T29" fmla="*/ 9 h 552"/>
                <a:gd name="T30" fmla="*/ 0 w 413"/>
                <a:gd name="T31" fmla="*/ 6 h 552"/>
                <a:gd name="T32" fmla="*/ 1 w 413"/>
                <a:gd name="T33" fmla="*/ 6 h 552"/>
                <a:gd name="T34" fmla="*/ 2 w 413"/>
                <a:gd name="T35" fmla="*/ 6 h 552"/>
                <a:gd name="T36" fmla="*/ 1 w 413"/>
                <a:gd name="T37" fmla="*/ 5 h 552"/>
                <a:gd name="T38" fmla="*/ 2 w 413"/>
                <a:gd name="T39" fmla="*/ 4 h 552"/>
                <a:gd name="T40" fmla="*/ 2 w 413"/>
                <a:gd name="T41" fmla="*/ 3 h 552"/>
                <a:gd name="T42" fmla="*/ 2 w 413"/>
                <a:gd name="T43" fmla="*/ 3 h 552"/>
                <a:gd name="T44" fmla="*/ 3 w 413"/>
                <a:gd name="T45" fmla="*/ 3 h 552"/>
                <a:gd name="T46" fmla="*/ 3 w 413"/>
                <a:gd name="T47" fmla="*/ 3 h 552"/>
                <a:gd name="T48" fmla="*/ 4 w 413"/>
                <a:gd name="T49" fmla="*/ 4 h 552"/>
                <a:gd name="T50" fmla="*/ 3 w 413"/>
                <a:gd name="T51" fmla="*/ 2 h 552"/>
                <a:gd name="T52" fmla="*/ 4 w 413"/>
                <a:gd name="T53" fmla="*/ 2 h 552"/>
                <a:gd name="T54" fmla="*/ 4 w 413"/>
                <a:gd name="T55" fmla="*/ 2 h 552"/>
                <a:gd name="T56" fmla="*/ 4 w 413"/>
                <a:gd name="T57" fmla="*/ 1 h 552"/>
                <a:gd name="T58" fmla="*/ 4 w 413"/>
                <a:gd name="T59" fmla="*/ 0 h 552"/>
                <a:gd name="T60" fmla="*/ 5 w 413"/>
                <a:gd name="T61" fmla="*/ 0 h 552"/>
                <a:gd name="T62" fmla="*/ 5 w 413"/>
                <a:gd name="T63" fmla="*/ 1 h 552"/>
                <a:gd name="T64" fmla="*/ 5 w 413"/>
                <a:gd name="T65" fmla="*/ 1 h 552"/>
                <a:gd name="T66" fmla="*/ 6 w 413"/>
                <a:gd name="T67" fmla="*/ 1 h 552"/>
                <a:gd name="T68" fmla="*/ 6 w 413"/>
                <a:gd name="T69" fmla="*/ 2 h 552"/>
                <a:gd name="T70" fmla="*/ 7 w 413"/>
                <a:gd name="T71" fmla="*/ 2 h 552"/>
                <a:gd name="T72" fmla="*/ 8 w 413"/>
                <a:gd name="T73" fmla="*/ 2 h 552"/>
                <a:gd name="T74" fmla="*/ 9 w 413"/>
                <a:gd name="T75" fmla="*/ 1 h 552"/>
                <a:gd name="T76" fmla="*/ 8 w 413"/>
                <a:gd name="T77" fmla="*/ 2 h 552"/>
                <a:gd name="T78" fmla="*/ 9 w 413"/>
                <a:gd name="T79" fmla="*/ 2 h 552"/>
                <a:gd name="T80" fmla="*/ 10 w 413"/>
                <a:gd name="T81" fmla="*/ 2 h 552"/>
                <a:gd name="T82" fmla="*/ 11 w 413"/>
                <a:gd name="T83" fmla="*/ 3 h 552"/>
                <a:gd name="T84" fmla="*/ 11 w 413"/>
                <a:gd name="T85" fmla="*/ 5 h 552"/>
                <a:gd name="T86" fmla="*/ 11 w 413"/>
                <a:gd name="T87" fmla="*/ 6 h 552"/>
                <a:gd name="T88" fmla="*/ 12 w 413"/>
                <a:gd name="T89" fmla="*/ 8 h 552"/>
                <a:gd name="T90" fmla="*/ 11 w 413"/>
                <a:gd name="T91" fmla="*/ 8 h 552"/>
                <a:gd name="T92" fmla="*/ 9 w 413"/>
                <a:gd name="T93" fmla="*/ 10 h 552"/>
                <a:gd name="T94" fmla="*/ 8 w 413"/>
                <a:gd name="T95" fmla="*/ 10 h 552"/>
                <a:gd name="T96" fmla="*/ 8 w 413"/>
                <a:gd name="T97" fmla="*/ 11 h 552"/>
                <a:gd name="T98" fmla="*/ 9 w 413"/>
                <a:gd name="T99" fmla="*/ 12 h 552"/>
                <a:gd name="T100" fmla="*/ 10 w 413"/>
                <a:gd name="T101" fmla="*/ 1 h 552"/>
                <a:gd name="T102" fmla="*/ 9 w 413"/>
                <a:gd name="T103" fmla="*/ 1 h 552"/>
                <a:gd name="T104" fmla="*/ 10 w 413"/>
                <a:gd name="T105" fmla="*/ 1 h 552"/>
                <a:gd name="T106" fmla="*/ 10 w 413"/>
                <a:gd name="T107" fmla="*/ 1 h 552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413"/>
                <a:gd name="T163" fmla="*/ 0 h 552"/>
                <a:gd name="T164" fmla="*/ 413 w 413"/>
                <a:gd name="T165" fmla="*/ 552 h 552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413" h="552">
                  <a:moveTo>
                    <a:pt x="362" y="456"/>
                  </a:moveTo>
                  <a:lnTo>
                    <a:pt x="360" y="463"/>
                  </a:lnTo>
                  <a:lnTo>
                    <a:pt x="346" y="470"/>
                  </a:lnTo>
                  <a:lnTo>
                    <a:pt x="339" y="486"/>
                  </a:lnTo>
                  <a:lnTo>
                    <a:pt x="320" y="492"/>
                  </a:lnTo>
                  <a:lnTo>
                    <a:pt x="317" y="503"/>
                  </a:lnTo>
                  <a:lnTo>
                    <a:pt x="324" y="536"/>
                  </a:lnTo>
                  <a:lnTo>
                    <a:pt x="317" y="540"/>
                  </a:lnTo>
                  <a:lnTo>
                    <a:pt x="314" y="532"/>
                  </a:lnTo>
                  <a:lnTo>
                    <a:pt x="292" y="529"/>
                  </a:lnTo>
                  <a:lnTo>
                    <a:pt x="244" y="548"/>
                  </a:lnTo>
                  <a:lnTo>
                    <a:pt x="212" y="540"/>
                  </a:lnTo>
                  <a:lnTo>
                    <a:pt x="199" y="552"/>
                  </a:lnTo>
                  <a:lnTo>
                    <a:pt x="179" y="540"/>
                  </a:lnTo>
                  <a:lnTo>
                    <a:pt x="163" y="544"/>
                  </a:lnTo>
                  <a:lnTo>
                    <a:pt x="131" y="532"/>
                  </a:lnTo>
                  <a:lnTo>
                    <a:pt x="80" y="541"/>
                  </a:lnTo>
                  <a:lnTo>
                    <a:pt x="74" y="536"/>
                  </a:lnTo>
                  <a:lnTo>
                    <a:pt x="71" y="503"/>
                  </a:lnTo>
                  <a:lnTo>
                    <a:pt x="82" y="472"/>
                  </a:lnTo>
                  <a:lnTo>
                    <a:pt x="97" y="441"/>
                  </a:lnTo>
                  <a:lnTo>
                    <a:pt x="36" y="426"/>
                  </a:lnTo>
                  <a:lnTo>
                    <a:pt x="14" y="401"/>
                  </a:lnTo>
                  <a:lnTo>
                    <a:pt x="17" y="385"/>
                  </a:lnTo>
                  <a:lnTo>
                    <a:pt x="11" y="373"/>
                  </a:lnTo>
                  <a:lnTo>
                    <a:pt x="12" y="362"/>
                  </a:lnTo>
                  <a:lnTo>
                    <a:pt x="6" y="359"/>
                  </a:lnTo>
                  <a:lnTo>
                    <a:pt x="14" y="337"/>
                  </a:lnTo>
                  <a:lnTo>
                    <a:pt x="4" y="316"/>
                  </a:lnTo>
                  <a:lnTo>
                    <a:pt x="0" y="295"/>
                  </a:lnTo>
                  <a:lnTo>
                    <a:pt x="6" y="283"/>
                  </a:lnTo>
                  <a:lnTo>
                    <a:pt x="3" y="229"/>
                  </a:lnTo>
                  <a:lnTo>
                    <a:pt x="29" y="233"/>
                  </a:lnTo>
                  <a:lnTo>
                    <a:pt x="34" y="215"/>
                  </a:lnTo>
                  <a:lnTo>
                    <a:pt x="48" y="201"/>
                  </a:lnTo>
                  <a:lnTo>
                    <a:pt x="49" y="190"/>
                  </a:lnTo>
                  <a:lnTo>
                    <a:pt x="34" y="184"/>
                  </a:lnTo>
                  <a:lnTo>
                    <a:pt x="32" y="175"/>
                  </a:lnTo>
                  <a:lnTo>
                    <a:pt x="45" y="167"/>
                  </a:lnTo>
                  <a:lnTo>
                    <a:pt x="53" y="130"/>
                  </a:lnTo>
                  <a:lnTo>
                    <a:pt x="66" y="127"/>
                  </a:lnTo>
                  <a:lnTo>
                    <a:pt x="53" y="114"/>
                  </a:lnTo>
                  <a:lnTo>
                    <a:pt x="62" y="99"/>
                  </a:lnTo>
                  <a:lnTo>
                    <a:pt x="83" y="94"/>
                  </a:lnTo>
                  <a:lnTo>
                    <a:pt x="97" y="96"/>
                  </a:lnTo>
                  <a:lnTo>
                    <a:pt x="104" y="114"/>
                  </a:lnTo>
                  <a:lnTo>
                    <a:pt x="108" y="114"/>
                  </a:lnTo>
                  <a:lnTo>
                    <a:pt x="108" y="106"/>
                  </a:lnTo>
                  <a:lnTo>
                    <a:pt x="116" y="108"/>
                  </a:lnTo>
                  <a:lnTo>
                    <a:pt x="125" y="125"/>
                  </a:lnTo>
                  <a:lnTo>
                    <a:pt x="119" y="108"/>
                  </a:lnTo>
                  <a:lnTo>
                    <a:pt x="122" y="89"/>
                  </a:lnTo>
                  <a:lnTo>
                    <a:pt x="146" y="80"/>
                  </a:lnTo>
                  <a:lnTo>
                    <a:pt x="134" y="72"/>
                  </a:lnTo>
                  <a:lnTo>
                    <a:pt x="139" y="62"/>
                  </a:lnTo>
                  <a:lnTo>
                    <a:pt x="134" y="48"/>
                  </a:lnTo>
                  <a:lnTo>
                    <a:pt x="125" y="45"/>
                  </a:lnTo>
                  <a:lnTo>
                    <a:pt x="139" y="31"/>
                  </a:lnTo>
                  <a:lnTo>
                    <a:pt x="125" y="8"/>
                  </a:lnTo>
                  <a:lnTo>
                    <a:pt x="125" y="0"/>
                  </a:lnTo>
                  <a:lnTo>
                    <a:pt x="163" y="1"/>
                  </a:lnTo>
                  <a:lnTo>
                    <a:pt x="159" y="4"/>
                  </a:lnTo>
                  <a:lnTo>
                    <a:pt x="178" y="9"/>
                  </a:lnTo>
                  <a:lnTo>
                    <a:pt x="184" y="18"/>
                  </a:lnTo>
                  <a:lnTo>
                    <a:pt x="178" y="31"/>
                  </a:lnTo>
                  <a:lnTo>
                    <a:pt x="188" y="42"/>
                  </a:lnTo>
                  <a:lnTo>
                    <a:pt x="196" y="37"/>
                  </a:lnTo>
                  <a:lnTo>
                    <a:pt x="210" y="45"/>
                  </a:lnTo>
                  <a:lnTo>
                    <a:pt x="232" y="43"/>
                  </a:lnTo>
                  <a:lnTo>
                    <a:pt x="221" y="74"/>
                  </a:lnTo>
                  <a:lnTo>
                    <a:pt x="253" y="74"/>
                  </a:lnTo>
                  <a:lnTo>
                    <a:pt x="249" y="69"/>
                  </a:lnTo>
                  <a:lnTo>
                    <a:pt x="263" y="59"/>
                  </a:lnTo>
                  <a:lnTo>
                    <a:pt x="278" y="54"/>
                  </a:lnTo>
                  <a:lnTo>
                    <a:pt x="278" y="60"/>
                  </a:lnTo>
                  <a:lnTo>
                    <a:pt x="303" y="34"/>
                  </a:lnTo>
                  <a:lnTo>
                    <a:pt x="311" y="35"/>
                  </a:lnTo>
                  <a:lnTo>
                    <a:pt x="295" y="48"/>
                  </a:lnTo>
                  <a:lnTo>
                    <a:pt x="320" y="40"/>
                  </a:lnTo>
                  <a:lnTo>
                    <a:pt x="334" y="55"/>
                  </a:lnTo>
                  <a:lnTo>
                    <a:pt x="349" y="60"/>
                  </a:lnTo>
                  <a:lnTo>
                    <a:pt x="360" y="82"/>
                  </a:lnTo>
                  <a:lnTo>
                    <a:pt x="379" y="89"/>
                  </a:lnTo>
                  <a:lnTo>
                    <a:pt x="387" y="111"/>
                  </a:lnTo>
                  <a:lnTo>
                    <a:pt x="387" y="125"/>
                  </a:lnTo>
                  <a:lnTo>
                    <a:pt x="376" y="162"/>
                  </a:lnTo>
                  <a:lnTo>
                    <a:pt x="390" y="170"/>
                  </a:lnTo>
                  <a:lnTo>
                    <a:pt x="396" y="220"/>
                  </a:lnTo>
                  <a:lnTo>
                    <a:pt x="399" y="250"/>
                  </a:lnTo>
                  <a:lnTo>
                    <a:pt x="413" y="269"/>
                  </a:lnTo>
                  <a:lnTo>
                    <a:pt x="405" y="308"/>
                  </a:lnTo>
                  <a:lnTo>
                    <a:pt x="380" y="287"/>
                  </a:lnTo>
                  <a:lnTo>
                    <a:pt x="376" y="306"/>
                  </a:lnTo>
                  <a:lnTo>
                    <a:pt x="297" y="345"/>
                  </a:lnTo>
                  <a:lnTo>
                    <a:pt x="294" y="356"/>
                  </a:lnTo>
                  <a:lnTo>
                    <a:pt x="278" y="345"/>
                  </a:lnTo>
                  <a:lnTo>
                    <a:pt x="277" y="356"/>
                  </a:lnTo>
                  <a:lnTo>
                    <a:pt x="294" y="370"/>
                  </a:lnTo>
                  <a:lnTo>
                    <a:pt x="295" y="396"/>
                  </a:lnTo>
                  <a:lnTo>
                    <a:pt x="303" y="405"/>
                  </a:lnTo>
                  <a:lnTo>
                    <a:pt x="362" y="456"/>
                  </a:lnTo>
                  <a:close/>
                  <a:moveTo>
                    <a:pt x="351" y="35"/>
                  </a:moveTo>
                  <a:lnTo>
                    <a:pt x="353" y="48"/>
                  </a:lnTo>
                  <a:lnTo>
                    <a:pt x="329" y="43"/>
                  </a:lnTo>
                  <a:lnTo>
                    <a:pt x="329" y="28"/>
                  </a:lnTo>
                  <a:lnTo>
                    <a:pt x="345" y="34"/>
                  </a:lnTo>
                  <a:lnTo>
                    <a:pt x="336" y="18"/>
                  </a:lnTo>
                  <a:lnTo>
                    <a:pt x="353" y="25"/>
                  </a:lnTo>
                  <a:lnTo>
                    <a:pt x="351" y="3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65" name="Freeform 204"/>
            <p:cNvSpPr>
              <a:spLocks noChangeAspect="1" noEditPoints="1"/>
            </p:cNvSpPr>
            <p:nvPr/>
          </p:nvSpPr>
          <p:spPr bwMode="gray">
            <a:xfrm>
              <a:off x="4857750" y="2384426"/>
              <a:ext cx="12700" cy="41275"/>
            </a:xfrm>
            <a:custGeom>
              <a:avLst/>
              <a:gdLst>
                <a:gd name="T0" fmla="*/ 1 w 28"/>
                <a:gd name="T1" fmla="*/ 1 h 84"/>
                <a:gd name="T2" fmla="*/ 0 w 28"/>
                <a:gd name="T3" fmla="*/ 0 h 84"/>
                <a:gd name="T4" fmla="*/ 0 w 28"/>
                <a:gd name="T5" fmla="*/ 0 h 84"/>
                <a:gd name="T6" fmla="*/ 0 w 28"/>
                <a:gd name="T7" fmla="*/ 0 h 84"/>
                <a:gd name="T8" fmla="*/ 1 w 28"/>
                <a:gd name="T9" fmla="*/ 1 h 84"/>
                <a:gd name="T10" fmla="*/ 0 w 28"/>
                <a:gd name="T11" fmla="*/ 2 h 84"/>
                <a:gd name="T12" fmla="*/ 0 w 28"/>
                <a:gd name="T13" fmla="*/ 2 h 84"/>
                <a:gd name="T14" fmla="*/ 1 w 28"/>
                <a:gd name="T15" fmla="*/ 2 h 84"/>
                <a:gd name="T16" fmla="*/ 0 w 28"/>
                <a:gd name="T17" fmla="*/ 2 h 84"/>
                <a:gd name="T18" fmla="*/ 1 w 28"/>
                <a:gd name="T19" fmla="*/ 2 h 84"/>
                <a:gd name="T20" fmla="*/ 1 w 28"/>
                <a:gd name="T21" fmla="*/ 1 h 84"/>
                <a:gd name="T22" fmla="*/ 1 w 28"/>
                <a:gd name="T23" fmla="*/ 1 h 84"/>
                <a:gd name="T24" fmla="*/ 1 w 28"/>
                <a:gd name="T25" fmla="*/ 2 h 84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w 28"/>
                <a:gd name="T40" fmla="*/ 0 h 84"/>
                <a:gd name="T41" fmla="*/ 28 w 28"/>
                <a:gd name="T42" fmla="*/ 84 h 84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T39" t="T40" r="T41" b="T42"/>
              <a:pathLst>
                <a:path w="28" h="84">
                  <a:moveTo>
                    <a:pt x="21" y="32"/>
                  </a:moveTo>
                  <a:lnTo>
                    <a:pt x="11" y="7"/>
                  </a:lnTo>
                  <a:lnTo>
                    <a:pt x="3" y="0"/>
                  </a:lnTo>
                  <a:lnTo>
                    <a:pt x="0" y="9"/>
                  </a:lnTo>
                  <a:lnTo>
                    <a:pt x="21" y="32"/>
                  </a:lnTo>
                  <a:close/>
                  <a:moveTo>
                    <a:pt x="17" y="64"/>
                  </a:moveTo>
                  <a:lnTo>
                    <a:pt x="14" y="80"/>
                  </a:lnTo>
                  <a:lnTo>
                    <a:pt x="23" y="84"/>
                  </a:lnTo>
                  <a:lnTo>
                    <a:pt x="17" y="64"/>
                  </a:lnTo>
                  <a:close/>
                  <a:moveTo>
                    <a:pt x="28" y="50"/>
                  </a:moveTo>
                  <a:lnTo>
                    <a:pt x="28" y="41"/>
                  </a:lnTo>
                  <a:lnTo>
                    <a:pt x="20" y="41"/>
                  </a:lnTo>
                  <a:lnTo>
                    <a:pt x="28" y="5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66" name="Freeform 205"/>
            <p:cNvSpPr>
              <a:spLocks noChangeAspect="1" noEditPoints="1"/>
            </p:cNvSpPr>
            <p:nvPr/>
          </p:nvSpPr>
          <p:spPr bwMode="gray">
            <a:xfrm>
              <a:off x="5508625" y="2503488"/>
              <a:ext cx="142875" cy="87313"/>
            </a:xfrm>
            <a:custGeom>
              <a:avLst/>
              <a:gdLst>
                <a:gd name="T0" fmla="*/ 3 w 295"/>
                <a:gd name="T1" fmla="*/ 4 h 181"/>
                <a:gd name="T2" fmla="*/ 3 w 295"/>
                <a:gd name="T3" fmla="*/ 3 h 181"/>
                <a:gd name="T4" fmla="*/ 3 w 295"/>
                <a:gd name="T5" fmla="*/ 3 h 181"/>
                <a:gd name="T6" fmla="*/ 3 w 295"/>
                <a:gd name="T7" fmla="*/ 4 h 181"/>
                <a:gd name="T8" fmla="*/ 2 w 295"/>
                <a:gd name="T9" fmla="*/ 3 h 181"/>
                <a:gd name="T10" fmla="*/ 2 w 295"/>
                <a:gd name="T11" fmla="*/ 3 h 181"/>
                <a:gd name="T12" fmla="*/ 2 w 295"/>
                <a:gd name="T13" fmla="*/ 2 h 181"/>
                <a:gd name="T14" fmla="*/ 2 w 295"/>
                <a:gd name="T15" fmla="*/ 2 h 181"/>
                <a:gd name="T16" fmla="*/ 2 w 295"/>
                <a:gd name="T17" fmla="*/ 1 h 181"/>
                <a:gd name="T18" fmla="*/ 3 w 295"/>
                <a:gd name="T19" fmla="*/ 1 h 181"/>
                <a:gd name="T20" fmla="*/ 4 w 295"/>
                <a:gd name="T21" fmla="*/ 1 h 181"/>
                <a:gd name="T22" fmla="*/ 4 w 295"/>
                <a:gd name="T23" fmla="*/ 0 h 181"/>
                <a:gd name="T24" fmla="*/ 5 w 295"/>
                <a:gd name="T25" fmla="*/ 0 h 181"/>
                <a:gd name="T26" fmla="*/ 5 w 295"/>
                <a:gd name="T27" fmla="*/ 0 h 181"/>
                <a:gd name="T28" fmla="*/ 7 w 295"/>
                <a:gd name="T29" fmla="*/ 1 h 181"/>
                <a:gd name="T30" fmla="*/ 8 w 295"/>
                <a:gd name="T31" fmla="*/ 1 h 181"/>
                <a:gd name="T32" fmla="*/ 8 w 295"/>
                <a:gd name="T33" fmla="*/ 1 h 181"/>
                <a:gd name="T34" fmla="*/ 8 w 295"/>
                <a:gd name="T35" fmla="*/ 0 h 181"/>
                <a:gd name="T36" fmla="*/ 8 w 295"/>
                <a:gd name="T37" fmla="*/ 1 h 181"/>
                <a:gd name="T38" fmla="*/ 8 w 295"/>
                <a:gd name="T39" fmla="*/ 2 h 181"/>
                <a:gd name="T40" fmla="*/ 7 w 295"/>
                <a:gd name="T41" fmla="*/ 2 h 181"/>
                <a:gd name="T42" fmla="*/ 8 w 295"/>
                <a:gd name="T43" fmla="*/ 4 h 181"/>
                <a:gd name="T44" fmla="*/ 7 w 295"/>
                <a:gd name="T45" fmla="*/ 5 h 181"/>
                <a:gd name="T46" fmla="*/ 6 w 295"/>
                <a:gd name="T47" fmla="*/ 5 h 181"/>
                <a:gd name="T48" fmla="*/ 5 w 295"/>
                <a:gd name="T49" fmla="*/ 5 h 181"/>
                <a:gd name="T50" fmla="*/ 5 w 295"/>
                <a:gd name="T51" fmla="*/ 4 h 181"/>
                <a:gd name="T52" fmla="*/ 3 w 295"/>
                <a:gd name="T53" fmla="*/ 4 h 181"/>
                <a:gd name="T54" fmla="*/ 1 w 295"/>
                <a:gd name="T55" fmla="*/ 2 h 181"/>
                <a:gd name="T56" fmla="*/ 1 w 295"/>
                <a:gd name="T57" fmla="*/ 2 h 181"/>
                <a:gd name="T58" fmla="*/ 1 w 295"/>
                <a:gd name="T59" fmla="*/ 2 h 181"/>
                <a:gd name="T60" fmla="*/ 0 w 295"/>
                <a:gd name="T61" fmla="*/ 2 h 181"/>
                <a:gd name="T62" fmla="*/ 0 w 295"/>
                <a:gd name="T63" fmla="*/ 2 h 181"/>
                <a:gd name="T64" fmla="*/ 1 w 295"/>
                <a:gd name="T65" fmla="*/ 2 h 181"/>
                <a:gd name="T66" fmla="*/ 1 w 295"/>
                <a:gd name="T67" fmla="*/ 2 h 181"/>
                <a:gd name="T68" fmla="*/ 2 w 295"/>
                <a:gd name="T69" fmla="*/ 2 h 181"/>
                <a:gd name="T70" fmla="*/ 2 w 295"/>
                <a:gd name="T71" fmla="*/ 2 h 181"/>
                <a:gd name="T72" fmla="*/ 1 w 295"/>
                <a:gd name="T73" fmla="*/ 2 h 181"/>
                <a:gd name="T74" fmla="*/ 2 w 295"/>
                <a:gd name="T75" fmla="*/ 3 h 181"/>
                <a:gd name="T76" fmla="*/ 0 w 295"/>
                <a:gd name="T77" fmla="*/ 3 h 181"/>
                <a:gd name="T78" fmla="*/ 0 w 295"/>
                <a:gd name="T79" fmla="*/ 4 h 181"/>
                <a:gd name="T80" fmla="*/ 0 w 295"/>
                <a:gd name="T81" fmla="*/ 4 h 181"/>
                <a:gd name="T82" fmla="*/ 0 w 295"/>
                <a:gd name="T83" fmla="*/ 4 h 181"/>
                <a:gd name="T84" fmla="*/ 0 w 295"/>
                <a:gd name="T85" fmla="*/ 4 h 181"/>
                <a:gd name="T86" fmla="*/ 1 w 295"/>
                <a:gd name="T87" fmla="*/ 3 h 181"/>
                <a:gd name="T88" fmla="*/ 1 w 295"/>
                <a:gd name="T89" fmla="*/ 4 h 181"/>
                <a:gd name="T90" fmla="*/ 2 w 295"/>
                <a:gd name="T91" fmla="*/ 3 h 181"/>
                <a:gd name="T92" fmla="*/ 2 w 295"/>
                <a:gd name="T93" fmla="*/ 3 h 181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295"/>
                <a:gd name="T142" fmla="*/ 0 h 181"/>
                <a:gd name="T143" fmla="*/ 295 w 295"/>
                <a:gd name="T144" fmla="*/ 181 h 181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295" h="181">
                  <a:moveTo>
                    <a:pt x="116" y="156"/>
                  </a:moveTo>
                  <a:lnTo>
                    <a:pt x="122" y="115"/>
                  </a:lnTo>
                  <a:lnTo>
                    <a:pt x="111" y="115"/>
                  </a:lnTo>
                  <a:lnTo>
                    <a:pt x="101" y="126"/>
                  </a:lnTo>
                  <a:lnTo>
                    <a:pt x="85" y="118"/>
                  </a:lnTo>
                  <a:lnTo>
                    <a:pt x="76" y="92"/>
                  </a:lnTo>
                  <a:lnTo>
                    <a:pt x="87" y="82"/>
                  </a:lnTo>
                  <a:lnTo>
                    <a:pt x="74" y="76"/>
                  </a:lnTo>
                  <a:lnTo>
                    <a:pt x="76" y="41"/>
                  </a:lnTo>
                  <a:lnTo>
                    <a:pt x="118" y="17"/>
                  </a:lnTo>
                  <a:lnTo>
                    <a:pt x="135" y="19"/>
                  </a:lnTo>
                  <a:lnTo>
                    <a:pt x="136" y="11"/>
                  </a:lnTo>
                  <a:lnTo>
                    <a:pt x="164" y="14"/>
                  </a:lnTo>
                  <a:lnTo>
                    <a:pt x="175" y="0"/>
                  </a:lnTo>
                  <a:lnTo>
                    <a:pt x="238" y="21"/>
                  </a:lnTo>
                  <a:lnTo>
                    <a:pt x="274" y="22"/>
                  </a:lnTo>
                  <a:lnTo>
                    <a:pt x="283" y="19"/>
                  </a:lnTo>
                  <a:lnTo>
                    <a:pt x="283" y="8"/>
                  </a:lnTo>
                  <a:lnTo>
                    <a:pt x="295" y="22"/>
                  </a:lnTo>
                  <a:lnTo>
                    <a:pt x="277" y="51"/>
                  </a:lnTo>
                  <a:lnTo>
                    <a:pt x="238" y="65"/>
                  </a:lnTo>
                  <a:lnTo>
                    <a:pt x="274" y="155"/>
                  </a:lnTo>
                  <a:lnTo>
                    <a:pt x="258" y="181"/>
                  </a:lnTo>
                  <a:lnTo>
                    <a:pt x="218" y="181"/>
                  </a:lnTo>
                  <a:lnTo>
                    <a:pt x="195" y="158"/>
                  </a:lnTo>
                  <a:lnTo>
                    <a:pt x="158" y="141"/>
                  </a:lnTo>
                  <a:lnTo>
                    <a:pt x="116" y="156"/>
                  </a:lnTo>
                  <a:close/>
                  <a:moveTo>
                    <a:pt x="42" y="59"/>
                  </a:moveTo>
                  <a:lnTo>
                    <a:pt x="33" y="51"/>
                  </a:lnTo>
                  <a:lnTo>
                    <a:pt x="25" y="65"/>
                  </a:lnTo>
                  <a:lnTo>
                    <a:pt x="8" y="70"/>
                  </a:lnTo>
                  <a:lnTo>
                    <a:pt x="11" y="75"/>
                  </a:lnTo>
                  <a:lnTo>
                    <a:pt x="20" y="72"/>
                  </a:lnTo>
                  <a:lnTo>
                    <a:pt x="26" y="87"/>
                  </a:lnTo>
                  <a:lnTo>
                    <a:pt x="50" y="73"/>
                  </a:lnTo>
                  <a:lnTo>
                    <a:pt x="50" y="65"/>
                  </a:lnTo>
                  <a:lnTo>
                    <a:pt x="42" y="59"/>
                  </a:lnTo>
                  <a:close/>
                  <a:moveTo>
                    <a:pt x="51" y="95"/>
                  </a:moveTo>
                  <a:lnTo>
                    <a:pt x="0" y="104"/>
                  </a:lnTo>
                  <a:lnTo>
                    <a:pt x="0" y="124"/>
                  </a:lnTo>
                  <a:lnTo>
                    <a:pt x="11" y="132"/>
                  </a:lnTo>
                  <a:lnTo>
                    <a:pt x="6" y="147"/>
                  </a:lnTo>
                  <a:lnTo>
                    <a:pt x="6" y="152"/>
                  </a:lnTo>
                  <a:lnTo>
                    <a:pt x="21" y="122"/>
                  </a:lnTo>
                  <a:lnTo>
                    <a:pt x="36" y="127"/>
                  </a:lnTo>
                  <a:lnTo>
                    <a:pt x="63" y="109"/>
                  </a:lnTo>
                  <a:lnTo>
                    <a:pt x="51" y="9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67" name="Freeform 206"/>
            <p:cNvSpPr>
              <a:spLocks noChangeAspect="1" noEditPoints="1"/>
            </p:cNvSpPr>
            <p:nvPr/>
          </p:nvSpPr>
          <p:spPr bwMode="gray">
            <a:xfrm>
              <a:off x="5099050" y="2760663"/>
              <a:ext cx="79375" cy="96838"/>
            </a:xfrm>
            <a:custGeom>
              <a:avLst/>
              <a:gdLst>
                <a:gd name="T0" fmla="*/ 5 w 163"/>
                <a:gd name="T1" fmla="*/ 0 h 200"/>
                <a:gd name="T2" fmla="*/ 4 w 163"/>
                <a:gd name="T3" fmla="*/ 0 h 200"/>
                <a:gd name="T4" fmla="*/ 3 w 163"/>
                <a:gd name="T5" fmla="*/ 0 h 200"/>
                <a:gd name="T6" fmla="*/ 3 w 163"/>
                <a:gd name="T7" fmla="*/ 1 h 200"/>
                <a:gd name="T8" fmla="*/ 2 w 163"/>
                <a:gd name="T9" fmla="*/ 1 h 200"/>
                <a:gd name="T10" fmla="*/ 3 w 163"/>
                <a:gd name="T11" fmla="*/ 1 h 200"/>
                <a:gd name="T12" fmla="*/ 3 w 163"/>
                <a:gd name="T13" fmla="*/ 2 h 200"/>
                <a:gd name="T14" fmla="*/ 2 w 163"/>
                <a:gd name="T15" fmla="*/ 2 h 200"/>
                <a:gd name="T16" fmla="*/ 2 w 163"/>
                <a:gd name="T17" fmla="*/ 2 h 200"/>
                <a:gd name="T18" fmla="*/ 2 w 163"/>
                <a:gd name="T19" fmla="*/ 2 h 200"/>
                <a:gd name="T20" fmla="*/ 2 w 163"/>
                <a:gd name="T21" fmla="*/ 2 h 200"/>
                <a:gd name="T22" fmla="*/ 2 w 163"/>
                <a:gd name="T23" fmla="*/ 2 h 200"/>
                <a:gd name="T24" fmla="*/ 2 w 163"/>
                <a:gd name="T25" fmla="*/ 1 h 200"/>
                <a:gd name="T26" fmla="*/ 2 w 163"/>
                <a:gd name="T27" fmla="*/ 1 h 200"/>
                <a:gd name="T28" fmla="*/ 2 w 163"/>
                <a:gd name="T29" fmla="*/ 2 h 200"/>
                <a:gd name="T30" fmla="*/ 1 w 163"/>
                <a:gd name="T31" fmla="*/ 3 h 200"/>
                <a:gd name="T32" fmla="*/ 1 w 163"/>
                <a:gd name="T33" fmla="*/ 3 h 200"/>
                <a:gd name="T34" fmla="*/ 1 w 163"/>
                <a:gd name="T35" fmla="*/ 4 h 200"/>
                <a:gd name="T36" fmla="*/ 2 w 163"/>
                <a:gd name="T37" fmla="*/ 4 h 200"/>
                <a:gd name="T38" fmla="*/ 1 w 163"/>
                <a:gd name="T39" fmla="*/ 4 h 200"/>
                <a:gd name="T40" fmla="*/ 1 w 163"/>
                <a:gd name="T41" fmla="*/ 4 h 200"/>
                <a:gd name="T42" fmla="*/ 0 w 163"/>
                <a:gd name="T43" fmla="*/ 5 h 200"/>
                <a:gd name="T44" fmla="*/ 0 w 163"/>
                <a:gd name="T45" fmla="*/ 5 h 200"/>
                <a:gd name="T46" fmla="*/ 2 w 163"/>
                <a:gd name="T47" fmla="*/ 4 h 200"/>
                <a:gd name="T48" fmla="*/ 2 w 163"/>
                <a:gd name="T49" fmla="*/ 4 h 200"/>
                <a:gd name="T50" fmla="*/ 3 w 163"/>
                <a:gd name="T51" fmla="*/ 5 h 200"/>
                <a:gd name="T52" fmla="*/ 3 w 163"/>
                <a:gd name="T53" fmla="*/ 5 h 200"/>
                <a:gd name="T54" fmla="*/ 3 w 163"/>
                <a:gd name="T55" fmla="*/ 6 h 200"/>
                <a:gd name="T56" fmla="*/ 3 w 163"/>
                <a:gd name="T57" fmla="*/ 5 h 200"/>
                <a:gd name="T58" fmla="*/ 3 w 163"/>
                <a:gd name="T59" fmla="*/ 5 h 200"/>
                <a:gd name="T60" fmla="*/ 3 w 163"/>
                <a:gd name="T61" fmla="*/ 3 h 200"/>
                <a:gd name="T62" fmla="*/ 4 w 163"/>
                <a:gd name="T63" fmla="*/ 3 h 200"/>
                <a:gd name="T64" fmla="*/ 4 w 163"/>
                <a:gd name="T65" fmla="*/ 3 h 200"/>
                <a:gd name="T66" fmla="*/ 5 w 163"/>
                <a:gd name="T67" fmla="*/ 2 h 200"/>
                <a:gd name="T68" fmla="*/ 5 w 163"/>
                <a:gd name="T69" fmla="*/ 2 h 200"/>
                <a:gd name="T70" fmla="*/ 4 w 163"/>
                <a:gd name="T71" fmla="*/ 2 h 200"/>
                <a:gd name="T72" fmla="*/ 4 w 163"/>
                <a:gd name="T73" fmla="*/ 2 h 200"/>
                <a:gd name="T74" fmla="*/ 5 w 163"/>
                <a:gd name="T75" fmla="*/ 2 h 200"/>
                <a:gd name="T76" fmla="*/ 5 w 163"/>
                <a:gd name="T77" fmla="*/ 0 h 200"/>
                <a:gd name="T78" fmla="*/ 2 w 163"/>
                <a:gd name="T79" fmla="*/ 1 h 200"/>
                <a:gd name="T80" fmla="*/ 2 w 163"/>
                <a:gd name="T81" fmla="*/ 1 h 200"/>
                <a:gd name="T82" fmla="*/ 2 w 163"/>
                <a:gd name="T83" fmla="*/ 1 h 200"/>
                <a:gd name="T84" fmla="*/ 2 w 163"/>
                <a:gd name="T85" fmla="*/ 1 h 200"/>
                <a:gd name="T86" fmla="*/ 0 w 163"/>
                <a:gd name="T87" fmla="*/ 4 h 200"/>
                <a:gd name="T88" fmla="*/ 0 w 163"/>
                <a:gd name="T89" fmla="*/ 4 h 200"/>
                <a:gd name="T90" fmla="*/ 0 w 163"/>
                <a:gd name="T91" fmla="*/ 4 h 200"/>
                <a:gd name="T92" fmla="*/ 0 w 163"/>
                <a:gd name="T93" fmla="*/ 4 h 200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163"/>
                <a:gd name="T142" fmla="*/ 0 h 200"/>
                <a:gd name="T143" fmla="*/ 163 w 163"/>
                <a:gd name="T144" fmla="*/ 200 h 200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163" h="200">
                  <a:moveTo>
                    <a:pt x="163" y="14"/>
                  </a:moveTo>
                  <a:lnTo>
                    <a:pt x="146" y="0"/>
                  </a:lnTo>
                  <a:lnTo>
                    <a:pt x="107" y="3"/>
                  </a:lnTo>
                  <a:lnTo>
                    <a:pt x="90" y="15"/>
                  </a:lnTo>
                  <a:lnTo>
                    <a:pt x="87" y="39"/>
                  </a:lnTo>
                  <a:lnTo>
                    <a:pt x="97" y="45"/>
                  </a:lnTo>
                  <a:lnTo>
                    <a:pt x="91" y="63"/>
                  </a:lnTo>
                  <a:lnTo>
                    <a:pt x="83" y="70"/>
                  </a:lnTo>
                  <a:lnTo>
                    <a:pt x="87" y="87"/>
                  </a:lnTo>
                  <a:lnTo>
                    <a:pt x="70" y="78"/>
                  </a:lnTo>
                  <a:lnTo>
                    <a:pt x="70" y="62"/>
                  </a:lnTo>
                  <a:lnTo>
                    <a:pt x="79" y="54"/>
                  </a:lnTo>
                  <a:lnTo>
                    <a:pt x="70" y="40"/>
                  </a:lnTo>
                  <a:lnTo>
                    <a:pt x="62" y="43"/>
                  </a:lnTo>
                  <a:lnTo>
                    <a:pt x="51" y="88"/>
                  </a:lnTo>
                  <a:lnTo>
                    <a:pt x="31" y="116"/>
                  </a:lnTo>
                  <a:lnTo>
                    <a:pt x="32" y="122"/>
                  </a:lnTo>
                  <a:lnTo>
                    <a:pt x="36" y="127"/>
                  </a:lnTo>
                  <a:lnTo>
                    <a:pt x="65" y="129"/>
                  </a:lnTo>
                  <a:lnTo>
                    <a:pt x="19" y="144"/>
                  </a:lnTo>
                  <a:lnTo>
                    <a:pt x="15" y="150"/>
                  </a:lnTo>
                  <a:lnTo>
                    <a:pt x="0" y="156"/>
                  </a:lnTo>
                  <a:lnTo>
                    <a:pt x="14" y="164"/>
                  </a:lnTo>
                  <a:lnTo>
                    <a:pt x="53" y="149"/>
                  </a:lnTo>
                  <a:lnTo>
                    <a:pt x="73" y="154"/>
                  </a:lnTo>
                  <a:lnTo>
                    <a:pt x="97" y="167"/>
                  </a:lnTo>
                  <a:lnTo>
                    <a:pt x="97" y="195"/>
                  </a:lnTo>
                  <a:lnTo>
                    <a:pt x="114" y="200"/>
                  </a:lnTo>
                  <a:lnTo>
                    <a:pt x="110" y="179"/>
                  </a:lnTo>
                  <a:lnTo>
                    <a:pt x="116" y="167"/>
                  </a:lnTo>
                  <a:lnTo>
                    <a:pt x="113" y="113"/>
                  </a:lnTo>
                  <a:lnTo>
                    <a:pt x="139" y="117"/>
                  </a:lnTo>
                  <a:lnTo>
                    <a:pt x="144" y="99"/>
                  </a:lnTo>
                  <a:lnTo>
                    <a:pt x="158" y="85"/>
                  </a:lnTo>
                  <a:lnTo>
                    <a:pt x="159" y="74"/>
                  </a:lnTo>
                  <a:lnTo>
                    <a:pt x="144" y="68"/>
                  </a:lnTo>
                  <a:lnTo>
                    <a:pt x="142" y="59"/>
                  </a:lnTo>
                  <a:lnTo>
                    <a:pt x="155" y="51"/>
                  </a:lnTo>
                  <a:lnTo>
                    <a:pt x="163" y="14"/>
                  </a:lnTo>
                  <a:close/>
                  <a:moveTo>
                    <a:pt x="68" y="15"/>
                  </a:moveTo>
                  <a:lnTo>
                    <a:pt x="57" y="37"/>
                  </a:lnTo>
                  <a:lnTo>
                    <a:pt x="65" y="32"/>
                  </a:lnTo>
                  <a:lnTo>
                    <a:pt x="68" y="15"/>
                  </a:lnTo>
                  <a:close/>
                  <a:moveTo>
                    <a:pt x="6" y="142"/>
                  </a:moveTo>
                  <a:lnTo>
                    <a:pt x="6" y="150"/>
                  </a:lnTo>
                  <a:lnTo>
                    <a:pt x="11" y="147"/>
                  </a:lnTo>
                  <a:lnTo>
                    <a:pt x="6" y="14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68" name="Freeform 207"/>
            <p:cNvSpPr>
              <a:spLocks noChangeAspect="1" noEditPoints="1"/>
            </p:cNvSpPr>
            <p:nvPr/>
          </p:nvSpPr>
          <p:spPr bwMode="gray">
            <a:xfrm>
              <a:off x="4814888" y="3086101"/>
              <a:ext cx="301625" cy="223838"/>
            </a:xfrm>
            <a:custGeom>
              <a:avLst/>
              <a:gdLst>
                <a:gd name="T0" fmla="*/ 2 w 619"/>
                <a:gd name="T1" fmla="*/ 11 h 459"/>
                <a:gd name="T2" fmla="*/ 3 w 619"/>
                <a:gd name="T3" fmla="*/ 9 h 459"/>
                <a:gd name="T4" fmla="*/ 3 w 619"/>
                <a:gd name="T5" fmla="*/ 7 h 459"/>
                <a:gd name="T6" fmla="*/ 3 w 619"/>
                <a:gd name="T7" fmla="*/ 6 h 459"/>
                <a:gd name="T8" fmla="*/ 4 w 619"/>
                <a:gd name="T9" fmla="*/ 4 h 459"/>
                <a:gd name="T10" fmla="*/ 4 w 619"/>
                <a:gd name="T11" fmla="*/ 3 h 459"/>
                <a:gd name="T12" fmla="*/ 2 w 619"/>
                <a:gd name="T13" fmla="*/ 3 h 459"/>
                <a:gd name="T14" fmla="*/ 1 w 619"/>
                <a:gd name="T15" fmla="*/ 3 h 459"/>
                <a:gd name="T16" fmla="*/ 1 w 619"/>
                <a:gd name="T17" fmla="*/ 3 h 459"/>
                <a:gd name="T18" fmla="*/ 1 w 619"/>
                <a:gd name="T19" fmla="*/ 3 h 459"/>
                <a:gd name="T20" fmla="*/ 1 w 619"/>
                <a:gd name="T21" fmla="*/ 2 h 459"/>
                <a:gd name="T22" fmla="*/ 0 w 619"/>
                <a:gd name="T23" fmla="*/ 2 h 459"/>
                <a:gd name="T24" fmla="*/ 0 w 619"/>
                <a:gd name="T25" fmla="*/ 1 h 459"/>
                <a:gd name="T26" fmla="*/ 1 w 619"/>
                <a:gd name="T27" fmla="*/ 1 h 459"/>
                <a:gd name="T28" fmla="*/ 2 w 619"/>
                <a:gd name="T29" fmla="*/ 0 h 459"/>
                <a:gd name="T30" fmla="*/ 4 w 619"/>
                <a:gd name="T31" fmla="*/ 0 h 459"/>
                <a:gd name="T32" fmla="*/ 7 w 619"/>
                <a:gd name="T33" fmla="*/ 1 h 459"/>
                <a:gd name="T34" fmla="*/ 10 w 619"/>
                <a:gd name="T35" fmla="*/ 1 h 459"/>
                <a:gd name="T36" fmla="*/ 13 w 619"/>
                <a:gd name="T37" fmla="*/ 2 h 459"/>
                <a:gd name="T38" fmla="*/ 14 w 619"/>
                <a:gd name="T39" fmla="*/ 2 h 459"/>
                <a:gd name="T40" fmla="*/ 14 w 619"/>
                <a:gd name="T41" fmla="*/ 2 h 459"/>
                <a:gd name="T42" fmla="*/ 16 w 619"/>
                <a:gd name="T43" fmla="*/ 2 h 459"/>
                <a:gd name="T44" fmla="*/ 17 w 619"/>
                <a:gd name="T45" fmla="*/ 3 h 459"/>
                <a:gd name="T46" fmla="*/ 16 w 619"/>
                <a:gd name="T47" fmla="*/ 3 h 459"/>
                <a:gd name="T48" fmla="*/ 14 w 619"/>
                <a:gd name="T49" fmla="*/ 5 h 459"/>
                <a:gd name="T50" fmla="*/ 12 w 619"/>
                <a:gd name="T51" fmla="*/ 7 h 459"/>
                <a:gd name="T52" fmla="*/ 12 w 619"/>
                <a:gd name="T53" fmla="*/ 8 h 459"/>
                <a:gd name="T54" fmla="*/ 13 w 619"/>
                <a:gd name="T55" fmla="*/ 9 h 459"/>
                <a:gd name="T56" fmla="*/ 11 w 619"/>
                <a:gd name="T57" fmla="*/ 10 h 459"/>
                <a:gd name="T58" fmla="*/ 10 w 619"/>
                <a:gd name="T59" fmla="*/ 11 h 459"/>
                <a:gd name="T60" fmla="*/ 10 w 619"/>
                <a:gd name="T61" fmla="*/ 12 h 459"/>
                <a:gd name="T62" fmla="*/ 6 w 619"/>
                <a:gd name="T63" fmla="*/ 13 h 459"/>
                <a:gd name="T64" fmla="*/ 5 w 619"/>
                <a:gd name="T65" fmla="*/ 13 h 459"/>
                <a:gd name="T66" fmla="*/ 4 w 619"/>
                <a:gd name="T67" fmla="*/ 12 h 459"/>
                <a:gd name="T68" fmla="*/ 3 w 619"/>
                <a:gd name="T69" fmla="*/ 11 h 459"/>
                <a:gd name="T70" fmla="*/ 18 w 619"/>
                <a:gd name="T71" fmla="*/ 7 h 459"/>
                <a:gd name="T72" fmla="*/ 17 w 619"/>
                <a:gd name="T73" fmla="*/ 7 h 459"/>
                <a:gd name="T74" fmla="*/ 17 w 619"/>
                <a:gd name="T75" fmla="*/ 7 h 459"/>
                <a:gd name="T76" fmla="*/ 17 w 619"/>
                <a:gd name="T77" fmla="*/ 7 h 459"/>
                <a:gd name="T78" fmla="*/ 16 w 619"/>
                <a:gd name="T79" fmla="*/ 7 h 459"/>
                <a:gd name="T80" fmla="*/ 15 w 619"/>
                <a:gd name="T81" fmla="*/ 7 h 459"/>
                <a:gd name="T82" fmla="*/ 17 w 619"/>
                <a:gd name="T83" fmla="*/ 7 h 459"/>
                <a:gd name="T84" fmla="*/ 14 w 619"/>
                <a:gd name="T85" fmla="*/ 8 h 459"/>
                <a:gd name="T86" fmla="*/ 14 w 619"/>
                <a:gd name="T87" fmla="*/ 9 h 459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w 619"/>
                <a:gd name="T133" fmla="*/ 0 h 459"/>
                <a:gd name="T134" fmla="*/ 619 w 619"/>
                <a:gd name="T135" fmla="*/ 459 h 459"/>
              </a:gdLst>
              <a:ahLst/>
              <a:cxnLst>
                <a:cxn ang="T88">
                  <a:pos x="T0" y="T1"/>
                </a:cxn>
                <a:cxn ang="T89">
                  <a:pos x="T2" y="T3"/>
                </a:cxn>
                <a:cxn ang="T90">
                  <a:pos x="T4" y="T5"/>
                </a:cxn>
                <a:cxn ang="T91">
                  <a:pos x="T6" y="T7"/>
                </a:cxn>
                <a:cxn ang="T92">
                  <a:pos x="T8" y="T9"/>
                </a:cxn>
                <a:cxn ang="T93">
                  <a:pos x="T10" y="T11"/>
                </a:cxn>
                <a:cxn ang="T94">
                  <a:pos x="T12" y="T13"/>
                </a:cxn>
                <a:cxn ang="T95">
                  <a:pos x="T14" y="T15"/>
                </a:cxn>
                <a:cxn ang="T96">
                  <a:pos x="T16" y="T17"/>
                </a:cxn>
                <a:cxn ang="T97">
                  <a:pos x="T18" y="T19"/>
                </a:cxn>
                <a:cxn ang="T98">
                  <a:pos x="T20" y="T21"/>
                </a:cxn>
                <a:cxn ang="T99">
                  <a:pos x="T22" y="T23"/>
                </a:cxn>
                <a:cxn ang="T100">
                  <a:pos x="T24" y="T25"/>
                </a:cxn>
                <a:cxn ang="T101">
                  <a:pos x="T26" y="T27"/>
                </a:cxn>
                <a:cxn ang="T102">
                  <a:pos x="T28" y="T29"/>
                </a:cxn>
                <a:cxn ang="T103">
                  <a:pos x="T30" y="T31"/>
                </a:cxn>
                <a:cxn ang="T104">
                  <a:pos x="T32" y="T33"/>
                </a:cxn>
                <a:cxn ang="T105">
                  <a:pos x="T34" y="T35"/>
                </a:cxn>
                <a:cxn ang="T106">
                  <a:pos x="T36" y="T37"/>
                </a:cxn>
                <a:cxn ang="T107">
                  <a:pos x="T38" y="T39"/>
                </a:cxn>
                <a:cxn ang="T108">
                  <a:pos x="T40" y="T41"/>
                </a:cxn>
                <a:cxn ang="T109">
                  <a:pos x="T42" y="T43"/>
                </a:cxn>
                <a:cxn ang="T110">
                  <a:pos x="T44" y="T45"/>
                </a:cxn>
                <a:cxn ang="T111">
                  <a:pos x="T46" y="T47"/>
                </a:cxn>
                <a:cxn ang="T112">
                  <a:pos x="T48" y="T49"/>
                </a:cxn>
                <a:cxn ang="T113">
                  <a:pos x="T50" y="T51"/>
                </a:cxn>
                <a:cxn ang="T114">
                  <a:pos x="T52" y="T53"/>
                </a:cxn>
                <a:cxn ang="T115">
                  <a:pos x="T54" y="T55"/>
                </a:cxn>
                <a:cxn ang="T116">
                  <a:pos x="T56" y="T57"/>
                </a:cxn>
                <a:cxn ang="T117">
                  <a:pos x="T58" y="T59"/>
                </a:cxn>
                <a:cxn ang="T118">
                  <a:pos x="T60" y="T61"/>
                </a:cxn>
                <a:cxn ang="T119">
                  <a:pos x="T62" y="T63"/>
                </a:cxn>
                <a:cxn ang="T120">
                  <a:pos x="T64" y="T65"/>
                </a:cxn>
                <a:cxn ang="T121">
                  <a:pos x="T66" y="T67"/>
                </a:cxn>
                <a:cxn ang="T122">
                  <a:pos x="T68" y="T69"/>
                </a:cxn>
                <a:cxn ang="T123">
                  <a:pos x="T70" y="T71"/>
                </a:cxn>
                <a:cxn ang="T124">
                  <a:pos x="T72" y="T73"/>
                </a:cxn>
                <a:cxn ang="T125">
                  <a:pos x="T74" y="T75"/>
                </a:cxn>
                <a:cxn ang="T126">
                  <a:pos x="T76" y="T77"/>
                </a:cxn>
                <a:cxn ang="T127">
                  <a:pos x="T78" y="T79"/>
                </a:cxn>
                <a:cxn ang="T128">
                  <a:pos x="T80" y="T81"/>
                </a:cxn>
                <a:cxn ang="T129">
                  <a:pos x="T82" y="T83"/>
                </a:cxn>
                <a:cxn ang="T130">
                  <a:pos x="T84" y="T85"/>
                </a:cxn>
                <a:cxn ang="T131">
                  <a:pos x="T86" y="T87"/>
                </a:cxn>
              </a:cxnLst>
              <a:rect l="T132" t="T133" r="T134" b="T135"/>
              <a:pathLst>
                <a:path w="619" h="459">
                  <a:moveTo>
                    <a:pt x="87" y="394"/>
                  </a:moveTo>
                  <a:lnTo>
                    <a:pt x="82" y="370"/>
                  </a:lnTo>
                  <a:lnTo>
                    <a:pt x="107" y="345"/>
                  </a:lnTo>
                  <a:lnTo>
                    <a:pt x="95" y="316"/>
                  </a:lnTo>
                  <a:lnTo>
                    <a:pt x="104" y="286"/>
                  </a:lnTo>
                  <a:lnTo>
                    <a:pt x="90" y="254"/>
                  </a:lnTo>
                  <a:lnTo>
                    <a:pt x="113" y="236"/>
                  </a:lnTo>
                  <a:lnTo>
                    <a:pt x="108" y="213"/>
                  </a:lnTo>
                  <a:lnTo>
                    <a:pt x="116" y="169"/>
                  </a:lnTo>
                  <a:lnTo>
                    <a:pt x="135" y="151"/>
                  </a:lnTo>
                  <a:lnTo>
                    <a:pt x="141" y="132"/>
                  </a:lnTo>
                  <a:lnTo>
                    <a:pt x="130" y="117"/>
                  </a:lnTo>
                  <a:lnTo>
                    <a:pt x="61" y="118"/>
                  </a:lnTo>
                  <a:lnTo>
                    <a:pt x="54" y="113"/>
                  </a:lnTo>
                  <a:lnTo>
                    <a:pt x="54" y="103"/>
                  </a:lnTo>
                  <a:lnTo>
                    <a:pt x="28" y="112"/>
                  </a:lnTo>
                  <a:lnTo>
                    <a:pt x="22" y="120"/>
                  </a:lnTo>
                  <a:lnTo>
                    <a:pt x="20" y="109"/>
                  </a:lnTo>
                  <a:lnTo>
                    <a:pt x="28" y="90"/>
                  </a:lnTo>
                  <a:lnTo>
                    <a:pt x="22" y="92"/>
                  </a:lnTo>
                  <a:lnTo>
                    <a:pt x="24" y="84"/>
                  </a:lnTo>
                  <a:lnTo>
                    <a:pt x="17" y="81"/>
                  </a:lnTo>
                  <a:lnTo>
                    <a:pt x="22" y="69"/>
                  </a:lnTo>
                  <a:lnTo>
                    <a:pt x="11" y="66"/>
                  </a:lnTo>
                  <a:lnTo>
                    <a:pt x="13" y="59"/>
                  </a:lnTo>
                  <a:lnTo>
                    <a:pt x="0" y="47"/>
                  </a:lnTo>
                  <a:lnTo>
                    <a:pt x="13" y="30"/>
                  </a:lnTo>
                  <a:lnTo>
                    <a:pt x="39" y="27"/>
                  </a:lnTo>
                  <a:lnTo>
                    <a:pt x="51" y="5"/>
                  </a:lnTo>
                  <a:lnTo>
                    <a:pt x="70" y="0"/>
                  </a:lnTo>
                  <a:lnTo>
                    <a:pt x="108" y="12"/>
                  </a:lnTo>
                  <a:lnTo>
                    <a:pt x="150" y="7"/>
                  </a:lnTo>
                  <a:lnTo>
                    <a:pt x="215" y="19"/>
                  </a:lnTo>
                  <a:lnTo>
                    <a:pt x="257" y="16"/>
                  </a:lnTo>
                  <a:lnTo>
                    <a:pt x="342" y="24"/>
                  </a:lnTo>
                  <a:lnTo>
                    <a:pt x="362" y="42"/>
                  </a:lnTo>
                  <a:lnTo>
                    <a:pt x="395" y="58"/>
                  </a:lnTo>
                  <a:lnTo>
                    <a:pt x="444" y="69"/>
                  </a:lnTo>
                  <a:lnTo>
                    <a:pt x="466" y="61"/>
                  </a:lnTo>
                  <a:lnTo>
                    <a:pt x="484" y="73"/>
                  </a:lnTo>
                  <a:lnTo>
                    <a:pt x="492" y="83"/>
                  </a:lnTo>
                  <a:lnTo>
                    <a:pt x="500" y="78"/>
                  </a:lnTo>
                  <a:lnTo>
                    <a:pt x="517" y="87"/>
                  </a:lnTo>
                  <a:lnTo>
                    <a:pt x="567" y="84"/>
                  </a:lnTo>
                  <a:lnTo>
                    <a:pt x="576" y="93"/>
                  </a:lnTo>
                  <a:lnTo>
                    <a:pt x="569" y="96"/>
                  </a:lnTo>
                  <a:lnTo>
                    <a:pt x="573" y="112"/>
                  </a:lnTo>
                  <a:lnTo>
                    <a:pt x="565" y="121"/>
                  </a:lnTo>
                  <a:lnTo>
                    <a:pt x="522" y="152"/>
                  </a:lnTo>
                  <a:lnTo>
                    <a:pt x="472" y="171"/>
                  </a:lnTo>
                  <a:lnTo>
                    <a:pt x="463" y="183"/>
                  </a:lnTo>
                  <a:lnTo>
                    <a:pt x="416" y="253"/>
                  </a:lnTo>
                  <a:lnTo>
                    <a:pt x="410" y="267"/>
                  </a:lnTo>
                  <a:lnTo>
                    <a:pt x="416" y="290"/>
                  </a:lnTo>
                  <a:lnTo>
                    <a:pt x="433" y="303"/>
                  </a:lnTo>
                  <a:lnTo>
                    <a:pt x="430" y="310"/>
                  </a:lnTo>
                  <a:lnTo>
                    <a:pt x="406" y="330"/>
                  </a:lnTo>
                  <a:lnTo>
                    <a:pt x="393" y="358"/>
                  </a:lnTo>
                  <a:lnTo>
                    <a:pt x="391" y="370"/>
                  </a:lnTo>
                  <a:lnTo>
                    <a:pt x="365" y="374"/>
                  </a:lnTo>
                  <a:lnTo>
                    <a:pt x="348" y="389"/>
                  </a:lnTo>
                  <a:lnTo>
                    <a:pt x="335" y="418"/>
                  </a:lnTo>
                  <a:lnTo>
                    <a:pt x="226" y="423"/>
                  </a:lnTo>
                  <a:lnTo>
                    <a:pt x="217" y="434"/>
                  </a:lnTo>
                  <a:lnTo>
                    <a:pt x="197" y="438"/>
                  </a:lnTo>
                  <a:lnTo>
                    <a:pt x="176" y="459"/>
                  </a:lnTo>
                  <a:lnTo>
                    <a:pt x="152" y="448"/>
                  </a:lnTo>
                  <a:lnTo>
                    <a:pt x="135" y="409"/>
                  </a:lnTo>
                  <a:lnTo>
                    <a:pt x="124" y="401"/>
                  </a:lnTo>
                  <a:lnTo>
                    <a:pt x="105" y="392"/>
                  </a:lnTo>
                  <a:lnTo>
                    <a:pt x="87" y="394"/>
                  </a:lnTo>
                  <a:close/>
                  <a:moveTo>
                    <a:pt x="618" y="228"/>
                  </a:moveTo>
                  <a:lnTo>
                    <a:pt x="619" y="239"/>
                  </a:lnTo>
                  <a:lnTo>
                    <a:pt x="601" y="230"/>
                  </a:lnTo>
                  <a:lnTo>
                    <a:pt x="618" y="228"/>
                  </a:lnTo>
                  <a:close/>
                  <a:moveTo>
                    <a:pt x="571" y="234"/>
                  </a:moveTo>
                  <a:lnTo>
                    <a:pt x="569" y="244"/>
                  </a:lnTo>
                  <a:lnTo>
                    <a:pt x="580" y="250"/>
                  </a:lnTo>
                  <a:lnTo>
                    <a:pt x="567" y="273"/>
                  </a:lnTo>
                  <a:lnTo>
                    <a:pt x="551" y="257"/>
                  </a:lnTo>
                  <a:lnTo>
                    <a:pt x="540" y="261"/>
                  </a:lnTo>
                  <a:lnTo>
                    <a:pt x="535" y="254"/>
                  </a:lnTo>
                  <a:lnTo>
                    <a:pt x="543" y="245"/>
                  </a:lnTo>
                  <a:lnTo>
                    <a:pt x="571" y="234"/>
                  </a:lnTo>
                  <a:close/>
                  <a:moveTo>
                    <a:pt x="492" y="282"/>
                  </a:moveTo>
                  <a:lnTo>
                    <a:pt x="496" y="290"/>
                  </a:lnTo>
                  <a:lnTo>
                    <a:pt x="491" y="295"/>
                  </a:lnTo>
                  <a:lnTo>
                    <a:pt x="483" y="295"/>
                  </a:lnTo>
                  <a:lnTo>
                    <a:pt x="492" y="28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69" name="Freeform 208"/>
            <p:cNvSpPr>
              <a:spLocks noChangeAspect="1" noEditPoints="1"/>
            </p:cNvSpPr>
            <p:nvPr/>
          </p:nvSpPr>
          <p:spPr bwMode="gray">
            <a:xfrm>
              <a:off x="5170488" y="2981326"/>
              <a:ext cx="263525" cy="311150"/>
            </a:xfrm>
            <a:custGeom>
              <a:avLst/>
              <a:gdLst>
                <a:gd name="T0" fmla="*/ 2 w 544"/>
                <a:gd name="T1" fmla="*/ 6 h 642"/>
                <a:gd name="T2" fmla="*/ 3 w 544"/>
                <a:gd name="T3" fmla="*/ 5 h 642"/>
                <a:gd name="T4" fmla="*/ 5 w 544"/>
                <a:gd name="T5" fmla="*/ 6 h 642"/>
                <a:gd name="T6" fmla="*/ 6 w 544"/>
                <a:gd name="T7" fmla="*/ 8 h 642"/>
                <a:gd name="T8" fmla="*/ 6 w 544"/>
                <a:gd name="T9" fmla="*/ 9 h 642"/>
                <a:gd name="T10" fmla="*/ 7 w 544"/>
                <a:gd name="T11" fmla="*/ 9 h 642"/>
                <a:gd name="T12" fmla="*/ 8 w 544"/>
                <a:gd name="T13" fmla="*/ 10 h 642"/>
                <a:gd name="T14" fmla="*/ 10 w 544"/>
                <a:gd name="T15" fmla="*/ 11 h 642"/>
                <a:gd name="T16" fmla="*/ 10 w 544"/>
                <a:gd name="T17" fmla="*/ 12 h 642"/>
                <a:gd name="T18" fmla="*/ 11 w 544"/>
                <a:gd name="T19" fmla="*/ 13 h 642"/>
                <a:gd name="T20" fmla="*/ 12 w 544"/>
                <a:gd name="T21" fmla="*/ 13 h 642"/>
                <a:gd name="T22" fmla="*/ 12 w 544"/>
                <a:gd name="T23" fmla="*/ 15 h 642"/>
                <a:gd name="T24" fmla="*/ 12 w 544"/>
                <a:gd name="T25" fmla="*/ 16 h 642"/>
                <a:gd name="T26" fmla="*/ 12 w 544"/>
                <a:gd name="T27" fmla="*/ 16 h 642"/>
                <a:gd name="T28" fmla="*/ 13 w 544"/>
                <a:gd name="T29" fmla="*/ 16 h 642"/>
                <a:gd name="T30" fmla="*/ 14 w 544"/>
                <a:gd name="T31" fmla="*/ 14 h 642"/>
                <a:gd name="T32" fmla="*/ 13 w 544"/>
                <a:gd name="T33" fmla="*/ 13 h 642"/>
                <a:gd name="T34" fmla="*/ 13 w 544"/>
                <a:gd name="T35" fmla="*/ 12 h 642"/>
                <a:gd name="T36" fmla="*/ 15 w 544"/>
                <a:gd name="T37" fmla="*/ 12 h 642"/>
                <a:gd name="T38" fmla="*/ 15 w 544"/>
                <a:gd name="T39" fmla="*/ 13 h 642"/>
                <a:gd name="T40" fmla="*/ 15 w 544"/>
                <a:gd name="T41" fmla="*/ 12 h 642"/>
                <a:gd name="T42" fmla="*/ 12 w 544"/>
                <a:gd name="T43" fmla="*/ 10 h 642"/>
                <a:gd name="T44" fmla="*/ 13 w 544"/>
                <a:gd name="T45" fmla="*/ 9 h 642"/>
                <a:gd name="T46" fmla="*/ 11 w 544"/>
                <a:gd name="T47" fmla="*/ 9 h 642"/>
                <a:gd name="T48" fmla="*/ 10 w 544"/>
                <a:gd name="T49" fmla="*/ 9 h 642"/>
                <a:gd name="T50" fmla="*/ 9 w 544"/>
                <a:gd name="T51" fmla="*/ 6 h 642"/>
                <a:gd name="T52" fmla="*/ 7 w 544"/>
                <a:gd name="T53" fmla="*/ 5 h 642"/>
                <a:gd name="T54" fmla="*/ 8 w 544"/>
                <a:gd name="T55" fmla="*/ 4 h 642"/>
                <a:gd name="T56" fmla="*/ 7 w 544"/>
                <a:gd name="T57" fmla="*/ 4 h 642"/>
                <a:gd name="T58" fmla="*/ 9 w 544"/>
                <a:gd name="T59" fmla="*/ 3 h 642"/>
                <a:gd name="T60" fmla="*/ 9 w 544"/>
                <a:gd name="T61" fmla="*/ 3 h 642"/>
                <a:gd name="T62" fmla="*/ 9 w 544"/>
                <a:gd name="T63" fmla="*/ 2 h 642"/>
                <a:gd name="T64" fmla="*/ 9 w 544"/>
                <a:gd name="T65" fmla="*/ 2 h 642"/>
                <a:gd name="T66" fmla="*/ 9 w 544"/>
                <a:gd name="T67" fmla="*/ 1 h 642"/>
                <a:gd name="T68" fmla="*/ 7 w 544"/>
                <a:gd name="T69" fmla="*/ 1 h 642"/>
                <a:gd name="T70" fmla="*/ 5 w 544"/>
                <a:gd name="T71" fmla="*/ 1 h 642"/>
                <a:gd name="T72" fmla="*/ 5 w 544"/>
                <a:gd name="T73" fmla="*/ 1 h 642"/>
                <a:gd name="T74" fmla="*/ 5 w 544"/>
                <a:gd name="T75" fmla="*/ 2 h 642"/>
                <a:gd name="T76" fmla="*/ 3 w 544"/>
                <a:gd name="T77" fmla="*/ 2 h 642"/>
                <a:gd name="T78" fmla="*/ 2 w 544"/>
                <a:gd name="T79" fmla="*/ 1 h 642"/>
                <a:gd name="T80" fmla="*/ 0 w 544"/>
                <a:gd name="T81" fmla="*/ 2 h 642"/>
                <a:gd name="T82" fmla="*/ 1 w 544"/>
                <a:gd name="T83" fmla="*/ 3 h 642"/>
                <a:gd name="T84" fmla="*/ 0 w 544"/>
                <a:gd name="T85" fmla="*/ 4 h 642"/>
                <a:gd name="T86" fmla="*/ 0 w 544"/>
                <a:gd name="T87" fmla="*/ 5 h 642"/>
                <a:gd name="T88" fmla="*/ 1 w 544"/>
                <a:gd name="T89" fmla="*/ 5 h 642"/>
                <a:gd name="T90" fmla="*/ 3 w 544"/>
                <a:gd name="T91" fmla="*/ 10 h 642"/>
                <a:gd name="T92" fmla="*/ 4 w 544"/>
                <a:gd name="T93" fmla="*/ 12 h 642"/>
                <a:gd name="T94" fmla="*/ 4 w 544"/>
                <a:gd name="T95" fmla="*/ 14 h 642"/>
                <a:gd name="T96" fmla="*/ 3 w 544"/>
                <a:gd name="T97" fmla="*/ 14 h 642"/>
                <a:gd name="T98" fmla="*/ 2 w 544"/>
                <a:gd name="T99" fmla="*/ 14 h 642"/>
                <a:gd name="T100" fmla="*/ 2 w 544"/>
                <a:gd name="T101" fmla="*/ 13 h 642"/>
                <a:gd name="T102" fmla="*/ 2 w 544"/>
                <a:gd name="T103" fmla="*/ 12 h 642"/>
                <a:gd name="T104" fmla="*/ 2 w 544"/>
                <a:gd name="T105" fmla="*/ 11 h 642"/>
                <a:gd name="T106" fmla="*/ 12 w 544"/>
                <a:gd name="T107" fmla="*/ 16 h 642"/>
                <a:gd name="T108" fmla="*/ 11 w 544"/>
                <a:gd name="T109" fmla="*/ 18 h 642"/>
                <a:gd name="T110" fmla="*/ 10 w 544"/>
                <a:gd name="T111" fmla="*/ 18 h 642"/>
                <a:gd name="T112" fmla="*/ 8 w 544"/>
                <a:gd name="T113" fmla="*/ 17 h 642"/>
                <a:gd name="T114" fmla="*/ 8 w 544"/>
                <a:gd name="T115" fmla="*/ 16 h 642"/>
                <a:gd name="T116" fmla="*/ 9 w 544"/>
                <a:gd name="T117" fmla="*/ 16 h 642"/>
                <a:gd name="T118" fmla="*/ 12 w 544"/>
                <a:gd name="T119" fmla="*/ 16 h 642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544"/>
                <a:gd name="T181" fmla="*/ 0 h 642"/>
                <a:gd name="T182" fmla="*/ 544 w 544"/>
                <a:gd name="T183" fmla="*/ 642 h 642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544" h="642">
                  <a:moveTo>
                    <a:pt x="39" y="212"/>
                  </a:moveTo>
                  <a:lnTo>
                    <a:pt x="68" y="206"/>
                  </a:lnTo>
                  <a:lnTo>
                    <a:pt x="81" y="184"/>
                  </a:lnTo>
                  <a:lnTo>
                    <a:pt x="97" y="176"/>
                  </a:lnTo>
                  <a:lnTo>
                    <a:pt x="112" y="178"/>
                  </a:lnTo>
                  <a:lnTo>
                    <a:pt x="160" y="204"/>
                  </a:lnTo>
                  <a:lnTo>
                    <a:pt x="177" y="261"/>
                  </a:lnTo>
                  <a:lnTo>
                    <a:pt x="203" y="288"/>
                  </a:lnTo>
                  <a:lnTo>
                    <a:pt x="205" y="302"/>
                  </a:lnTo>
                  <a:lnTo>
                    <a:pt x="219" y="298"/>
                  </a:lnTo>
                  <a:lnTo>
                    <a:pt x="227" y="305"/>
                  </a:lnTo>
                  <a:lnTo>
                    <a:pt x="237" y="322"/>
                  </a:lnTo>
                  <a:lnTo>
                    <a:pt x="245" y="323"/>
                  </a:lnTo>
                  <a:lnTo>
                    <a:pt x="293" y="371"/>
                  </a:lnTo>
                  <a:lnTo>
                    <a:pt x="326" y="373"/>
                  </a:lnTo>
                  <a:lnTo>
                    <a:pt x="340" y="395"/>
                  </a:lnTo>
                  <a:lnTo>
                    <a:pt x="354" y="402"/>
                  </a:lnTo>
                  <a:lnTo>
                    <a:pt x="354" y="410"/>
                  </a:lnTo>
                  <a:lnTo>
                    <a:pt x="374" y="408"/>
                  </a:lnTo>
                  <a:lnTo>
                    <a:pt x="384" y="436"/>
                  </a:lnTo>
                  <a:lnTo>
                    <a:pt x="401" y="449"/>
                  </a:lnTo>
                  <a:lnTo>
                    <a:pt x="411" y="442"/>
                  </a:lnTo>
                  <a:lnTo>
                    <a:pt x="439" y="517"/>
                  </a:lnTo>
                  <a:lnTo>
                    <a:pt x="422" y="527"/>
                  </a:lnTo>
                  <a:lnTo>
                    <a:pt x="423" y="537"/>
                  </a:lnTo>
                  <a:lnTo>
                    <a:pt x="415" y="554"/>
                  </a:lnTo>
                  <a:lnTo>
                    <a:pt x="417" y="571"/>
                  </a:lnTo>
                  <a:lnTo>
                    <a:pt x="431" y="571"/>
                  </a:lnTo>
                  <a:lnTo>
                    <a:pt x="442" y="551"/>
                  </a:lnTo>
                  <a:lnTo>
                    <a:pt x="454" y="544"/>
                  </a:lnTo>
                  <a:lnTo>
                    <a:pt x="459" y="515"/>
                  </a:lnTo>
                  <a:lnTo>
                    <a:pt x="479" y="505"/>
                  </a:lnTo>
                  <a:lnTo>
                    <a:pt x="477" y="481"/>
                  </a:lnTo>
                  <a:lnTo>
                    <a:pt x="452" y="463"/>
                  </a:lnTo>
                  <a:lnTo>
                    <a:pt x="457" y="439"/>
                  </a:lnTo>
                  <a:lnTo>
                    <a:pt x="464" y="429"/>
                  </a:lnTo>
                  <a:lnTo>
                    <a:pt x="482" y="415"/>
                  </a:lnTo>
                  <a:lnTo>
                    <a:pt x="518" y="433"/>
                  </a:lnTo>
                  <a:lnTo>
                    <a:pt x="527" y="450"/>
                  </a:lnTo>
                  <a:lnTo>
                    <a:pt x="536" y="456"/>
                  </a:lnTo>
                  <a:lnTo>
                    <a:pt x="544" y="441"/>
                  </a:lnTo>
                  <a:lnTo>
                    <a:pt x="518" y="404"/>
                  </a:lnTo>
                  <a:lnTo>
                    <a:pt x="426" y="359"/>
                  </a:lnTo>
                  <a:lnTo>
                    <a:pt x="423" y="353"/>
                  </a:lnTo>
                  <a:lnTo>
                    <a:pt x="435" y="342"/>
                  </a:lnTo>
                  <a:lnTo>
                    <a:pt x="435" y="334"/>
                  </a:lnTo>
                  <a:lnTo>
                    <a:pt x="431" y="328"/>
                  </a:lnTo>
                  <a:lnTo>
                    <a:pt x="392" y="331"/>
                  </a:lnTo>
                  <a:lnTo>
                    <a:pt x="391" y="337"/>
                  </a:lnTo>
                  <a:lnTo>
                    <a:pt x="369" y="319"/>
                  </a:lnTo>
                  <a:lnTo>
                    <a:pt x="340" y="288"/>
                  </a:lnTo>
                  <a:lnTo>
                    <a:pt x="315" y="226"/>
                  </a:lnTo>
                  <a:lnTo>
                    <a:pt x="264" y="193"/>
                  </a:lnTo>
                  <a:lnTo>
                    <a:pt x="258" y="178"/>
                  </a:lnTo>
                  <a:lnTo>
                    <a:pt x="258" y="163"/>
                  </a:lnTo>
                  <a:lnTo>
                    <a:pt x="266" y="144"/>
                  </a:lnTo>
                  <a:lnTo>
                    <a:pt x="266" y="139"/>
                  </a:lnTo>
                  <a:lnTo>
                    <a:pt x="258" y="131"/>
                  </a:lnTo>
                  <a:lnTo>
                    <a:pt x="256" y="113"/>
                  </a:lnTo>
                  <a:lnTo>
                    <a:pt x="301" y="91"/>
                  </a:lnTo>
                  <a:lnTo>
                    <a:pt x="321" y="90"/>
                  </a:lnTo>
                  <a:lnTo>
                    <a:pt x="320" y="104"/>
                  </a:lnTo>
                  <a:lnTo>
                    <a:pt x="332" y="97"/>
                  </a:lnTo>
                  <a:lnTo>
                    <a:pt x="317" y="83"/>
                  </a:lnTo>
                  <a:lnTo>
                    <a:pt x="313" y="71"/>
                  </a:lnTo>
                  <a:lnTo>
                    <a:pt x="315" y="58"/>
                  </a:lnTo>
                  <a:lnTo>
                    <a:pt x="309" y="58"/>
                  </a:lnTo>
                  <a:lnTo>
                    <a:pt x="320" y="40"/>
                  </a:lnTo>
                  <a:lnTo>
                    <a:pt x="264" y="26"/>
                  </a:lnTo>
                  <a:lnTo>
                    <a:pt x="254" y="19"/>
                  </a:lnTo>
                  <a:lnTo>
                    <a:pt x="247" y="0"/>
                  </a:lnTo>
                  <a:lnTo>
                    <a:pt x="185" y="19"/>
                  </a:lnTo>
                  <a:lnTo>
                    <a:pt x="169" y="15"/>
                  </a:lnTo>
                  <a:lnTo>
                    <a:pt x="168" y="29"/>
                  </a:lnTo>
                  <a:lnTo>
                    <a:pt x="156" y="32"/>
                  </a:lnTo>
                  <a:lnTo>
                    <a:pt x="156" y="53"/>
                  </a:lnTo>
                  <a:lnTo>
                    <a:pt x="118" y="41"/>
                  </a:lnTo>
                  <a:lnTo>
                    <a:pt x="103" y="79"/>
                  </a:lnTo>
                  <a:lnTo>
                    <a:pt x="83" y="62"/>
                  </a:lnTo>
                  <a:lnTo>
                    <a:pt x="78" y="45"/>
                  </a:lnTo>
                  <a:lnTo>
                    <a:pt x="51" y="77"/>
                  </a:lnTo>
                  <a:lnTo>
                    <a:pt x="12" y="82"/>
                  </a:lnTo>
                  <a:lnTo>
                    <a:pt x="4" y="85"/>
                  </a:lnTo>
                  <a:lnTo>
                    <a:pt x="15" y="119"/>
                  </a:lnTo>
                  <a:lnTo>
                    <a:pt x="2" y="133"/>
                  </a:lnTo>
                  <a:lnTo>
                    <a:pt x="0" y="142"/>
                  </a:lnTo>
                  <a:lnTo>
                    <a:pt x="10" y="150"/>
                  </a:lnTo>
                  <a:lnTo>
                    <a:pt x="9" y="173"/>
                  </a:lnTo>
                  <a:lnTo>
                    <a:pt x="17" y="190"/>
                  </a:lnTo>
                  <a:lnTo>
                    <a:pt x="38" y="192"/>
                  </a:lnTo>
                  <a:lnTo>
                    <a:pt x="39" y="212"/>
                  </a:lnTo>
                  <a:close/>
                  <a:moveTo>
                    <a:pt x="112" y="370"/>
                  </a:moveTo>
                  <a:lnTo>
                    <a:pt x="129" y="379"/>
                  </a:lnTo>
                  <a:lnTo>
                    <a:pt x="137" y="405"/>
                  </a:lnTo>
                  <a:lnTo>
                    <a:pt x="135" y="484"/>
                  </a:lnTo>
                  <a:lnTo>
                    <a:pt x="129" y="498"/>
                  </a:lnTo>
                  <a:lnTo>
                    <a:pt x="117" y="495"/>
                  </a:lnTo>
                  <a:lnTo>
                    <a:pt x="110" y="509"/>
                  </a:lnTo>
                  <a:lnTo>
                    <a:pt x="95" y="515"/>
                  </a:lnTo>
                  <a:lnTo>
                    <a:pt x="81" y="490"/>
                  </a:lnTo>
                  <a:lnTo>
                    <a:pt x="78" y="480"/>
                  </a:lnTo>
                  <a:lnTo>
                    <a:pt x="85" y="455"/>
                  </a:lnTo>
                  <a:lnTo>
                    <a:pt x="80" y="422"/>
                  </a:lnTo>
                  <a:lnTo>
                    <a:pt x="69" y="408"/>
                  </a:lnTo>
                  <a:lnTo>
                    <a:pt x="69" y="391"/>
                  </a:lnTo>
                  <a:lnTo>
                    <a:pt x="86" y="395"/>
                  </a:lnTo>
                  <a:lnTo>
                    <a:pt x="112" y="370"/>
                  </a:lnTo>
                  <a:close/>
                  <a:moveTo>
                    <a:pt x="411" y="549"/>
                  </a:moveTo>
                  <a:lnTo>
                    <a:pt x="388" y="600"/>
                  </a:lnTo>
                  <a:lnTo>
                    <a:pt x="395" y="622"/>
                  </a:lnTo>
                  <a:lnTo>
                    <a:pt x="389" y="642"/>
                  </a:lnTo>
                  <a:lnTo>
                    <a:pt x="366" y="639"/>
                  </a:lnTo>
                  <a:lnTo>
                    <a:pt x="351" y="623"/>
                  </a:lnTo>
                  <a:lnTo>
                    <a:pt x="275" y="589"/>
                  </a:lnTo>
                  <a:lnTo>
                    <a:pt x="267" y="571"/>
                  </a:lnTo>
                  <a:lnTo>
                    <a:pt x="276" y="555"/>
                  </a:lnTo>
                  <a:lnTo>
                    <a:pt x="283" y="561"/>
                  </a:lnTo>
                  <a:lnTo>
                    <a:pt x="301" y="554"/>
                  </a:lnTo>
                  <a:lnTo>
                    <a:pt x="324" y="568"/>
                  </a:lnTo>
                  <a:lnTo>
                    <a:pt x="411" y="54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70" name="Freeform 209"/>
            <p:cNvSpPr>
              <a:spLocks noChangeAspect="1" noEditPoints="1"/>
            </p:cNvSpPr>
            <p:nvPr/>
          </p:nvSpPr>
          <p:spPr bwMode="gray">
            <a:xfrm>
              <a:off x="4914900" y="2844801"/>
              <a:ext cx="319088" cy="314325"/>
            </a:xfrm>
            <a:custGeom>
              <a:avLst/>
              <a:gdLst>
                <a:gd name="T0" fmla="*/ 9 w 654"/>
                <a:gd name="T1" fmla="*/ 1 h 645"/>
                <a:gd name="T2" fmla="*/ 9 w 654"/>
                <a:gd name="T3" fmla="*/ 2 h 645"/>
                <a:gd name="T4" fmla="*/ 7 w 654"/>
                <a:gd name="T5" fmla="*/ 3 h 645"/>
                <a:gd name="T6" fmla="*/ 7 w 654"/>
                <a:gd name="T7" fmla="*/ 3 h 645"/>
                <a:gd name="T8" fmla="*/ 5 w 654"/>
                <a:gd name="T9" fmla="*/ 4 h 645"/>
                <a:gd name="T10" fmla="*/ 5 w 654"/>
                <a:gd name="T11" fmla="*/ 3 h 645"/>
                <a:gd name="T12" fmla="*/ 4 w 654"/>
                <a:gd name="T13" fmla="*/ 5 h 645"/>
                <a:gd name="T14" fmla="*/ 4 w 654"/>
                <a:gd name="T15" fmla="*/ 5 h 645"/>
                <a:gd name="T16" fmla="*/ 3 w 654"/>
                <a:gd name="T17" fmla="*/ 5 h 645"/>
                <a:gd name="T18" fmla="*/ 2 w 654"/>
                <a:gd name="T19" fmla="*/ 5 h 645"/>
                <a:gd name="T20" fmla="*/ 0 w 654"/>
                <a:gd name="T21" fmla="*/ 5 h 645"/>
                <a:gd name="T22" fmla="*/ 1 w 654"/>
                <a:gd name="T23" fmla="*/ 6 h 645"/>
                <a:gd name="T24" fmla="*/ 1 w 654"/>
                <a:gd name="T25" fmla="*/ 6 h 645"/>
                <a:gd name="T26" fmla="*/ 1 w 654"/>
                <a:gd name="T27" fmla="*/ 7 h 645"/>
                <a:gd name="T28" fmla="*/ 2 w 654"/>
                <a:gd name="T29" fmla="*/ 7 h 645"/>
                <a:gd name="T30" fmla="*/ 3 w 654"/>
                <a:gd name="T31" fmla="*/ 8 h 645"/>
                <a:gd name="T32" fmla="*/ 3 w 654"/>
                <a:gd name="T33" fmla="*/ 8 h 645"/>
                <a:gd name="T34" fmla="*/ 4 w 654"/>
                <a:gd name="T35" fmla="*/ 9 h 645"/>
                <a:gd name="T36" fmla="*/ 5 w 654"/>
                <a:gd name="T37" fmla="*/ 10 h 645"/>
                <a:gd name="T38" fmla="*/ 6 w 654"/>
                <a:gd name="T39" fmla="*/ 11 h 645"/>
                <a:gd name="T40" fmla="*/ 5 w 654"/>
                <a:gd name="T41" fmla="*/ 11 h 645"/>
                <a:gd name="T42" fmla="*/ 5 w 654"/>
                <a:gd name="T43" fmla="*/ 13 h 645"/>
                <a:gd name="T44" fmla="*/ 5 w 654"/>
                <a:gd name="T45" fmla="*/ 15 h 645"/>
                <a:gd name="T46" fmla="*/ 4 w 654"/>
                <a:gd name="T47" fmla="*/ 15 h 645"/>
                <a:gd name="T48" fmla="*/ 6 w 654"/>
                <a:gd name="T49" fmla="*/ 16 h 645"/>
                <a:gd name="T50" fmla="*/ 8 w 654"/>
                <a:gd name="T51" fmla="*/ 16 h 645"/>
                <a:gd name="T52" fmla="*/ 8 w 654"/>
                <a:gd name="T53" fmla="*/ 17 h 645"/>
                <a:gd name="T54" fmla="*/ 9 w 654"/>
                <a:gd name="T55" fmla="*/ 17 h 645"/>
                <a:gd name="T56" fmla="*/ 10 w 654"/>
                <a:gd name="T57" fmla="*/ 16 h 645"/>
                <a:gd name="T58" fmla="*/ 12 w 654"/>
                <a:gd name="T59" fmla="*/ 15 h 645"/>
                <a:gd name="T60" fmla="*/ 13 w 654"/>
                <a:gd name="T61" fmla="*/ 15 h 645"/>
                <a:gd name="T62" fmla="*/ 15 w 654"/>
                <a:gd name="T63" fmla="*/ 15 h 645"/>
                <a:gd name="T64" fmla="*/ 16 w 654"/>
                <a:gd name="T65" fmla="*/ 14 h 645"/>
                <a:gd name="T66" fmla="*/ 16 w 654"/>
                <a:gd name="T67" fmla="*/ 14 h 645"/>
                <a:gd name="T68" fmla="*/ 15 w 654"/>
                <a:gd name="T69" fmla="*/ 13 h 645"/>
                <a:gd name="T70" fmla="*/ 15 w 654"/>
                <a:gd name="T71" fmla="*/ 12 h 645"/>
                <a:gd name="T72" fmla="*/ 15 w 654"/>
                <a:gd name="T73" fmla="*/ 10 h 645"/>
                <a:gd name="T74" fmla="*/ 15 w 654"/>
                <a:gd name="T75" fmla="*/ 10 h 645"/>
                <a:gd name="T76" fmla="*/ 15 w 654"/>
                <a:gd name="T77" fmla="*/ 10 h 645"/>
                <a:gd name="T78" fmla="*/ 14 w 654"/>
                <a:gd name="T79" fmla="*/ 10 h 645"/>
                <a:gd name="T80" fmla="*/ 15 w 654"/>
                <a:gd name="T81" fmla="*/ 8 h 645"/>
                <a:gd name="T82" fmla="*/ 15 w 654"/>
                <a:gd name="T83" fmla="*/ 7 h 645"/>
                <a:gd name="T84" fmla="*/ 16 w 654"/>
                <a:gd name="T85" fmla="*/ 7 h 645"/>
                <a:gd name="T86" fmla="*/ 17 w 654"/>
                <a:gd name="T87" fmla="*/ 5 h 645"/>
                <a:gd name="T88" fmla="*/ 15 w 654"/>
                <a:gd name="T89" fmla="*/ 4 h 645"/>
                <a:gd name="T90" fmla="*/ 14 w 654"/>
                <a:gd name="T91" fmla="*/ 3 h 645"/>
                <a:gd name="T92" fmla="*/ 13 w 654"/>
                <a:gd name="T93" fmla="*/ 3 h 645"/>
                <a:gd name="T94" fmla="*/ 12 w 654"/>
                <a:gd name="T95" fmla="*/ 2 h 645"/>
                <a:gd name="T96" fmla="*/ 12 w 654"/>
                <a:gd name="T97" fmla="*/ 2 h 645"/>
                <a:gd name="T98" fmla="*/ 10 w 654"/>
                <a:gd name="T99" fmla="*/ 1 h 645"/>
                <a:gd name="T100" fmla="*/ 10 w 654"/>
                <a:gd name="T101" fmla="*/ 0 h 645"/>
                <a:gd name="T102" fmla="*/ 19 w 654"/>
                <a:gd name="T103" fmla="*/ 16 h 645"/>
                <a:gd name="T104" fmla="*/ 18 w 654"/>
                <a:gd name="T105" fmla="*/ 19 h 645"/>
                <a:gd name="T106" fmla="*/ 18 w 654"/>
                <a:gd name="T107" fmla="*/ 17 h 645"/>
                <a:gd name="T108" fmla="*/ 19 w 654"/>
                <a:gd name="T109" fmla="*/ 16 h 645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654"/>
                <a:gd name="T166" fmla="*/ 0 h 645"/>
                <a:gd name="T167" fmla="*/ 654 w 654"/>
                <a:gd name="T168" fmla="*/ 645 h 645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654" h="645">
                  <a:moveTo>
                    <a:pt x="342" y="0"/>
                  </a:moveTo>
                  <a:lnTo>
                    <a:pt x="299" y="15"/>
                  </a:lnTo>
                  <a:lnTo>
                    <a:pt x="294" y="29"/>
                  </a:lnTo>
                  <a:lnTo>
                    <a:pt x="292" y="63"/>
                  </a:lnTo>
                  <a:lnTo>
                    <a:pt x="269" y="82"/>
                  </a:lnTo>
                  <a:lnTo>
                    <a:pt x="231" y="99"/>
                  </a:lnTo>
                  <a:lnTo>
                    <a:pt x="226" y="114"/>
                  </a:lnTo>
                  <a:lnTo>
                    <a:pt x="241" y="119"/>
                  </a:lnTo>
                  <a:lnTo>
                    <a:pt x="210" y="130"/>
                  </a:lnTo>
                  <a:lnTo>
                    <a:pt x="172" y="125"/>
                  </a:lnTo>
                  <a:lnTo>
                    <a:pt x="161" y="111"/>
                  </a:lnTo>
                  <a:lnTo>
                    <a:pt x="161" y="105"/>
                  </a:lnTo>
                  <a:lnTo>
                    <a:pt x="133" y="101"/>
                  </a:lnTo>
                  <a:lnTo>
                    <a:pt x="150" y="169"/>
                  </a:lnTo>
                  <a:lnTo>
                    <a:pt x="156" y="172"/>
                  </a:lnTo>
                  <a:lnTo>
                    <a:pt x="151" y="178"/>
                  </a:lnTo>
                  <a:lnTo>
                    <a:pt x="136" y="172"/>
                  </a:lnTo>
                  <a:lnTo>
                    <a:pt x="100" y="181"/>
                  </a:lnTo>
                  <a:lnTo>
                    <a:pt x="80" y="162"/>
                  </a:lnTo>
                  <a:lnTo>
                    <a:pt x="62" y="162"/>
                  </a:lnTo>
                  <a:lnTo>
                    <a:pt x="56" y="169"/>
                  </a:lnTo>
                  <a:lnTo>
                    <a:pt x="3" y="184"/>
                  </a:lnTo>
                  <a:lnTo>
                    <a:pt x="0" y="198"/>
                  </a:lnTo>
                  <a:lnTo>
                    <a:pt x="17" y="195"/>
                  </a:lnTo>
                  <a:lnTo>
                    <a:pt x="9" y="204"/>
                  </a:lnTo>
                  <a:lnTo>
                    <a:pt x="17" y="213"/>
                  </a:lnTo>
                  <a:lnTo>
                    <a:pt x="6" y="218"/>
                  </a:lnTo>
                  <a:lnTo>
                    <a:pt x="20" y="233"/>
                  </a:lnTo>
                  <a:lnTo>
                    <a:pt x="37" y="230"/>
                  </a:lnTo>
                  <a:lnTo>
                    <a:pt x="73" y="249"/>
                  </a:lnTo>
                  <a:lnTo>
                    <a:pt x="105" y="252"/>
                  </a:lnTo>
                  <a:lnTo>
                    <a:pt x="107" y="267"/>
                  </a:lnTo>
                  <a:lnTo>
                    <a:pt x="139" y="272"/>
                  </a:lnTo>
                  <a:lnTo>
                    <a:pt x="122" y="274"/>
                  </a:lnTo>
                  <a:lnTo>
                    <a:pt x="125" y="299"/>
                  </a:lnTo>
                  <a:lnTo>
                    <a:pt x="139" y="320"/>
                  </a:lnTo>
                  <a:lnTo>
                    <a:pt x="170" y="334"/>
                  </a:lnTo>
                  <a:lnTo>
                    <a:pt x="173" y="360"/>
                  </a:lnTo>
                  <a:lnTo>
                    <a:pt x="168" y="370"/>
                  </a:lnTo>
                  <a:lnTo>
                    <a:pt x="187" y="393"/>
                  </a:lnTo>
                  <a:lnTo>
                    <a:pt x="189" y="402"/>
                  </a:lnTo>
                  <a:lnTo>
                    <a:pt x="175" y="385"/>
                  </a:lnTo>
                  <a:lnTo>
                    <a:pt x="168" y="435"/>
                  </a:lnTo>
                  <a:lnTo>
                    <a:pt x="175" y="441"/>
                  </a:lnTo>
                  <a:lnTo>
                    <a:pt x="167" y="458"/>
                  </a:lnTo>
                  <a:lnTo>
                    <a:pt x="156" y="507"/>
                  </a:lnTo>
                  <a:lnTo>
                    <a:pt x="153" y="518"/>
                  </a:lnTo>
                  <a:lnTo>
                    <a:pt x="136" y="523"/>
                  </a:lnTo>
                  <a:lnTo>
                    <a:pt x="156" y="541"/>
                  </a:lnTo>
                  <a:lnTo>
                    <a:pt x="189" y="557"/>
                  </a:lnTo>
                  <a:lnTo>
                    <a:pt x="238" y="568"/>
                  </a:lnTo>
                  <a:lnTo>
                    <a:pt x="260" y="560"/>
                  </a:lnTo>
                  <a:lnTo>
                    <a:pt x="278" y="572"/>
                  </a:lnTo>
                  <a:lnTo>
                    <a:pt x="288" y="569"/>
                  </a:lnTo>
                  <a:lnTo>
                    <a:pt x="294" y="577"/>
                  </a:lnTo>
                  <a:lnTo>
                    <a:pt x="311" y="586"/>
                  </a:lnTo>
                  <a:lnTo>
                    <a:pt x="361" y="583"/>
                  </a:lnTo>
                  <a:lnTo>
                    <a:pt x="356" y="555"/>
                  </a:lnTo>
                  <a:lnTo>
                    <a:pt x="365" y="535"/>
                  </a:lnTo>
                  <a:lnTo>
                    <a:pt x="402" y="512"/>
                  </a:lnTo>
                  <a:lnTo>
                    <a:pt x="432" y="523"/>
                  </a:lnTo>
                  <a:lnTo>
                    <a:pt x="449" y="521"/>
                  </a:lnTo>
                  <a:lnTo>
                    <a:pt x="498" y="540"/>
                  </a:lnTo>
                  <a:lnTo>
                    <a:pt x="518" y="531"/>
                  </a:lnTo>
                  <a:lnTo>
                    <a:pt x="544" y="503"/>
                  </a:lnTo>
                  <a:lnTo>
                    <a:pt x="561" y="492"/>
                  </a:lnTo>
                  <a:lnTo>
                    <a:pt x="560" y="472"/>
                  </a:lnTo>
                  <a:lnTo>
                    <a:pt x="539" y="470"/>
                  </a:lnTo>
                  <a:lnTo>
                    <a:pt x="531" y="453"/>
                  </a:lnTo>
                  <a:lnTo>
                    <a:pt x="532" y="430"/>
                  </a:lnTo>
                  <a:lnTo>
                    <a:pt x="522" y="422"/>
                  </a:lnTo>
                  <a:lnTo>
                    <a:pt x="524" y="413"/>
                  </a:lnTo>
                  <a:lnTo>
                    <a:pt x="537" y="399"/>
                  </a:lnTo>
                  <a:lnTo>
                    <a:pt x="526" y="365"/>
                  </a:lnTo>
                  <a:lnTo>
                    <a:pt x="534" y="362"/>
                  </a:lnTo>
                  <a:lnTo>
                    <a:pt x="532" y="351"/>
                  </a:lnTo>
                  <a:lnTo>
                    <a:pt x="526" y="350"/>
                  </a:lnTo>
                  <a:lnTo>
                    <a:pt x="524" y="328"/>
                  </a:lnTo>
                  <a:lnTo>
                    <a:pt x="507" y="326"/>
                  </a:lnTo>
                  <a:lnTo>
                    <a:pt x="492" y="343"/>
                  </a:lnTo>
                  <a:lnTo>
                    <a:pt x="490" y="323"/>
                  </a:lnTo>
                  <a:lnTo>
                    <a:pt x="514" y="283"/>
                  </a:lnTo>
                  <a:lnTo>
                    <a:pt x="534" y="261"/>
                  </a:lnTo>
                  <a:lnTo>
                    <a:pt x="531" y="257"/>
                  </a:lnTo>
                  <a:lnTo>
                    <a:pt x="534" y="252"/>
                  </a:lnTo>
                  <a:lnTo>
                    <a:pt x="560" y="245"/>
                  </a:lnTo>
                  <a:lnTo>
                    <a:pt x="557" y="212"/>
                  </a:lnTo>
                  <a:lnTo>
                    <a:pt x="568" y="181"/>
                  </a:lnTo>
                  <a:lnTo>
                    <a:pt x="583" y="150"/>
                  </a:lnTo>
                  <a:lnTo>
                    <a:pt x="522" y="135"/>
                  </a:lnTo>
                  <a:lnTo>
                    <a:pt x="500" y="110"/>
                  </a:lnTo>
                  <a:lnTo>
                    <a:pt x="476" y="108"/>
                  </a:lnTo>
                  <a:lnTo>
                    <a:pt x="459" y="106"/>
                  </a:lnTo>
                  <a:lnTo>
                    <a:pt x="444" y="96"/>
                  </a:lnTo>
                  <a:lnTo>
                    <a:pt x="441" y="69"/>
                  </a:lnTo>
                  <a:lnTo>
                    <a:pt x="427" y="80"/>
                  </a:lnTo>
                  <a:lnTo>
                    <a:pt x="410" y="79"/>
                  </a:lnTo>
                  <a:lnTo>
                    <a:pt x="402" y="54"/>
                  </a:lnTo>
                  <a:lnTo>
                    <a:pt x="371" y="40"/>
                  </a:lnTo>
                  <a:lnTo>
                    <a:pt x="363" y="25"/>
                  </a:lnTo>
                  <a:lnTo>
                    <a:pt x="345" y="21"/>
                  </a:lnTo>
                  <a:lnTo>
                    <a:pt x="342" y="0"/>
                  </a:lnTo>
                  <a:close/>
                  <a:moveTo>
                    <a:pt x="644" y="543"/>
                  </a:moveTo>
                  <a:lnTo>
                    <a:pt x="647" y="544"/>
                  </a:lnTo>
                  <a:lnTo>
                    <a:pt x="654" y="594"/>
                  </a:lnTo>
                  <a:lnTo>
                    <a:pt x="637" y="645"/>
                  </a:lnTo>
                  <a:lnTo>
                    <a:pt x="616" y="620"/>
                  </a:lnTo>
                  <a:lnTo>
                    <a:pt x="610" y="580"/>
                  </a:lnTo>
                  <a:lnTo>
                    <a:pt x="616" y="568"/>
                  </a:lnTo>
                  <a:lnTo>
                    <a:pt x="640" y="558"/>
                  </a:lnTo>
                  <a:lnTo>
                    <a:pt x="644" y="54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71" name="Freeform 210"/>
            <p:cNvSpPr>
              <a:spLocks noChangeAspect="1" noEditPoints="1"/>
            </p:cNvSpPr>
            <p:nvPr/>
          </p:nvSpPr>
          <p:spPr bwMode="gray">
            <a:xfrm>
              <a:off x="5321300" y="2997201"/>
              <a:ext cx="134938" cy="127000"/>
            </a:xfrm>
            <a:custGeom>
              <a:avLst/>
              <a:gdLst>
                <a:gd name="T0" fmla="*/ 6 w 273"/>
                <a:gd name="T1" fmla="*/ 2 h 261"/>
                <a:gd name="T2" fmla="*/ 4 w 273"/>
                <a:gd name="T3" fmla="*/ 0 h 261"/>
                <a:gd name="T4" fmla="*/ 4 w 273"/>
                <a:gd name="T5" fmla="*/ 0 h 261"/>
                <a:gd name="T6" fmla="*/ 3 w 273"/>
                <a:gd name="T7" fmla="*/ 1 h 261"/>
                <a:gd name="T8" fmla="*/ 3 w 273"/>
                <a:gd name="T9" fmla="*/ 1 h 261"/>
                <a:gd name="T10" fmla="*/ 2 w 273"/>
                <a:gd name="T11" fmla="*/ 2 h 261"/>
                <a:gd name="T12" fmla="*/ 2 w 273"/>
                <a:gd name="T13" fmla="*/ 2 h 261"/>
                <a:gd name="T14" fmla="*/ 2 w 273"/>
                <a:gd name="T15" fmla="*/ 2 h 261"/>
                <a:gd name="T16" fmla="*/ 1 w 273"/>
                <a:gd name="T17" fmla="*/ 2 h 261"/>
                <a:gd name="T18" fmla="*/ 0 w 273"/>
                <a:gd name="T19" fmla="*/ 2 h 261"/>
                <a:gd name="T20" fmla="*/ 1 w 273"/>
                <a:gd name="T21" fmla="*/ 3 h 261"/>
                <a:gd name="T22" fmla="*/ 1 w 273"/>
                <a:gd name="T23" fmla="*/ 2 h 261"/>
                <a:gd name="T24" fmla="*/ 2 w 273"/>
                <a:gd name="T25" fmla="*/ 3 h 261"/>
                <a:gd name="T26" fmla="*/ 2 w 273"/>
                <a:gd name="T27" fmla="*/ 4 h 261"/>
                <a:gd name="T28" fmla="*/ 2 w 273"/>
                <a:gd name="T29" fmla="*/ 5 h 261"/>
                <a:gd name="T30" fmla="*/ 3 w 273"/>
                <a:gd name="T31" fmla="*/ 6 h 261"/>
                <a:gd name="T32" fmla="*/ 6 w 273"/>
                <a:gd name="T33" fmla="*/ 6 h 261"/>
                <a:gd name="T34" fmla="*/ 6 w 273"/>
                <a:gd name="T35" fmla="*/ 6 h 261"/>
                <a:gd name="T36" fmla="*/ 5 w 273"/>
                <a:gd name="T37" fmla="*/ 6 h 261"/>
                <a:gd name="T38" fmla="*/ 4 w 273"/>
                <a:gd name="T39" fmla="*/ 4 h 261"/>
                <a:gd name="T40" fmla="*/ 3 w 273"/>
                <a:gd name="T41" fmla="*/ 3 h 261"/>
                <a:gd name="T42" fmla="*/ 4 w 273"/>
                <a:gd name="T43" fmla="*/ 2 h 261"/>
                <a:gd name="T44" fmla="*/ 4 w 273"/>
                <a:gd name="T45" fmla="*/ 2 h 261"/>
                <a:gd name="T46" fmla="*/ 5 w 273"/>
                <a:gd name="T47" fmla="*/ 2 h 261"/>
                <a:gd name="T48" fmla="*/ 6 w 273"/>
                <a:gd name="T49" fmla="*/ 2 h 261"/>
                <a:gd name="T50" fmla="*/ 7 w 273"/>
                <a:gd name="T51" fmla="*/ 3 h 261"/>
                <a:gd name="T52" fmla="*/ 8 w 273"/>
                <a:gd name="T53" fmla="*/ 2 h 261"/>
                <a:gd name="T54" fmla="*/ 7 w 273"/>
                <a:gd name="T55" fmla="*/ 2 h 261"/>
                <a:gd name="T56" fmla="*/ 7 w 273"/>
                <a:gd name="T57" fmla="*/ 2 h 261"/>
                <a:gd name="T58" fmla="*/ 7 w 273"/>
                <a:gd name="T59" fmla="*/ 1 h 261"/>
                <a:gd name="T60" fmla="*/ 1 w 273"/>
                <a:gd name="T61" fmla="*/ 4 h 261"/>
                <a:gd name="T62" fmla="*/ 1 w 273"/>
                <a:gd name="T63" fmla="*/ 3 h 261"/>
                <a:gd name="T64" fmla="*/ 2 w 273"/>
                <a:gd name="T65" fmla="*/ 3 h 261"/>
                <a:gd name="T66" fmla="*/ 2 w 273"/>
                <a:gd name="T67" fmla="*/ 3 h 261"/>
                <a:gd name="T68" fmla="*/ 5 w 273"/>
                <a:gd name="T69" fmla="*/ 6 h 261"/>
                <a:gd name="T70" fmla="*/ 4 w 273"/>
                <a:gd name="T71" fmla="*/ 6 h 261"/>
                <a:gd name="T72" fmla="*/ 6 w 273"/>
                <a:gd name="T73" fmla="*/ 7 h 261"/>
                <a:gd name="T74" fmla="*/ 5 w 273"/>
                <a:gd name="T75" fmla="*/ 6 h 261"/>
                <a:gd name="T76" fmla="*/ 5 w 273"/>
                <a:gd name="T77" fmla="*/ 6 h 261"/>
                <a:gd name="T78" fmla="*/ 6 w 273"/>
                <a:gd name="T79" fmla="*/ 7 h 261"/>
                <a:gd name="T80" fmla="*/ 7 w 273"/>
                <a:gd name="T81" fmla="*/ 8 h 261"/>
                <a:gd name="T82" fmla="*/ 7 w 273"/>
                <a:gd name="T83" fmla="*/ 7 h 261"/>
                <a:gd name="T84" fmla="*/ 7 w 273"/>
                <a:gd name="T85" fmla="*/ 7 h 261"/>
                <a:gd name="T86" fmla="*/ 6 w 273"/>
                <a:gd name="T87" fmla="*/ 7 h 261"/>
                <a:gd name="T88" fmla="*/ 6 w 273"/>
                <a:gd name="T89" fmla="*/ 7 h 261"/>
                <a:gd name="T90" fmla="*/ 6 w 273"/>
                <a:gd name="T91" fmla="*/ 7 h 261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273"/>
                <a:gd name="T139" fmla="*/ 0 h 261"/>
                <a:gd name="T140" fmla="*/ 273 w 273"/>
                <a:gd name="T141" fmla="*/ 261 h 261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273" h="261">
                  <a:moveTo>
                    <a:pt x="240" y="43"/>
                  </a:moveTo>
                  <a:lnTo>
                    <a:pt x="203" y="53"/>
                  </a:lnTo>
                  <a:lnTo>
                    <a:pt x="181" y="41"/>
                  </a:lnTo>
                  <a:lnTo>
                    <a:pt x="143" y="6"/>
                  </a:lnTo>
                  <a:lnTo>
                    <a:pt x="139" y="6"/>
                  </a:lnTo>
                  <a:lnTo>
                    <a:pt x="127" y="0"/>
                  </a:lnTo>
                  <a:lnTo>
                    <a:pt x="126" y="14"/>
                  </a:lnTo>
                  <a:lnTo>
                    <a:pt x="96" y="24"/>
                  </a:lnTo>
                  <a:lnTo>
                    <a:pt x="95" y="32"/>
                  </a:lnTo>
                  <a:lnTo>
                    <a:pt x="101" y="37"/>
                  </a:lnTo>
                  <a:lnTo>
                    <a:pt x="101" y="46"/>
                  </a:lnTo>
                  <a:lnTo>
                    <a:pt x="79" y="62"/>
                  </a:lnTo>
                  <a:lnTo>
                    <a:pt x="79" y="80"/>
                  </a:lnTo>
                  <a:lnTo>
                    <a:pt x="76" y="83"/>
                  </a:lnTo>
                  <a:lnTo>
                    <a:pt x="65" y="77"/>
                  </a:lnTo>
                  <a:lnTo>
                    <a:pt x="58" y="80"/>
                  </a:lnTo>
                  <a:lnTo>
                    <a:pt x="50" y="63"/>
                  </a:lnTo>
                  <a:lnTo>
                    <a:pt x="39" y="77"/>
                  </a:lnTo>
                  <a:lnTo>
                    <a:pt x="0" y="73"/>
                  </a:lnTo>
                  <a:lnTo>
                    <a:pt x="2" y="73"/>
                  </a:lnTo>
                  <a:lnTo>
                    <a:pt x="4" y="90"/>
                  </a:lnTo>
                  <a:lnTo>
                    <a:pt x="16" y="113"/>
                  </a:lnTo>
                  <a:lnTo>
                    <a:pt x="24" y="116"/>
                  </a:lnTo>
                  <a:lnTo>
                    <a:pt x="39" y="83"/>
                  </a:lnTo>
                  <a:lnTo>
                    <a:pt x="50" y="87"/>
                  </a:lnTo>
                  <a:lnTo>
                    <a:pt x="61" y="100"/>
                  </a:lnTo>
                  <a:lnTo>
                    <a:pt x="71" y="134"/>
                  </a:lnTo>
                  <a:lnTo>
                    <a:pt x="88" y="147"/>
                  </a:lnTo>
                  <a:lnTo>
                    <a:pt x="79" y="150"/>
                  </a:lnTo>
                  <a:lnTo>
                    <a:pt x="78" y="158"/>
                  </a:lnTo>
                  <a:lnTo>
                    <a:pt x="110" y="183"/>
                  </a:lnTo>
                  <a:lnTo>
                    <a:pt x="115" y="198"/>
                  </a:lnTo>
                  <a:lnTo>
                    <a:pt x="156" y="204"/>
                  </a:lnTo>
                  <a:lnTo>
                    <a:pt x="186" y="230"/>
                  </a:lnTo>
                  <a:lnTo>
                    <a:pt x="185" y="230"/>
                  </a:lnTo>
                  <a:lnTo>
                    <a:pt x="192" y="227"/>
                  </a:lnTo>
                  <a:lnTo>
                    <a:pt x="173" y="207"/>
                  </a:lnTo>
                  <a:lnTo>
                    <a:pt x="172" y="197"/>
                  </a:lnTo>
                  <a:lnTo>
                    <a:pt x="122" y="150"/>
                  </a:lnTo>
                  <a:lnTo>
                    <a:pt x="121" y="131"/>
                  </a:lnTo>
                  <a:lnTo>
                    <a:pt x="112" y="116"/>
                  </a:lnTo>
                  <a:lnTo>
                    <a:pt x="102" y="110"/>
                  </a:lnTo>
                  <a:lnTo>
                    <a:pt x="105" y="87"/>
                  </a:lnTo>
                  <a:lnTo>
                    <a:pt x="118" y="83"/>
                  </a:lnTo>
                  <a:lnTo>
                    <a:pt x="130" y="97"/>
                  </a:lnTo>
                  <a:lnTo>
                    <a:pt x="139" y="83"/>
                  </a:lnTo>
                  <a:lnTo>
                    <a:pt x="147" y="83"/>
                  </a:lnTo>
                  <a:lnTo>
                    <a:pt x="160" y="80"/>
                  </a:lnTo>
                  <a:lnTo>
                    <a:pt x="200" y="96"/>
                  </a:lnTo>
                  <a:lnTo>
                    <a:pt x="209" y="88"/>
                  </a:lnTo>
                  <a:lnTo>
                    <a:pt x="239" y="93"/>
                  </a:lnTo>
                  <a:lnTo>
                    <a:pt x="248" y="108"/>
                  </a:lnTo>
                  <a:lnTo>
                    <a:pt x="259" y="104"/>
                  </a:lnTo>
                  <a:lnTo>
                    <a:pt x="262" y="85"/>
                  </a:lnTo>
                  <a:lnTo>
                    <a:pt x="273" y="83"/>
                  </a:lnTo>
                  <a:lnTo>
                    <a:pt x="251" y="74"/>
                  </a:lnTo>
                  <a:lnTo>
                    <a:pt x="256" y="65"/>
                  </a:lnTo>
                  <a:lnTo>
                    <a:pt x="246" y="63"/>
                  </a:lnTo>
                  <a:lnTo>
                    <a:pt x="248" y="48"/>
                  </a:lnTo>
                  <a:lnTo>
                    <a:pt x="240" y="43"/>
                  </a:lnTo>
                  <a:close/>
                  <a:moveTo>
                    <a:pt x="36" y="96"/>
                  </a:moveTo>
                  <a:lnTo>
                    <a:pt x="44" y="125"/>
                  </a:lnTo>
                  <a:lnTo>
                    <a:pt x="36" y="113"/>
                  </a:lnTo>
                  <a:lnTo>
                    <a:pt x="36" y="96"/>
                  </a:lnTo>
                  <a:close/>
                  <a:moveTo>
                    <a:pt x="48" y="90"/>
                  </a:moveTo>
                  <a:lnTo>
                    <a:pt x="56" y="105"/>
                  </a:lnTo>
                  <a:lnTo>
                    <a:pt x="42" y="100"/>
                  </a:lnTo>
                  <a:lnTo>
                    <a:pt x="48" y="90"/>
                  </a:lnTo>
                  <a:close/>
                  <a:moveTo>
                    <a:pt x="134" y="206"/>
                  </a:moveTo>
                  <a:lnTo>
                    <a:pt x="155" y="210"/>
                  </a:lnTo>
                  <a:lnTo>
                    <a:pt x="152" y="214"/>
                  </a:lnTo>
                  <a:lnTo>
                    <a:pt x="136" y="212"/>
                  </a:lnTo>
                  <a:lnTo>
                    <a:pt x="134" y="206"/>
                  </a:lnTo>
                  <a:close/>
                  <a:moveTo>
                    <a:pt x="186" y="234"/>
                  </a:moveTo>
                  <a:lnTo>
                    <a:pt x="181" y="234"/>
                  </a:lnTo>
                  <a:lnTo>
                    <a:pt x="178" y="229"/>
                  </a:lnTo>
                  <a:lnTo>
                    <a:pt x="168" y="226"/>
                  </a:lnTo>
                  <a:lnTo>
                    <a:pt x="164" y="229"/>
                  </a:lnTo>
                  <a:lnTo>
                    <a:pt x="177" y="232"/>
                  </a:lnTo>
                  <a:lnTo>
                    <a:pt x="190" y="241"/>
                  </a:lnTo>
                  <a:lnTo>
                    <a:pt x="203" y="243"/>
                  </a:lnTo>
                  <a:lnTo>
                    <a:pt x="229" y="261"/>
                  </a:lnTo>
                  <a:lnTo>
                    <a:pt x="229" y="254"/>
                  </a:lnTo>
                  <a:lnTo>
                    <a:pt x="226" y="254"/>
                  </a:lnTo>
                  <a:lnTo>
                    <a:pt x="226" y="251"/>
                  </a:lnTo>
                  <a:lnTo>
                    <a:pt x="219" y="249"/>
                  </a:lnTo>
                  <a:lnTo>
                    <a:pt x="211" y="243"/>
                  </a:lnTo>
                  <a:lnTo>
                    <a:pt x="205" y="241"/>
                  </a:lnTo>
                  <a:lnTo>
                    <a:pt x="198" y="235"/>
                  </a:lnTo>
                  <a:lnTo>
                    <a:pt x="198" y="232"/>
                  </a:lnTo>
                  <a:lnTo>
                    <a:pt x="194" y="230"/>
                  </a:lnTo>
                  <a:lnTo>
                    <a:pt x="186" y="23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72" name="Freeform 211"/>
            <p:cNvSpPr>
              <a:spLocks noChangeAspect="1"/>
            </p:cNvSpPr>
            <p:nvPr/>
          </p:nvSpPr>
          <p:spPr bwMode="gray">
            <a:xfrm>
              <a:off x="4468813" y="2163763"/>
              <a:ext cx="246063" cy="166688"/>
            </a:xfrm>
            <a:custGeom>
              <a:avLst/>
              <a:gdLst>
                <a:gd name="T0" fmla="*/ 4 w 507"/>
                <a:gd name="T1" fmla="*/ 8 h 346"/>
                <a:gd name="T2" fmla="*/ 2 w 507"/>
                <a:gd name="T3" fmla="*/ 8 h 346"/>
                <a:gd name="T4" fmla="*/ 4 w 507"/>
                <a:gd name="T5" fmla="*/ 7 h 346"/>
                <a:gd name="T6" fmla="*/ 3 w 507"/>
                <a:gd name="T7" fmla="*/ 7 h 346"/>
                <a:gd name="T8" fmla="*/ 3 w 507"/>
                <a:gd name="T9" fmla="*/ 6 h 346"/>
                <a:gd name="T10" fmla="*/ 1 w 507"/>
                <a:gd name="T11" fmla="*/ 5 h 346"/>
                <a:gd name="T12" fmla="*/ 2 w 507"/>
                <a:gd name="T13" fmla="*/ 5 h 346"/>
                <a:gd name="T14" fmla="*/ 4 w 507"/>
                <a:gd name="T15" fmla="*/ 4 h 346"/>
                <a:gd name="T16" fmla="*/ 3 w 507"/>
                <a:gd name="T17" fmla="*/ 5 h 346"/>
                <a:gd name="T18" fmla="*/ 3 w 507"/>
                <a:gd name="T19" fmla="*/ 3 h 346"/>
                <a:gd name="T20" fmla="*/ 2 w 507"/>
                <a:gd name="T21" fmla="*/ 3 h 346"/>
                <a:gd name="T22" fmla="*/ 0 w 507"/>
                <a:gd name="T23" fmla="*/ 3 h 346"/>
                <a:gd name="T24" fmla="*/ 1 w 507"/>
                <a:gd name="T25" fmla="*/ 3 h 346"/>
                <a:gd name="T26" fmla="*/ 1 w 507"/>
                <a:gd name="T27" fmla="*/ 2 h 346"/>
                <a:gd name="T28" fmla="*/ 2 w 507"/>
                <a:gd name="T29" fmla="*/ 3 h 346"/>
                <a:gd name="T30" fmla="*/ 2 w 507"/>
                <a:gd name="T31" fmla="*/ 2 h 346"/>
                <a:gd name="T32" fmla="*/ 1 w 507"/>
                <a:gd name="T33" fmla="*/ 2 h 346"/>
                <a:gd name="T34" fmla="*/ 1 w 507"/>
                <a:gd name="T35" fmla="*/ 2 h 346"/>
                <a:gd name="T36" fmla="*/ 2 w 507"/>
                <a:gd name="T37" fmla="*/ 2 h 346"/>
                <a:gd name="T38" fmla="*/ 2 w 507"/>
                <a:gd name="T39" fmla="*/ 2 h 346"/>
                <a:gd name="T40" fmla="*/ 2 w 507"/>
                <a:gd name="T41" fmla="*/ 2 h 346"/>
                <a:gd name="T42" fmla="*/ 3 w 507"/>
                <a:gd name="T43" fmla="*/ 2 h 346"/>
                <a:gd name="T44" fmla="*/ 3 w 507"/>
                <a:gd name="T45" fmla="*/ 2 h 346"/>
                <a:gd name="T46" fmla="*/ 2 w 507"/>
                <a:gd name="T47" fmla="*/ 1 h 346"/>
                <a:gd name="T48" fmla="*/ 3 w 507"/>
                <a:gd name="T49" fmla="*/ 1 h 346"/>
                <a:gd name="T50" fmla="*/ 2 w 507"/>
                <a:gd name="T51" fmla="*/ 1 h 346"/>
                <a:gd name="T52" fmla="*/ 3 w 507"/>
                <a:gd name="T53" fmla="*/ 0 h 346"/>
                <a:gd name="T54" fmla="*/ 4 w 507"/>
                <a:gd name="T55" fmla="*/ 2 h 346"/>
                <a:gd name="T56" fmla="*/ 4 w 507"/>
                <a:gd name="T57" fmla="*/ 2 h 346"/>
                <a:gd name="T58" fmla="*/ 4 w 507"/>
                <a:gd name="T59" fmla="*/ 3 h 346"/>
                <a:gd name="T60" fmla="*/ 4 w 507"/>
                <a:gd name="T61" fmla="*/ 3 h 346"/>
                <a:gd name="T62" fmla="*/ 4 w 507"/>
                <a:gd name="T63" fmla="*/ 4 h 346"/>
                <a:gd name="T64" fmla="*/ 4 w 507"/>
                <a:gd name="T65" fmla="*/ 4 h 346"/>
                <a:gd name="T66" fmla="*/ 5 w 507"/>
                <a:gd name="T67" fmla="*/ 4 h 346"/>
                <a:gd name="T68" fmla="*/ 5 w 507"/>
                <a:gd name="T69" fmla="*/ 3 h 346"/>
                <a:gd name="T70" fmla="*/ 6 w 507"/>
                <a:gd name="T71" fmla="*/ 2 h 346"/>
                <a:gd name="T72" fmla="*/ 6 w 507"/>
                <a:gd name="T73" fmla="*/ 2 h 346"/>
                <a:gd name="T74" fmla="*/ 7 w 507"/>
                <a:gd name="T75" fmla="*/ 2 h 346"/>
                <a:gd name="T76" fmla="*/ 8 w 507"/>
                <a:gd name="T77" fmla="*/ 1 h 346"/>
                <a:gd name="T78" fmla="*/ 9 w 507"/>
                <a:gd name="T79" fmla="*/ 2 h 346"/>
                <a:gd name="T80" fmla="*/ 9 w 507"/>
                <a:gd name="T81" fmla="*/ 1 h 346"/>
                <a:gd name="T82" fmla="*/ 9 w 507"/>
                <a:gd name="T83" fmla="*/ 2 h 346"/>
                <a:gd name="T84" fmla="*/ 11 w 507"/>
                <a:gd name="T85" fmla="*/ 1 h 346"/>
                <a:gd name="T86" fmla="*/ 11 w 507"/>
                <a:gd name="T87" fmla="*/ 0 h 346"/>
                <a:gd name="T88" fmla="*/ 12 w 507"/>
                <a:gd name="T89" fmla="*/ 1 h 346"/>
                <a:gd name="T90" fmla="*/ 13 w 507"/>
                <a:gd name="T91" fmla="*/ 1 h 346"/>
                <a:gd name="T92" fmla="*/ 12 w 507"/>
                <a:gd name="T93" fmla="*/ 2 h 346"/>
                <a:gd name="T94" fmla="*/ 13 w 507"/>
                <a:gd name="T95" fmla="*/ 2 h 346"/>
                <a:gd name="T96" fmla="*/ 13 w 507"/>
                <a:gd name="T97" fmla="*/ 2 h 346"/>
                <a:gd name="T98" fmla="*/ 13 w 507"/>
                <a:gd name="T99" fmla="*/ 3 h 346"/>
                <a:gd name="T100" fmla="*/ 14 w 507"/>
                <a:gd name="T101" fmla="*/ 3 h 346"/>
                <a:gd name="T102" fmla="*/ 14 w 507"/>
                <a:gd name="T103" fmla="*/ 4 h 346"/>
                <a:gd name="T104" fmla="*/ 14 w 507"/>
                <a:gd name="T105" fmla="*/ 4 h 346"/>
                <a:gd name="T106" fmla="*/ 14 w 507"/>
                <a:gd name="T107" fmla="*/ 5 h 346"/>
                <a:gd name="T108" fmla="*/ 13 w 507"/>
                <a:gd name="T109" fmla="*/ 6 h 346"/>
                <a:gd name="T110" fmla="*/ 13 w 507"/>
                <a:gd name="T111" fmla="*/ 7 h 346"/>
                <a:gd name="T112" fmla="*/ 12 w 507"/>
                <a:gd name="T113" fmla="*/ 7 h 346"/>
                <a:gd name="T114" fmla="*/ 10 w 507"/>
                <a:gd name="T115" fmla="*/ 8 h 346"/>
                <a:gd name="T116" fmla="*/ 8 w 507"/>
                <a:gd name="T117" fmla="*/ 10 h 34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507"/>
                <a:gd name="T178" fmla="*/ 0 h 346"/>
                <a:gd name="T179" fmla="*/ 507 w 507"/>
                <a:gd name="T180" fmla="*/ 346 h 346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507" h="346">
                  <a:moveTo>
                    <a:pt x="210" y="329"/>
                  </a:moveTo>
                  <a:lnTo>
                    <a:pt x="154" y="295"/>
                  </a:lnTo>
                  <a:lnTo>
                    <a:pt x="86" y="300"/>
                  </a:lnTo>
                  <a:lnTo>
                    <a:pt x="83" y="273"/>
                  </a:lnTo>
                  <a:lnTo>
                    <a:pt x="94" y="282"/>
                  </a:lnTo>
                  <a:lnTo>
                    <a:pt x="125" y="262"/>
                  </a:lnTo>
                  <a:lnTo>
                    <a:pt x="125" y="245"/>
                  </a:lnTo>
                  <a:lnTo>
                    <a:pt x="110" y="248"/>
                  </a:lnTo>
                  <a:lnTo>
                    <a:pt x="127" y="219"/>
                  </a:lnTo>
                  <a:lnTo>
                    <a:pt x="111" y="229"/>
                  </a:lnTo>
                  <a:lnTo>
                    <a:pt x="91" y="192"/>
                  </a:lnTo>
                  <a:lnTo>
                    <a:pt x="26" y="197"/>
                  </a:lnTo>
                  <a:lnTo>
                    <a:pt x="29" y="186"/>
                  </a:lnTo>
                  <a:lnTo>
                    <a:pt x="79" y="168"/>
                  </a:lnTo>
                  <a:lnTo>
                    <a:pt x="120" y="172"/>
                  </a:lnTo>
                  <a:lnTo>
                    <a:pt x="128" y="151"/>
                  </a:lnTo>
                  <a:lnTo>
                    <a:pt x="119" y="161"/>
                  </a:lnTo>
                  <a:lnTo>
                    <a:pt x="93" y="157"/>
                  </a:lnTo>
                  <a:lnTo>
                    <a:pt x="125" y="124"/>
                  </a:lnTo>
                  <a:lnTo>
                    <a:pt x="105" y="123"/>
                  </a:lnTo>
                  <a:lnTo>
                    <a:pt x="93" y="107"/>
                  </a:lnTo>
                  <a:lnTo>
                    <a:pt x="74" y="106"/>
                  </a:lnTo>
                  <a:lnTo>
                    <a:pt x="40" y="126"/>
                  </a:lnTo>
                  <a:lnTo>
                    <a:pt x="0" y="123"/>
                  </a:lnTo>
                  <a:lnTo>
                    <a:pt x="6" y="104"/>
                  </a:lnTo>
                  <a:lnTo>
                    <a:pt x="26" y="107"/>
                  </a:lnTo>
                  <a:lnTo>
                    <a:pt x="30" y="101"/>
                  </a:lnTo>
                  <a:lnTo>
                    <a:pt x="17" y="84"/>
                  </a:lnTo>
                  <a:lnTo>
                    <a:pt x="43" y="104"/>
                  </a:lnTo>
                  <a:lnTo>
                    <a:pt x="59" y="101"/>
                  </a:lnTo>
                  <a:lnTo>
                    <a:pt x="52" y="95"/>
                  </a:lnTo>
                  <a:lnTo>
                    <a:pt x="57" y="85"/>
                  </a:lnTo>
                  <a:lnTo>
                    <a:pt x="34" y="78"/>
                  </a:lnTo>
                  <a:lnTo>
                    <a:pt x="43" y="75"/>
                  </a:lnTo>
                  <a:lnTo>
                    <a:pt x="30" y="56"/>
                  </a:lnTo>
                  <a:lnTo>
                    <a:pt x="43" y="64"/>
                  </a:lnTo>
                  <a:lnTo>
                    <a:pt x="38" y="51"/>
                  </a:lnTo>
                  <a:lnTo>
                    <a:pt x="49" y="55"/>
                  </a:lnTo>
                  <a:lnTo>
                    <a:pt x="42" y="45"/>
                  </a:lnTo>
                  <a:lnTo>
                    <a:pt x="64" y="50"/>
                  </a:lnTo>
                  <a:lnTo>
                    <a:pt x="68" y="65"/>
                  </a:lnTo>
                  <a:lnTo>
                    <a:pt x="77" y="59"/>
                  </a:lnTo>
                  <a:lnTo>
                    <a:pt x="88" y="81"/>
                  </a:lnTo>
                  <a:lnTo>
                    <a:pt x="91" y="70"/>
                  </a:lnTo>
                  <a:lnTo>
                    <a:pt x="94" y="81"/>
                  </a:lnTo>
                  <a:lnTo>
                    <a:pt x="100" y="68"/>
                  </a:lnTo>
                  <a:lnTo>
                    <a:pt x="94" y="51"/>
                  </a:lnTo>
                  <a:lnTo>
                    <a:pt x="74" y="39"/>
                  </a:lnTo>
                  <a:lnTo>
                    <a:pt x="79" y="30"/>
                  </a:lnTo>
                  <a:lnTo>
                    <a:pt x="94" y="33"/>
                  </a:lnTo>
                  <a:lnTo>
                    <a:pt x="85" y="22"/>
                  </a:lnTo>
                  <a:lnTo>
                    <a:pt x="64" y="24"/>
                  </a:lnTo>
                  <a:lnTo>
                    <a:pt x="66" y="9"/>
                  </a:lnTo>
                  <a:lnTo>
                    <a:pt x="96" y="14"/>
                  </a:lnTo>
                  <a:lnTo>
                    <a:pt x="145" y="61"/>
                  </a:lnTo>
                  <a:lnTo>
                    <a:pt x="137" y="68"/>
                  </a:lnTo>
                  <a:lnTo>
                    <a:pt x="147" y="73"/>
                  </a:lnTo>
                  <a:lnTo>
                    <a:pt x="147" y="85"/>
                  </a:lnTo>
                  <a:lnTo>
                    <a:pt x="139" y="97"/>
                  </a:lnTo>
                  <a:lnTo>
                    <a:pt x="142" y="106"/>
                  </a:lnTo>
                  <a:lnTo>
                    <a:pt x="142" y="114"/>
                  </a:lnTo>
                  <a:lnTo>
                    <a:pt x="147" y="109"/>
                  </a:lnTo>
                  <a:lnTo>
                    <a:pt x="148" y="119"/>
                  </a:lnTo>
                  <a:lnTo>
                    <a:pt x="144" y="124"/>
                  </a:lnTo>
                  <a:lnTo>
                    <a:pt x="152" y="127"/>
                  </a:lnTo>
                  <a:lnTo>
                    <a:pt x="152" y="148"/>
                  </a:lnTo>
                  <a:lnTo>
                    <a:pt x="159" y="129"/>
                  </a:lnTo>
                  <a:lnTo>
                    <a:pt x="169" y="127"/>
                  </a:lnTo>
                  <a:lnTo>
                    <a:pt x="173" y="101"/>
                  </a:lnTo>
                  <a:lnTo>
                    <a:pt x="186" y="118"/>
                  </a:lnTo>
                  <a:lnTo>
                    <a:pt x="191" y="109"/>
                  </a:lnTo>
                  <a:lnTo>
                    <a:pt x="196" y="84"/>
                  </a:lnTo>
                  <a:lnTo>
                    <a:pt x="191" y="51"/>
                  </a:lnTo>
                  <a:lnTo>
                    <a:pt x="196" y="50"/>
                  </a:lnTo>
                  <a:lnTo>
                    <a:pt x="232" y="92"/>
                  </a:lnTo>
                  <a:lnTo>
                    <a:pt x="238" y="75"/>
                  </a:lnTo>
                  <a:lnTo>
                    <a:pt x="235" y="58"/>
                  </a:lnTo>
                  <a:lnTo>
                    <a:pt x="267" y="39"/>
                  </a:lnTo>
                  <a:lnTo>
                    <a:pt x="295" y="101"/>
                  </a:lnTo>
                  <a:lnTo>
                    <a:pt x="298" y="76"/>
                  </a:lnTo>
                  <a:lnTo>
                    <a:pt x="289" y="45"/>
                  </a:lnTo>
                  <a:lnTo>
                    <a:pt x="303" y="45"/>
                  </a:lnTo>
                  <a:lnTo>
                    <a:pt x="318" y="61"/>
                  </a:lnTo>
                  <a:lnTo>
                    <a:pt x="329" y="56"/>
                  </a:lnTo>
                  <a:lnTo>
                    <a:pt x="334" y="42"/>
                  </a:lnTo>
                  <a:lnTo>
                    <a:pt x="372" y="45"/>
                  </a:lnTo>
                  <a:lnTo>
                    <a:pt x="368" y="7"/>
                  </a:lnTo>
                  <a:lnTo>
                    <a:pt x="382" y="0"/>
                  </a:lnTo>
                  <a:lnTo>
                    <a:pt x="405" y="17"/>
                  </a:lnTo>
                  <a:lnTo>
                    <a:pt x="402" y="33"/>
                  </a:lnTo>
                  <a:lnTo>
                    <a:pt x="416" y="42"/>
                  </a:lnTo>
                  <a:lnTo>
                    <a:pt x="456" y="17"/>
                  </a:lnTo>
                  <a:lnTo>
                    <a:pt x="461" y="21"/>
                  </a:lnTo>
                  <a:lnTo>
                    <a:pt x="433" y="51"/>
                  </a:lnTo>
                  <a:lnTo>
                    <a:pt x="435" y="58"/>
                  </a:lnTo>
                  <a:lnTo>
                    <a:pt x="452" y="55"/>
                  </a:lnTo>
                  <a:lnTo>
                    <a:pt x="455" y="72"/>
                  </a:lnTo>
                  <a:lnTo>
                    <a:pt x="450" y="93"/>
                  </a:lnTo>
                  <a:lnTo>
                    <a:pt x="470" y="90"/>
                  </a:lnTo>
                  <a:lnTo>
                    <a:pt x="470" y="106"/>
                  </a:lnTo>
                  <a:lnTo>
                    <a:pt x="484" y="110"/>
                  </a:lnTo>
                  <a:lnTo>
                    <a:pt x="485" y="99"/>
                  </a:lnTo>
                  <a:lnTo>
                    <a:pt x="499" y="126"/>
                  </a:lnTo>
                  <a:lnTo>
                    <a:pt x="492" y="141"/>
                  </a:lnTo>
                  <a:lnTo>
                    <a:pt x="498" y="153"/>
                  </a:lnTo>
                  <a:lnTo>
                    <a:pt x="506" y="148"/>
                  </a:lnTo>
                  <a:lnTo>
                    <a:pt x="507" y="161"/>
                  </a:lnTo>
                  <a:lnTo>
                    <a:pt x="498" y="183"/>
                  </a:lnTo>
                  <a:lnTo>
                    <a:pt x="462" y="205"/>
                  </a:lnTo>
                  <a:lnTo>
                    <a:pt x="461" y="214"/>
                  </a:lnTo>
                  <a:lnTo>
                    <a:pt x="476" y="209"/>
                  </a:lnTo>
                  <a:lnTo>
                    <a:pt x="444" y="253"/>
                  </a:lnTo>
                  <a:lnTo>
                    <a:pt x="423" y="234"/>
                  </a:lnTo>
                  <a:lnTo>
                    <a:pt x="422" y="246"/>
                  </a:lnTo>
                  <a:lnTo>
                    <a:pt x="377" y="287"/>
                  </a:lnTo>
                  <a:lnTo>
                    <a:pt x="345" y="288"/>
                  </a:lnTo>
                  <a:lnTo>
                    <a:pt x="300" y="334"/>
                  </a:lnTo>
                  <a:lnTo>
                    <a:pt x="272" y="346"/>
                  </a:lnTo>
                  <a:lnTo>
                    <a:pt x="210" y="32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73" name="Freeform 212"/>
            <p:cNvSpPr>
              <a:spLocks noChangeAspect="1" noEditPoints="1"/>
            </p:cNvSpPr>
            <p:nvPr/>
          </p:nvSpPr>
          <p:spPr bwMode="gray">
            <a:xfrm>
              <a:off x="5624513" y="1828801"/>
              <a:ext cx="3671888" cy="1331913"/>
            </a:xfrm>
            <a:custGeom>
              <a:avLst/>
              <a:gdLst>
                <a:gd name="T0" fmla="*/ 57 w 7540"/>
                <a:gd name="T1" fmla="*/ 19 h 2736"/>
                <a:gd name="T2" fmla="*/ 67 w 7540"/>
                <a:gd name="T3" fmla="*/ 17 h 2736"/>
                <a:gd name="T4" fmla="*/ 64 w 7540"/>
                <a:gd name="T5" fmla="*/ 2 h 2736"/>
                <a:gd name="T6" fmla="*/ 74 w 7540"/>
                <a:gd name="T7" fmla="*/ 6 h 2736"/>
                <a:gd name="T8" fmla="*/ 141 w 7540"/>
                <a:gd name="T9" fmla="*/ 0 h 2736"/>
                <a:gd name="T10" fmla="*/ 167 w 7540"/>
                <a:gd name="T11" fmla="*/ 4 h 2736"/>
                <a:gd name="T12" fmla="*/ 191 w 7540"/>
                <a:gd name="T13" fmla="*/ 9 h 2736"/>
                <a:gd name="T14" fmla="*/ 208 w 7540"/>
                <a:gd name="T15" fmla="*/ 14 h 2736"/>
                <a:gd name="T16" fmla="*/ 211 w 7540"/>
                <a:gd name="T17" fmla="*/ 20 h 2736"/>
                <a:gd name="T18" fmla="*/ 213 w 7540"/>
                <a:gd name="T19" fmla="*/ 18 h 2736"/>
                <a:gd name="T20" fmla="*/ 216 w 7540"/>
                <a:gd name="T21" fmla="*/ 23 h 2736"/>
                <a:gd name="T22" fmla="*/ 213 w 7540"/>
                <a:gd name="T23" fmla="*/ 27 h 2736"/>
                <a:gd name="T24" fmla="*/ 210 w 7540"/>
                <a:gd name="T25" fmla="*/ 25 h 2736"/>
                <a:gd name="T26" fmla="*/ 204 w 7540"/>
                <a:gd name="T27" fmla="*/ 21 h 2736"/>
                <a:gd name="T28" fmla="*/ 202 w 7540"/>
                <a:gd name="T29" fmla="*/ 31 h 2736"/>
                <a:gd name="T30" fmla="*/ 187 w 7540"/>
                <a:gd name="T31" fmla="*/ 38 h 2736"/>
                <a:gd name="T32" fmla="*/ 181 w 7540"/>
                <a:gd name="T33" fmla="*/ 48 h 2736"/>
                <a:gd name="T34" fmla="*/ 175 w 7540"/>
                <a:gd name="T35" fmla="*/ 56 h 2736"/>
                <a:gd name="T36" fmla="*/ 182 w 7540"/>
                <a:gd name="T37" fmla="*/ 36 h 2736"/>
                <a:gd name="T38" fmla="*/ 178 w 7540"/>
                <a:gd name="T39" fmla="*/ 34 h 2736"/>
                <a:gd name="T40" fmla="*/ 166 w 7540"/>
                <a:gd name="T41" fmla="*/ 40 h 2736"/>
                <a:gd name="T42" fmla="*/ 151 w 7540"/>
                <a:gd name="T43" fmla="*/ 45 h 2736"/>
                <a:gd name="T44" fmla="*/ 148 w 7540"/>
                <a:gd name="T45" fmla="*/ 55 h 2736"/>
                <a:gd name="T46" fmla="*/ 148 w 7540"/>
                <a:gd name="T47" fmla="*/ 69 h 2736"/>
                <a:gd name="T48" fmla="*/ 139 w 7540"/>
                <a:gd name="T49" fmla="*/ 73 h 2736"/>
                <a:gd name="T50" fmla="*/ 134 w 7540"/>
                <a:gd name="T51" fmla="*/ 63 h 2736"/>
                <a:gd name="T52" fmla="*/ 118 w 7540"/>
                <a:gd name="T53" fmla="*/ 63 h 2736"/>
                <a:gd name="T54" fmla="*/ 94 w 7540"/>
                <a:gd name="T55" fmla="*/ 62 h 2736"/>
                <a:gd name="T56" fmla="*/ 72 w 7540"/>
                <a:gd name="T57" fmla="*/ 60 h 2736"/>
                <a:gd name="T58" fmla="*/ 61 w 7540"/>
                <a:gd name="T59" fmla="*/ 53 h 2736"/>
                <a:gd name="T60" fmla="*/ 49 w 7540"/>
                <a:gd name="T61" fmla="*/ 53 h 2736"/>
                <a:gd name="T62" fmla="*/ 45 w 7540"/>
                <a:gd name="T63" fmla="*/ 59 h 2736"/>
                <a:gd name="T64" fmla="*/ 37 w 7540"/>
                <a:gd name="T65" fmla="*/ 61 h 2736"/>
                <a:gd name="T66" fmla="*/ 27 w 7540"/>
                <a:gd name="T67" fmla="*/ 62 h 2736"/>
                <a:gd name="T68" fmla="*/ 28 w 7540"/>
                <a:gd name="T69" fmla="*/ 70 h 2736"/>
                <a:gd name="T70" fmla="*/ 25 w 7540"/>
                <a:gd name="T71" fmla="*/ 77 h 2736"/>
                <a:gd name="T72" fmla="*/ 15 w 7540"/>
                <a:gd name="T73" fmla="*/ 69 h 2736"/>
                <a:gd name="T74" fmla="*/ 15 w 7540"/>
                <a:gd name="T75" fmla="*/ 62 h 2736"/>
                <a:gd name="T76" fmla="*/ 7 w 7540"/>
                <a:gd name="T77" fmla="*/ 54 h 2736"/>
                <a:gd name="T78" fmla="*/ 0 w 7540"/>
                <a:gd name="T79" fmla="*/ 42 h 2736"/>
                <a:gd name="T80" fmla="*/ 5 w 7540"/>
                <a:gd name="T81" fmla="*/ 27 h 2736"/>
                <a:gd name="T82" fmla="*/ 5 w 7540"/>
                <a:gd name="T83" fmla="*/ 9 h 2736"/>
                <a:gd name="T84" fmla="*/ 17 w 7540"/>
                <a:gd name="T85" fmla="*/ 21 h 2736"/>
                <a:gd name="T86" fmla="*/ 14 w 7540"/>
                <a:gd name="T87" fmla="*/ 27 h 2736"/>
                <a:gd name="T88" fmla="*/ 23 w 7540"/>
                <a:gd name="T89" fmla="*/ 16 h 2736"/>
                <a:gd name="T90" fmla="*/ 34 w 7540"/>
                <a:gd name="T91" fmla="*/ 12 h 2736"/>
                <a:gd name="T92" fmla="*/ 43 w 7540"/>
                <a:gd name="T93" fmla="*/ 13 h 2736"/>
                <a:gd name="T94" fmla="*/ 54 w 7540"/>
                <a:gd name="T95" fmla="*/ 7 h 2736"/>
                <a:gd name="T96" fmla="*/ 170 w 7540"/>
                <a:gd name="T97" fmla="*/ 63 h 2736"/>
                <a:gd name="T98" fmla="*/ 185 w 7540"/>
                <a:gd name="T99" fmla="*/ 51 h 2736"/>
                <a:gd name="T100" fmla="*/ 154 w 7540"/>
                <a:gd name="T101" fmla="*/ 53 h 2736"/>
                <a:gd name="T102" fmla="*/ 155 w 7540"/>
                <a:gd name="T103" fmla="*/ 64 h 2736"/>
                <a:gd name="T104" fmla="*/ 153 w 7540"/>
                <a:gd name="T105" fmla="*/ 65 h 2736"/>
                <a:gd name="T106" fmla="*/ 159 w 7540"/>
                <a:gd name="T107" fmla="*/ 74 h 2736"/>
                <a:gd name="T108" fmla="*/ 162 w 7540"/>
                <a:gd name="T109" fmla="*/ 71 h 2736"/>
                <a:gd name="T110" fmla="*/ 42 w 7540"/>
                <a:gd name="T111" fmla="*/ 8 h 2736"/>
                <a:gd name="T112" fmla="*/ 34 w 7540"/>
                <a:gd name="T113" fmla="*/ 2 h 2736"/>
                <a:gd name="T114" fmla="*/ 36 w 7540"/>
                <a:gd name="T115" fmla="*/ 3 h 2736"/>
                <a:gd name="T116" fmla="*/ 29 w 7540"/>
                <a:gd name="T117" fmla="*/ 9 h 2736"/>
                <a:gd name="T118" fmla="*/ 74 w 7540"/>
                <a:gd name="T119" fmla="*/ 6 h 2736"/>
                <a:gd name="T120" fmla="*/ 188 w 7540"/>
                <a:gd name="T121" fmla="*/ 7 h 2736"/>
                <a:gd name="T122" fmla="*/ 167 w 7540"/>
                <a:gd name="T123" fmla="*/ 68 h 27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7540"/>
                <a:gd name="T187" fmla="*/ 0 h 2736"/>
                <a:gd name="T188" fmla="*/ 7540 w 7540"/>
                <a:gd name="T189" fmla="*/ 2736 h 2736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7540" h="2736">
                  <a:moveTo>
                    <a:pt x="1911" y="0"/>
                  </a:moveTo>
                  <a:lnTo>
                    <a:pt x="2084" y="0"/>
                  </a:lnTo>
                  <a:lnTo>
                    <a:pt x="2066" y="47"/>
                  </a:lnTo>
                  <a:lnTo>
                    <a:pt x="2103" y="90"/>
                  </a:lnTo>
                  <a:lnTo>
                    <a:pt x="2112" y="140"/>
                  </a:lnTo>
                  <a:lnTo>
                    <a:pt x="2110" y="202"/>
                  </a:lnTo>
                  <a:lnTo>
                    <a:pt x="2095" y="220"/>
                  </a:lnTo>
                  <a:lnTo>
                    <a:pt x="2108" y="276"/>
                  </a:lnTo>
                  <a:lnTo>
                    <a:pt x="2098" y="387"/>
                  </a:lnTo>
                  <a:lnTo>
                    <a:pt x="2142" y="437"/>
                  </a:lnTo>
                  <a:lnTo>
                    <a:pt x="2142" y="461"/>
                  </a:lnTo>
                  <a:lnTo>
                    <a:pt x="2127" y="497"/>
                  </a:lnTo>
                  <a:lnTo>
                    <a:pt x="2127" y="550"/>
                  </a:lnTo>
                  <a:lnTo>
                    <a:pt x="2105" y="564"/>
                  </a:lnTo>
                  <a:lnTo>
                    <a:pt x="2075" y="637"/>
                  </a:lnTo>
                  <a:lnTo>
                    <a:pt x="1973" y="663"/>
                  </a:lnTo>
                  <a:lnTo>
                    <a:pt x="1986" y="705"/>
                  </a:lnTo>
                  <a:lnTo>
                    <a:pt x="2079" y="723"/>
                  </a:lnTo>
                  <a:lnTo>
                    <a:pt x="2090" y="720"/>
                  </a:lnTo>
                  <a:lnTo>
                    <a:pt x="2093" y="683"/>
                  </a:lnTo>
                  <a:lnTo>
                    <a:pt x="2146" y="649"/>
                  </a:lnTo>
                  <a:lnTo>
                    <a:pt x="2164" y="593"/>
                  </a:lnTo>
                  <a:lnTo>
                    <a:pt x="2201" y="553"/>
                  </a:lnTo>
                  <a:lnTo>
                    <a:pt x="2203" y="516"/>
                  </a:lnTo>
                  <a:lnTo>
                    <a:pt x="2181" y="465"/>
                  </a:lnTo>
                  <a:lnTo>
                    <a:pt x="2195" y="423"/>
                  </a:lnTo>
                  <a:lnTo>
                    <a:pt x="2288" y="393"/>
                  </a:lnTo>
                  <a:lnTo>
                    <a:pt x="2322" y="454"/>
                  </a:lnTo>
                  <a:lnTo>
                    <a:pt x="2316" y="482"/>
                  </a:lnTo>
                  <a:lnTo>
                    <a:pt x="2327" y="490"/>
                  </a:lnTo>
                  <a:lnTo>
                    <a:pt x="2316" y="547"/>
                  </a:lnTo>
                  <a:lnTo>
                    <a:pt x="2339" y="571"/>
                  </a:lnTo>
                  <a:lnTo>
                    <a:pt x="2395" y="564"/>
                  </a:lnTo>
                  <a:lnTo>
                    <a:pt x="2332" y="542"/>
                  </a:lnTo>
                  <a:lnTo>
                    <a:pt x="2335" y="497"/>
                  </a:lnTo>
                  <a:lnTo>
                    <a:pt x="2361" y="482"/>
                  </a:lnTo>
                  <a:lnTo>
                    <a:pt x="2339" y="406"/>
                  </a:lnTo>
                  <a:lnTo>
                    <a:pt x="2264" y="361"/>
                  </a:lnTo>
                  <a:lnTo>
                    <a:pt x="2222" y="380"/>
                  </a:lnTo>
                  <a:lnTo>
                    <a:pt x="2157" y="363"/>
                  </a:lnTo>
                  <a:lnTo>
                    <a:pt x="2166" y="327"/>
                  </a:lnTo>
                  <a:lnTo>
                    <a:pt x="2149" y="290"/>
                  </a:lnTo>
                  <a:lnTo>
                    <a:pt x="2183" y="165"/>
                  </a:lnTo>
                  <a:lnTo>
                    <a:pt x="2124" y="39"/>
                  </a:lnTo>
                  <a:lnTo>
                    <a:pt x="2137" y="0"/>
                  </a:lnTo>
                  <a:lnTo>
                    <a:pt x="2231" y="0"/>
                  </a:lnTo>
                  <a:lnTo>
                    <a:pt x="2237" y="31"/>
                  </a:lnTo>
                  <a:lnTo>
                    <a:pt x="2223" y="58"/>
                  </a:lnTo>
                  <a:lnTo>
                    <a:pt x="2232" y="70"/>
                  </a:lnTo>
                  <a:lnTo>
                    <a:pt x="2362" y="106"/>
                  </a:lnTo>
                  <a:lnTo>
                    <a:pt x="2361" y="81"/>
                  </a:lnTo>
                  <a:lnTo>
                    <a:pt x="2277" y="39"/>
                  </a:lnTo>
                  <a:lnTo>
                    <a:pt x="2263" y="0"/>
                  </a:lnTo>
                  <a:lnTo>
                    <a:pt x="2290" y="0"/>
                  </a:lnTo>
                  <a:lnTo>
                    <a:pt x="2299" y="19"/>
                  </a:lnTo>
                  <a:lnTo>
                    <a:pt x="2344" y="0"/>
                  </a:lnTo>
                  <a:lnTo>
                    <a:pt x="2501" y="0"/>
                  </a:lnTo>
                  <a:lnTo>
                    <a:pt x="2517" y="14"/>
                  </a:lnTo>
                  <a:lnTo>
                    <a:pt x="2598" y="24"/>
                  </a:lnTo>
                  <a:lnTo>
                    <a:pt x="2584" y="65"/>
                  </a:lnTo>
                  <a:lnTo>
                    <a:pt x="2552" y="92"/>
                  </a:lnTo>
                  <a:lnTo>
                    <a:pt x="2556" y="157"/>
                  </a:lnTo>
                  <a:lnTo>
                    <a:pt x="2548" y="182"/>
                  </a:lnTo>
                  <a:lnTo>
                    <a:pt x="2548" y="220"/>
                  </a:lnTo>
                  <a:lnTo>
                    <a:pt x="2560" y="239"/>
                  </a:lnTo>
                  <a:lnTo>
                    <a:pt x="2596" y="250"/>
                  </a:lnTo>
                  <a:lnTo>
                    <a:pt x="2593" y="219"/>
                  </a:lnTo>
                  <a:lnTo>
                    <a:pt x="2618" y="208"/>
                  </a:lnTo>
                  <a:lnTo>
                    <a:pt x="2619" y="168"/>
                  </a:lnTo>
                  <a:lnTo>
                    <a:pt x="2596" y="85"/>
                  </a:lnTo>
                  <a:lnTo>
                    <a:pt x="2616" y="35"/>
                  </a:lnTo>
                  <a:lnTo>
                    <a:pt x="2607" y="0"/>
                  </a:lnTo>
                  <a:lnTo>
                    <a:pt x="4694" y="0"/>
                  </a:lnTo>
                  <a:lnTo>
                    <a:pt x="4700" y="27"/>
                  </a:lnTo>
                  <a:lnTo>
                    <a:pt x="4712" y="24"/>
                  </a:lnTo>
                  <a:lnTo>
                    <a:pt x="4751" y="112"/>
                  </a:lnTo>
                  <a:lnTo>
                    <a:pt x="4796" y="129"/>
                  </a:lnTo>
                  <a:lnTo>
                    <a:pt x="4813" y="161"/>
                  </a:lnTo>
                  <a:lnTo>
                    <a:pt x="4869" y="0"/>
                  </a:lnTo>
                  <a:lnTo>
                    <a:pt x="4889" y="0"/>
                  </a:lnTo>
                  <a:lnTo>
                    <a:pt x="4921" y="60"/>
                  </a:lnTo>
                  <a:lnTo>
                    <a:pt x="5009" y="27"/>
                  </a:lnTo>
                  <a:lnTo>
                    <a:pt x="5045" y="45"/>
                  </a:lnTo>
                  <a:lnTo>
                    <a:pt x="5119" y="97"/>
                  </a:lnTo>
                  <a:lnTo>
                    <a:pt x="5189" y="45"/>
                  </a:lnTo>
                  <a:lnTo>
                    <a:pt x="5212" y="55"/>
                  </a:lnTo>
                  <a:lnTo>
                    <a:pt x="5201" y="11"/>
                  </a:lnTo>
                  <a:lnTo>
                    <a:pt x="5205" y="0"/>
                  </a:lnTo>
                  <a:lnTo>
                    <a:pt x="5641" y="0"/>
                  </a:lnTo>
                  <a:lnTo>
                    <a:pt x="5629" y="21"/>
                  </a:lnTo>
                  <a:lnTo>
                    <a:pt x="5685" y="30"/>
                  </a:lnTo>
                  <a:lnTo>
                    <a:pt x="5707" y="64"/>
                  </a:lnTo>
                  <a:lnTo>
                    <a:pt x="5749" y="55"/>
                  </a:lnTo>
                  <a:lnTo>
                    <a:pt x="5783" y="95"/>
                  </a:lnTo>
                  <a:lnTo>
                    <a:pt x="5756" y="123"/>
                  </a:lnTo>
                  <a:lnTo>
                    <a:pt x="5793" y="148"/>
                  </a:lnTo>
                  <a:lnTo>
                    <a:pt x="5893" y="121"/>
                  </a:lnTo>
                  <a:lnTo>
                    <a:pt x="6083" y="126"/>
                  </a:lnTo>
                  <a:lnTo>
                    <a:pt x="6135" y="200"/>
                  </a:lnTo>
                  <a:lnTo>
                    <a:pt x="6122" y="282"/>
                  </a:lnTo>
                  <a:lnTo>
                    <a:pt x="6149" y="293"/>
                  </a:lnTo>
                  <a:lnTo>
                    <a:pt x="6193" y="313"/>
                  </a:lnTo>
                  <a:lnTo>
                    <a:pt x="6194" y="338"/>
                  </a:lnTo>
                  <a:lnTo>
                    <a:pt x="6321" y="285"/>
                  </a:lnTo>
                  <a:lnTo>
                    <a:pt x="6333" y="307"/>
                  </a:lnTo>
                  <a:lnTo>
                    <a:pt x="6451" y="326"/>
                  </a:lnTo>
                  <a:lnTo>
                    <a:pt x="6493" y="287"/>
                  </a:lnTo>
                  <a:lnTo>
                    <a:pt x="6513" y="312"/>
                  </a:lnTo>
                  <a:lnTo>
                    <a:pt x="6516" y="359"/>
                  </a:lnTo>
                  <a:lnTo>
                    <a:pt x="6599" y="418"/>
                  </a:lnTo>
                  <a:lnTo>
                    <a:pt x="6643" y="375"/>
                  </a:lnTo>
                  <a:lnTo>
                    <a:pt x="6624" y="313"/>
                  </a:lnTo>
                  <a:lnTo>
                    <a:pt x="6599" y="307"/>
                  </a:lnTo>
                  <a:lnTo>
                    <a:pt x="6618" y="292"/>
                  </a:lnTo>
                  <a:lnTo>
                    <a:pt x="6618" y="254"/>
                  </a:lnTo>
                  <a:lnTo>
                    <a:pt x="6624" y="250"/>
                  </a:lnTo>
                  <a:lnTo>
                    <a:pt x="6867" y="273"/>
                  </a:lnTo>
                  <a:lnTo>
                    <a:pt x="6983" y="333"/>
                  </a:lnTo>
                  <a:lnTo>
                    <a:pt x="7059" y="398"/>
                  </a:lnTo>
                  <a:lnTo>
                    <a:pt x="7059" y="399"/>
                  </a:lnTo>
                  <a:lnTo>
                    <a:pt x="7107" y="418"/>
                  </a:lnTo>
                  <a:lnTo>
                    <a:pt x="7115" y="446"/>
                  </a:lnTo>
                  <a:lnTo>
                    <a:pt x="7141" y="457"/>
                  </a:lnTo>
                  <a:lnTo>
                    <a:pt x="7144" y="482"/>
                  </a:lnTo>
                  <a:lnTo>
                    <a:pt x="7161" y="474"/>
                  </a:lnTo>
                  <a:lnTo>
                    <a:pt x="7178" y="483"/>
                  </a:lnTo>
                  <a:lnTo>
                    <a:pt x="7184" y="499"/>
                  </a:lnTo>
                  <a:lnTo>
                    <a:pt x="7197" y="499"/>
                  </a:lnTo>
                  <a:lnTo>
                    <a:pt x="7201" y="511"/>
                  </a:lnTo>
                  <a:lnTo>
                    <a:pt x="7192" y="519"/>
                  </a:lnTo>
                  <a:lnTo>
                    <a:pt x="7234" y="531"/>
                  </a:lnTo>
                  <a:lnTo>
                    <a:pt x="7233" y="542"/>
                  </a:lnTo>
                  <a:lnTo>
                    <a:pt x="7220" y="551"/>
                  </a:lnTo>
                  <a:lnTo>
                    <a:pt x="7268" y="579"/>
                  </a:lnTo>
                  <a:lnTo>
                    <a:pt x="7245" y="542"/>
                  </a:lnTo>
                  <a:lnTo>
                    <a:pt x="7270" y="551"/>
                  </a:lnTo>
                  <a:lnTo>
                    <a:pt x="7274" y="570"/>
                  </a:lnTo>
                  <a:lnTo>
                    <a:pt x="7294" y="585"/>
                  </a:lnTo>
                  <a:lnTo>
                    <a:pt x="7296" y="596"/>
                  </a:lnTo>
                  <a:lnTo>
                    <a:pt x="7287" y="587"/>
                  </a:lnTo>
                  <a:lnTo>
                    <a:pt x="7302" y="639"/>
                  </a:lnTo>
                  <a:lnTo>
                    <a:pt x="7301" y="659"/>
                  </a:lnTo>
                  <a:lnTo>
                    <a:pt x="7316" y="671"/>
                  </a:lnTo>
                  <a:lnTo>
                    <a:pt x="7316" y="686"/>
                  </a:lnTo>
                  <a:lnTo>
                    <a:pt x="7335" y="688"/>
                  </a:lnTo>
                  <a:lnTo>
                    <a:pt x="7333" y="709"/>
                  </a:lnTo>
                  <a:lnTo>
                    <a:pt x="7344" y="703"/>
                  </a:lnTo>
                  <a:lnTo>
                    <a:pt x="7345" y="686"/>
                  </a:lnTo>
                  <a:lnTo>
                    <a:pt x="7327" y="676"/>
                  </a:lnTo>
                  <a:lnTo>
                    <a:pt x="7331" y="635"/>
                  </a:lnTo>
                  <a:lnTo>
                    <a:pt x="7319" y="634"/>
                  </a:lnTo>
                  <a:lnTo>
                    <a:pt x="7310" y="626"/>
                  </a:lnTo>
                  <a:lnTo>
                    <a:pt x="7324" y="624"/>
                  </a:lnTo>
                  <a:lnTo>
                    <a:pt x="7344" y="632"/>
                  </a:lnTo>
                  <a:lnTo>
                    <a:pt x="7345" y="615"/>
                  </a:lnTo>
                  <a:lnTo>
                    <a:pt x="7368" y="629"/>
                  </a:lnTo>
                  <a:lnTo>
                    <a:pt x="7358" y="639"/>
                  </a:lnTo>
                  <a:lnTo>
                    <a:pt x="7365" y="652"/>
                  </a:lnTo>
                  <a:lnTo>
                    <a:pt x="7372" y="646"/>
                  </a:lnTo>
                  <a:lnTo>
                    <a:pt x="7370" y="634"/>
                  </a:lnTo>
                  <a:lnTo>
                    <a:pt x="7395" y="646"/>
                  </a:lnTo>
                  <a:lnTo>
                    <a:pt x="7395" y="630"/>
                  </a:lnTo>
                  <a:lnTo>
                    <a:pt x="7438" y="639"/>
                  </a:lnTo>
                  <a:lnTo>
                    <a:pt x="7457" y="676"/>
                  </a:lnTo>
                  <a:lnTo>
                    <a:pt x="7495" y="712"/>
                  </a:lnTo>
                  <a:lnTo>
                    <a:pt x="7489" y="720"/>
                  </a:lnTo>
                  <a:lnTo>
                    <a:pt x="7494" y="725"/>
                  </a:lnTo>
                  <a:lnTo>
                    <a:pt x="7502" y="715"/>
                  </a:lnTo>
                  <a:lnTo>
                    <a:pt x="7509" y="728"/>
                  </a:lnTo>
                  <a:lnTo>
                    <a:pt x="7533" y="735"/>
                  </a:lnTo>
                  <a:lnTo>
                    <a:pt x="7494" y="756"/>
                  </a:lnTo>
                  <a:lnTo>
                    <a:pt x="7491" y="791"/>
                  </a:lnTo>
                  <a:lnTo>
                    <a:pt x="7457" y="766"/>
                  </a:lnTo>
                  <a:lnTo>
                    <a:pt x="7453" y="773"/>
                  </a:lnTo>
                  <a:lnTo>
                    <a:pt x="7455" y="786"/>
                  </a:lnTo>
                  <a:lnTo>
                    <a:pt x="7469" y="793"/>
                  </a:lnTo>
                  <a:lnTo>
                    <a:pt x="7472" y="802"/>
                  </a:lnTo>
                  <a:lnTo>
                    <a:pt x="7469" y="807"/>
                  </a:lnTo>
                  <a:lnTo>
                    <a:pt x="7431" y="803"/>
                  </a:lnTo>
                  <a:lnTo>
                    <a:pt x="7419" y="813"/>
                  </a:lnTo>
                  <a:lnTo>
                    <a:pt x="7418" y="832"/>
                  </a:lnTo>
                  <a:lnTo>
                    <a:pt x="7415" y="835"/>
                  </a:lnTo>
                  <a:lnTo>
                    <a:pt x="7424" y="852"/>
                  </a:lnTo>
                  <a:lnTo>
                    <a:pt x="7376" y="881"/>
                  </a:lnTo>
                  <a:lnTo>
                    <a:pt x="7392" y="884"/>
                  </a:lnTo>
                  <a:lnTo>
                    <a:pt x="7382" y="895"/>
                  </a:lnTo>
                  <a:lnTo>
                    <a:pt x="7398" y="896"/>
                  </a:lnTo>
                  <a:lnTo>
                    <a:pt x="7410" y="920"/>
                  </a:lnTo>
                  <a:lnTo>
                    <a:pt x="7385" y="918"/>
                  </a:lnTo>
                  <a:lnTo>
                    <a:pt x="7387" y="932"/>
                  </a:lnTo>
                  <a:lnTo>
                    <a:pt x="7381" y="938"/>
                  </a:lnTo>
                  <a:lnTo>
                    <a:pt x="7362" y="932"/>
                  </a:lnTo>
                  <a:lnTo>
                    <a:pt x="7370" y="910"/>
                  </a:lnTo>
                  <a:lnTo>
                    <a:pt x="7365" y="904"/>
                  </a:lnTo>
                  <a:lnTo>
                    <a:pt x="7362" y="925"/>
                  </a:lnTo>
                  <a:lnTo>
                    <a:pt x="7355" y="930"/>
                  </a:lnTo>
                  <a:lnTo>
                    <a:pt x="7345" y="926"/>
                  </a:lnTo>
                  <a:lnTo>
                    <a:pt x="7347" y="915"/>
                  </a:lnTo>
                  <a:lnTo>
                    <a:pt x="7333" y="921"/>
                  </a:lnTo>
                  <a:lnTo>
                    <a:pt x="7322" y="904"/>
                  </a:lnTo>
                  <a:lnTo>
                    <a:pt x="7327" y="900"/>
                  </a:lnTo>
                  <a:lnTo>
                    <a:pt x="7297" y="886"/>
                  </a:lnTo>
                  <a:lnTo>
                    <a:pt x="7304" y="878"/>
                  </a:lnTo>
                  <a:lnTo>
                    <a:pt x="7305" y="864"/>
                  </a:lnTo>
                  <a:lnTo>
                    <a:pt x="7302" y="866"/>
                  </a:lnTo>
                  <a:lnTo>
                    <a:pt x="7302" y="879"/>
                  </a:lnTo>
                  <a:lnTo>
                    <a:pt x="7291" y="872"/>
                  </a:lnTo>
                  <a:lnTo>
                    <a:pt x="7293" y="887"/>
                  </a:lnTo>
                  <a:lnTo>
                    <a:pt x="7270" y="883"/>
                  </a:lnTo>
                  <a:lnTo>
                    <a:pt x="7246" y="853"/>
                  </a:lnTo>
                  <a:lnTo>
                    <a:pt x="7245" y="810"/>
                  </a:lnTo>
                  <a:lnTo>
                    <a:pt x="7218" y="793"/>
                  </a:lnTo>
                  <a:lnTo>
                    <a:pt x="7163" y="805"/>
                  </a:lnTo>
                  <a:lnTo>
                    <a:pt x="7127" y="796"/>
                  </a:lnTo>
                  <a:lnTo>
                    <a:pt x="7123" y="771"/>
                  </a:lnTo>
                  <a:lnTo>
                    <a:pt x="7118" y="769"/>
                  </a:lnTo>
                  <a:lnTo>
                    <a:pt x="7104" y="740"/>
                  </a:lnTo>
                  <a:lnTo>
                    <a:pt x="7123" y="737"/>
                  </a:lnTo>
                  <a:lnTo>
                    <a:pt x="7124" y="706"/>
                  </a:lnTo>
                  <a:lnTo>
                    <a:pt x="7106" y="731"/>
                  </a:lnTo>
                  <a:lnTo>
                    <a:pt x="7096" y="708"/>
                  </a:lnTo>
                  <a:lnTo>
                    <a:pt x="7085" y="709"/>
                  </a:lnTo>
                  <a:lnTo>
                    <a:pt x="7087" y="732"/>
                  </a:lnTo>
                  <a:lnTo>
                    <a:pt x="7059" y="734"/>
                  </a:lnTo>
                  <a:lnTo>
                    <a:pt x="7059" y="741"/>
                  </a:lnTo>
                  <a:lnTo>
                    <a:pt x="7064" y="762"/>
                  </a:lnTo>
                  <a:lnTo>
                    <a:pt x="7089" y="786"/>
                  </a:lnTo>
                  <a:lnTo>
                    <a:pt x="7089" y="799"/>
                  </a:lnTo>
                  <a:lnTo>
                    <a:pt x="7059" y="848"/>
                  </a:lnTo>
                  <a:lnTo>
                    <a:pt x="7059" y="852"/>
                  </a:lnTo>
                  <a:lnTo>
                    <a:pt x="6992" y="904"/>
                  </a:lnTo>
                  <a:lnTo>
                    <a:pt x="6938" y="889"/>
                  </a:lnTo>
                  <a:lnTo>
                    <a:pt x="6945" y="926"/>
                  </a:lnTo>
                  <a:lnTo>
                    <a:pt x="6971" y="941"/>
                  </a:lnTo>
                  <a:lnTo>
                    <a:pt x="6980" y="929"/>
                  </a:lnTo>
                  <a:lnTo>
                    <a:pt x="6991" y="960"/>
                  </a:lnTo>
                  <a:lnTo>
                    <a:pt x="6996" y="971"/>
                  </a:lnTo>
                  <a:lnTo>
                    <a:pt x="7004" y="1026"/>
                  </a:lnTo>
                  <a:lnTo>
                    <a:pt x="7031" y="1062"/>
                  </a:lnTo>
                  <a:lnTo>
                    <a:pt x="7011" y="1067"/>
                  </a:lnTo>
                  <a:lnTo>
                    <a:pt x="7034" y="1096"/>
                  </a:lnTo>
                  <a:lnTo>
                    <a:pt x="7011" y="1136"/>
                  </a:lnTo>
                  <a:lnTo>
                    <a:pt x="6938" y="1113"/>
                  </a:lnTo>
                  <a:lnTo>
                    <a:pt x="6929" y="1113"/>
                  </a:lnTo>
                  <a:lnTo>
                    <a:pt x="6830" y="1155"/>
                  </a:lnTo>
                  <a:lnTo>
                    <a:pt x="6827" y="1172"/>
                  </a:lnTo>
                  <a:lnTo>
                    <a:pt x="6774" y="1203"/>
                  </a:lnTo>
                  <a:lnTo>
                    <a:pt x="6757" y="1194"/>
                  </a:lnTo>
                  <a:lnTo>
                    <a:pt x="6742" y="1226"/>
                  </a:lnTo>
                  <a:lnTo>
                    <a:pt x="6706" y="1246"/>
                  </a:lnTo>
                  <a:lnTo>
                    <a:pt x="6706" y="1263"/>
                  </a:lnTo>
                  <a:lnTo>
                    <a:pt x="6621" y="1319"/>
                  </a:lnTo>
                  <a:lnTo>
                    <a:pt x="6612" y="1365"/>
                  </a:lnTo>
                  <a:lnTo>
                    <a:pt x="6567" y="1313"/>
                  </a:lnTo>
                  <a:lnTo>
                    <a:pt x="6511" y="1300"/>
                  </a:lnTo>
                  <a:lnTo>
                    <a:pt x="6457" y="1322"/>
                  </a:lnTo>
                  <a:lnTo>
                    <a:pt x="6420" y="1376"/>
                  </a:lnTo>
                  <a:lnTo>
                    <a:pt x="6420" y="1311"/>
                  </a:lnTo>
                  <a:lnTo>
                    <a:pt x="6371" y="1353"/>
                  </a:lnTo>
                  <a:lnTo>
                    <a:pt x="6366" y="1376"/>
                  </a:lnTo>
                  <a:lnTo>
                    <a:pt x="6346" y="1356"/>
                  </a:lnTo>
                  <a:lnTo>
                    <a:pt x="6298" y="1372"/>
                  </a:lnTo>
                  <a:lnTo>
                    <a:pt x="6281" y="1443"/>
                  </a:lnTo>
                  <a:lnTo>
                    <a:pt x="6269" y="1443"/>
                  </a:lnTo>
                  <a:lnTo>
                    <a:pt x="6240" y="1492"/>
                  </a:lnTo>
                  <a:lnTo>
                    <a:pt x="6227" y="1545"/>
                  </a:lnTo>
                  <a:lnTo>
                    <a:pt x="6242" y="1562"/>
                  </a:lnTo>
                  <a:lnTo>
                    <a:pt x="6257" y="1543"/>
                  </a:lnTo>
                  <a:lnTo>
                    <a:pt x="6282" y="1558"/>
                  </a:lnTo>
                  <a:lnTo>
                    <a:pt x="6261" y="1610"/>
                  </a:lnTo>
                  <a:lnTo>
                    <a:pt x="6262" y="1648"/>
                  </a:lnTo>
                  <a:lnTo>
                    <a:pt x="6282" y="1656"/>
                  </a:lnTo>
                  <a:lnTo>
                    <a:pt x="6286" y="1685"/>
                  </a:lnTo>
                  <a:lnTo>
                    <a:pt x="6273" y="1709"/>
                  </a:lnTo>
                  <a:lnTo>
                    <a:pt x="6257" y="1689"/>
                  </a:lnTo>
                  <a:lnTo>
                    <a:pt x="6271" y="1663"/>
                  </a:lnTo>
                  <a:lnTo>
                    <a:pt x="6239" y="1676"/>
                  </a:lnTo>
                  <a:lnTo>
                    <a:pt x="6242" y="1685"/>
                  </a:lnTo>
                  <a:lnTo>
                    <a:pt x="6244" y="1692"/>
                  </a:lnTo>
                  <a:lnTo>
                    <a:pt x="6223" y="1712"/>
                  </a:lnTo>
                  <a:lnTo>
                    <a:pt x="6211" y="1748"/>
                  </a:lnTo>
                  <a:lnTo>
                    <a:pt x="6231" y="1812"/>
                  </a:lnTo>
                  <a:lnTo>
                    <a:pt x="6208" y="1829"/>
                  </a:lnTo>
                  <a:lnTo>
                    <a:pt x="6179" y="1823"/>
                  </a:lnTo>
                  <a:lnTo>
                    <a:pt x="6131" y="1866"/>
                  </a:lnTo>
                  <a:lnTo>
                    <a:pt x="6135" y="1933"/>
                  </a:lnTo>
                  <a:lnTo>
                    <a:pt x="6122" y="1927"/>
                  </a:lnTo>
                  <a:lnTo>
                    <a:pt x="6081" y="1955"/>
                  </a:lnTo>
                  <a:lnTo>
                    <a:pt x="6066" y="1978"/>
                  </a:lnTo>
                  <a:lnTo>
                    <a:pt x="6056" y="2029"/>
                  </a:lnTo>
                  <a:lnTo>
                    <a:pt x="5990" y="2102"/>
                  </a:lnTo>
                  <a:lnTo>
                    <a:pt x="5937" y="1815"/>
                  </a:lnTo>
                  <a:lnTo>
                    <a:pt x="5934" y="1712"/>
                  </a:lnTo>
                  <a:lnTo>
                    <a:pt x="5947" y="1650"/>
                  </a:lnTo>
                  <a:lnTo>
                    <a:pt x="5988" y="1616"/>
                  </a:lnTo>
                  <a:lnTo>
                    <a:pt x="5998" y="1582"/>
                  </a:lnTo>
                  <a:lnTo>
                    <a:pt x="5993" y="1554"/>
                  </a:lnTo>
                  <a:lnTo>
                    <a:pt x="6018" y="1558"/>
                  </a:lnTo>
                  <a:lnTo>
                    <a:pt x="6063" y="1532"/>
                  </a:lnTo>
                  <a:lnTo>
                    <a:pt x="6157" y="1402"/>
                  </a:lnTo>
                  <a:lnTo>
                    <a:pt x="6220" y="1342"/>
                  </a:lnTo>
                  <a:lnTo>
                    <a:pt x="6227" y="1317"/>
                  </a:lnTo>
                  <a:lnTo>
                    <a:pt x="6307" y="1277"/>
                  </a:lnTo>
                  <a:lnTo>
                    <a:pt x="6301" y="1257"/>
                  </a:lnTo>
                  <a:lnTo>
                    <a:pt x="6313" y="1240"/>
                  </a:lnTo>
                  <a:lnTo>
                    <a:pt x="6329" y="1147"/>
                  </a:lnTo>
                  <a:lnTo>
                    <a:pt x="6366" y="1118"/>
                  </a:lnTo>
                  <a:lnTo>
                    <a:pt x="6340" y="1101"/>
                  </a:lnTo>
                  <a:lnTo>
                    <a:pt x="6290" y="1127"/>
                  </a:lnTo>
                  <a:lnTo>
                    <a:pt x="6274" y="1189"/>
                  </a:lnTo>
                  <a:lnTo>
                    <a:pt x="6286" y="1200"/>
                  </a:lnTo>
                  <a:lnTo>
                    <a:pt x="6279" y="1214"/>
                  </a:lnTo>
                  <a:lnTo>
                    <a:pt x="6265" y="1198"/>
                  </a:lnTo>
                  <a:lnTo>
                    <a:pt x="6245" y="1208"/>
                  </a:lnTo>
                  <a:lnTo>
                    <a:pt x="6146" y="1306"/>
                  </a:lnTo>
                  <a:lnTo>
                    <a:pt x="6156" y="1265"/>
                  </a:lnTo>
                  <a:lnTo>
                    <a:pt x="6129" y="1268"/>
                  </a:lnTo>
                  <a:lnTo>
                    <a:pt x="6137" y="1254"/>
                  </a:lnTo>
                  <a:lnTo>
                    <a:pt x="6132" y="1235"/>
                  </a:lnTo>
                  <a:lnTo>
                    <a:pt x="6154" y="1174"/>
                  </a:lnTo>
                  <a:lnTo>
                    <a:pt x="6129" y="1200"/>
                  </a:lnTo>
                  <a:lnTo>
                    <a:pt x="6092" y="1175"/>
                  </a:lnTo>
                  <a:lnTo>
                    <a:pt x="6008" y="1201"/>
                  </a:lnTo>
                  <a:lnTo>
                    <a:pt x="5868" y="1376"/>
                  </a:lnTo>
                  <a:lnTo>
                    <a:pt x="5874" y="1396"/>
                  </a:lnTo>
                  <a:lnTo>
                    <a:pt x="5869" y="1407"/>
                  </a:lnTo>
                  <a:lnTo>
                    <a:pt x="5910" y="1421"/>
                  </a:lnTo>
                  <a:lnTo>
                    <a:pt x="5911" y="1436"/>
                  </a:lnTo>
                  <a:lnTo>
                    <a:pt x="5900" y="1440"/>
                  </a:lnTo>
                  <a:lnTo>
                    <a:pt x="5843" y="1433"/>
                  </a:lnTo>
                  <a:lnTo>
                    <a:pt x="5807" y="1460"/>
                  </a:lnTo>
                  <a:lnTo>
                    <a:pt x="5792" y="1448"/>
                  </a:lnTo>
                  <a:lnTo>
                    <a:pt x="5741" y="1465"/>
                  </a:lnTo>
                  <a:lnTo>
                    <a:pt x="5729" y="1443"/>
                  </a:lnTo>
                  <a:lnTo>
                    <a:pt x="5776" y="1427"/>
                  </a:lnTo>
                  <a:lnTo>
                    <a:pt x="5741" y="1401"/>
                  </a:lnTo>
                  <a:lnTo>
                    <a:pt x="5717" y="1410"/>
                  </a:lnTo>
                  <a:lnTo>
                    <a:pt x="5640" y="1385"/>
                  </a:lnTo>
                  <a:lnTo>
                    <a:pt x="5631" y="1392"/>
                  </a:lnTo>
                  <a:lnTo>
                    <a:pt x="5636" y="1409"/>
                  </a:lnTo>
                  <a:lnTo>
                    <a:pt x="5617" y="1412"/>
                  </a:lnTo>
                  <a:lnTo>
                    <a:pt x="5624" y="1427"/>
                  </a:lnTo>
                  <a:lnTo>
                    <a:pt x="5612" y="1432"/>
                  </a:lnTo>
                  <a:lnTo>
                    <a:pt x="5599" y="1418"/>
                  </a:lnTo>
                  <a:lnTo>
                    <a:pt x="5561" y="1429"/>
                  </a:lnTo>
                  <a:lnTo>
                    <a:pt x="5512" y="1410"/>
                  </a:lnTo>
                  <a:lnTo>
                    <a:pt x="5495" y="1436"/>
                  </a:lnTo>
                  <a:lnTo>
                    <a:pt x="5468" y="1415"/>
                  </a:lnTo>
                  <a:lnTo>
                    <a:pt x="5360" y="1421"/>
                  </a:lnTo>
                  <a:lnTo>
                    <a:pt x="5320" y="1443"/>
                  </a:lnTo>
                  <a:lnTo>
                    <a:pt x="5253" y="1514"/>
                  </a:lnTo>
                  <a:lnTo>
                    <a:pt x="5231" y="1556"/>
                  </a:lnTo>
                  <a:lnTo>
                    <a:pt x="5141" y="1641"/>
                  </a:lnTo>
                  <a:lnTo>
                    <a:pt x="5109" y="1695"/>
                  </a:lnTo>
                  <a:lnTo>
                    <a:pt x="4997" y="1794"/>
                  </a:lnTo>
                  <a:lnTo>
                    <a:pt x="4994" y="1811"/>
                  </a:lnTo>
                  <a:lnTo>
                    <a:pt x="5017" y="1823"/>
                  </a:lnTo>
                  <a:lnTo>
                    <a:pt x="5065" y="1820"/>
                  </a:lnTo>
                  <a:lnTo>
                    <a:pt x="5067" y="1887"/>
                  </a:lnTo>
                  <a:lnTo>
                    <a:pt x="5084" y="1873"/>
                  </a:lnTo>
                  <a:lnTo>
                    <a:pt x="5085" y="1851"/>
                  </a:lnTo>
                  <a:lnTo>
                    <a:pt x="5105" y="1844"/>
                  </a:lnTo>
                  <a:lnTo>
                    <a:pt x="5092" y="1859"/>
                  </a:lnTo>
                  <a:lnTo>
                    <a:pt x="5107" y="1878"/>
                  </a:lnTo>
                  <a:lnTo>
                    <a:pt x="5088" y="1900"/>
                  </a:lnTo>
                  <a:lnTo>
                    <a:pt x="5130" y="1891"/>
                  </a:lnTo>
                  <a:lnTo>
                    <a:pt x="5145" y="1873"/>
                  </a:lnTo>
                  <a:lnTo>
                    <a:pt x="5138" y="1905"/>
                  </a:lnTo>
                  <a:lnTo>
                    <a:pt x="5153" y="1883"/>
                  </a:lnTo>
                  <a:lnTo>
                    <a:pt x="5156" y="1844"/>
                  </a:lnTo>
                  <a:lnTo>
                    <a:pt x="5204" y="1848"/>
                  </a:lnTo>
                  <a:lnTo>
                    <a:pt x="5229" y="1887"/>
                  </a:lnTo>
                  <a:lnTo>
                    <a:pt x="5278" y="1922"/>
                  </a:lnTo>
                  <a:lnTo>
                    <a:pt x="5268" y="1942"/>
                  </a:lnTo>
                  <a:lnTo>
                    <a:pt x="5210" y="1930"/>
                  </a:lnTo>
                  <a:lnTo>
                    <a:pt x="5266" y="1952"/>
                  </a:lnTo>
                  <a:lnTo>
                    <a:pt x="5272" y="1975"/>
                  </a:lnTo>
                  <a:lnTo>
                    <a:pt x="5266" y="1989"/>
                  </a:lnTo>
                  <a:lnTo>
                    <a:pt x="5282" y="2006"/>
                  </a:lnTo>
                  <a:lnTo>
                    <a:pt x="5252" y="2063"/>
                  </a:lnTo>
                  <a:lnTo>
                    <a:pt x="5236" y="2113"/>
                  </a:lnTo>
                  <a:lnTo>
                    <a:pt x="5246" y="2164"/>
                  </a:lnTo>
                  <a:lnTo>
                    <a:pt x="5227" y="2274"/>
                  </a:lnTo>
                  <a:lnTo>
                    <a:pt x="5148" y="2377"/>
                  </a:lnTo>
                  <a:lnTo>
                    <a:pt x="5111" y="2452"/>
                  </a:lnTo>
                  <a:lnTo>
                    <a:pt x="4987" y="2606"/>
                  </a:lnTo>
                  <a:lnTo>
                    <a:pt x="4906" y="2651"/>
                  </a:lnTo>
                  <a:lnTo>
                    <a:pt x="4864" y="2642"/>
                  </a:lnTo>
                  <a:lnTo>
                    <a:pt x="4862" y="2616"/>
                  </a:lnTo>
                  <a:lnTo>
                    <a:pt x="4847" y="2626"/>
                  </a:lnTo>
                  <a:lnTo>
                    <a:pt x="4839" y="2606"/>
                  </a:lnTo>
                  <a:lnTo>
                    <a:pt x="4811" y="2657"/>
                  </a:lnTo>
                  <a:lnTo>
                    <a:pt x="4788" y="2657"/>
                  </a:lnTo>
                  <a:lnTo>
                    <a:pt x="4791" y="2668"/>
                  </a:lnTo>
                  <a:lnTo>
                    <a:pt x="4784" y="2670"/>
                  </a:lnTo>
                  <a:lnTo>
                    <a:pt x="4780" y="2660"/>
                  </a:lnTo>
                  <a:lnTo>
                    <a:pt x="4780" y="2645"/>
                  </a:lnTo>
                  <a:lnTo>
                    <a:pt x="4811" y="2609"/>
                  </a:lnTo>
                  <a:lnTo>
                    <a:pt x="4811" y="2562"/>
                  </a:lnTo>
                  <a:lnTo>
                    <a:pt x="4799" y="2526"/>
                  </a:lnTo>
                  <a:lnTo>
                    <a:pt x="4839" y="2492"/>
                  </a:lnTo>
                  <a:lnTo>
                    <a:pt x="4882" y="2503"/>
                  </a:lnTo>
                  <a:lnTo>
                    <a:pt x="4887" y="2506"/>
                  </a:lnTo>
                  <a:lnTo>
                    <a:pt x="4898" y="2498"/>
                  </a:lnTo>
                  <a:lnTo>
                    <a:pt x="4927" y="2433"/>
                  </a:lnTo>
                  <a:lnTo>
                    <a:pt x="4950" y="2354"/>
                  </a:lnTo>
                  <a:lnTo>
                    <a:pt x="4970" y="2334"/>
                  </a:lnTo>
                  <a:lnTo>
                    <a:pt x="4975" y="2274"/>
                  </a:lnTo>
                  <a:lnTo>
                    <a:pt x="4867" y="2322"/>
                  </a:lnTo>
                  <a:lnTo>
                    <a:pt x="4850" y="2328"/>
                  </a:lnTo>
                  <a:lnTo>
                    <a:pt x="4805" y="2326"/>
                  </a:lnTo>
                  <a:lnTo>
                    <a:pt x="4777" y="2241"/>
                  </a:lnTo>
                  <a:lnTo>
                    <a:pt x="4728" y="2212"/>
                  </a:lnTo>
                  <a:lnTo>
                    <a:pt x="4712" y="2204"/>
                  </a:lnTo>
                  <a:lnTo>
                    <a:pt x="4636" y="2191"/>
                  </a:lnTo>
                  <a:lnTo>
                    <a:pt x="4636" y="2174"/>
                  </a:lnTo>
                  <a:lnTo>
                    <a:pt x="4621" y="2103"/>
                  </a:lnTo>
                  <a:lnTo>
                    <a:pt x="4584" y="2000"/>
                  </a:lnTo>
                  <a:lnTo>
                    <a:pt x="4550" y="1947"/>
                  </a:lnTo>
                  <a:lnTo>
                    <a:pt x="4496" y="1938"/>
                  </a:lnTo>
                  <a:lnTo>
                    <a:pt x="4457" y="1910"/>
                  </a:lnTo>
                  <a:lnTo>
                    <a:pt x="4362" y="1927"/>
                  </a:lnTo>
                  <a:lnTo>
                    <a:pt x="4332" y="1932"/>
                  </a:lnTo>
                  <a:lnTo>
                    <a:pt x="4291" y="1973"/>
                  </a:lnTo>
                  <a:lnTo>
                    <a:pt x="4291" y="1988"/>
                  </a:lnTo>
                  <a:lnTo>
                    <a:pt x="4319" y="1986"/>
                  </a:lnTo>
                  <a:lnTo>
                    <a:pt x="4324" y="2022"/>
                  </a:lnTo>
                  <a:lnTo>
                    <a:pt x="4288" y="2054"/>
                  </a:lnTo>
                  <a:lnTo>
                    <a:pt x="4254" y="2159"/>
                  </a:lnTo>
                  <a:lnTo>
                    <a:pt x="4191" y="2196"/>
                  </a:lnTo>
                  <a:lnTo>
                    <a:pt x="4121" y="2167"/>
                  </a:lnTo>
                  <a:lnTo>
                    <a:pt x="4092" y="2174"/>
                  </a:lnTo>
                  <a:lnTo>
                    <a:pt x="4039" y="2150"/>
                  </a:lnTo>
                  <a:lnTo>
                    <a:pt x="3966" y="2196"/>
                  </a:lnTo>
                  <a:lnTo>
                    <a:pt x="3868" y="2223"/>
                  </a:lnTo>
                  <a:lnTo>
                    <a:pt x="3770" y="2207"/>
                  </a:lnTo>
                  <a:lnTo>
                    <a:pt x="3736" y="2176"/>
                  </a:lnTo>
                  <a:lnTo>
                    <a:pt x="3626" y="2125"/>
                  </a:lnTo>
                  <a:lnTo>
                    <a:pt x="3602" y="2119"/>
                  </a:lnTo>
                  <a:lnTo>
                    <a:pt x="3532" y="2145"/>
                  </a:lnTo>
                  <a:lnTo>
                    <a:pt x="3505" y="2137"/>
                  </a:lnTo>
                  <a:lnTo>
                    <a:pt x="3468" y="2111"/>
                  </a:lnTo>
                  <a:lnTo>
                    <a:pt x="3456" y="2056"/>
                  </a:lnTo>
                  <a:lnTo>
                    <a:pt x="3332" y="2006"/>
                  </a:lnTo>
                  <a:lnTo>
                    <a:pt x="3270" y="2060"/>
                  </a:lnTo>
                  <a:lnTo>
                    <a:pt x="3281" y="2117"/>
                  </a:lnTo>
                  <a:lnTo>
                    <a:pt x="3273" y="2130"/>
                  </a:lnTo>
                  <a:lnTo>
                    <a:pt x="3275" y="2159"/>
                  </a:lnTo>
                  <a:lnTo>
                    <a:pt x="3267" y="2164"/>
                  </a:lnTo>
                  <a:lnTo>
                    <a:pt x="3131" y="2165"/>
                  </a:lnTo>
                  <a:lnTo>
                    <a:pt x="3102" y="2133"/>
                  </a:lnTo>
                  <a:lnTo>
                    <a:pt x="2990" y="2120"/>
                  </a:lnTo>
                  <a:lnTo>
                    <a:pt x="2830" y="2204"/>
                  </a:lnTo>
                  <a:lnTo>
                    <a:pt x="2806" y="2237"/>
                  </a:lnTo>
                  <a:lnTo>
                    <a:pt x="2789" y="2250"/>
                  </a:lnTo>
                  <a:lnTo>
                    <a:pt x="2769" y="2246"/>
                  </a:lnTo>
                  <a:lnTo>
                    <a:pt x="2775" y="2220"/>
                  </a:lnTo>
                  <a:lnTo>
                    <a:pt x="2750" y="2181"/>
                  </a:lnTo>
                  <a:lnTo>
                    <a:pt x="2732" y="2198"/>
                  </a:lnTo>
                  <a:lnTo>
                    <a:pt x="2686" y="2186"/>
                  </a:lnTo>
                  <a:lnTo>
                    <a:pt x="2607" y="2091"/>
                  </a:lnTo>
                  <a:lnTo>
                    <a:pt x="2565" y="2108"/>
                  </a:lnTo>
                  <a:lnTo>
                    <a:pt x="2511" y="2108"/>
                  </a:lnTo>
                  <a:lnTo>
                    <a:pt x="2501" y="2083"/>
                  </a:lnTo>
                  <a:lnTo>
                    <a:pt x="2479" y="2069"/>
                  </a:lnTo>
                  <a:lnTo>
                    <a:pt x="2449" y="2105"/>
                  </a:lnTo>
                  <a:lnTo>
                    <a:pt x="2349" y="1921"/>
                  </a:lnTo>
                  <a:lnTo>
                    <a:pt x="2285" y="1862"/>
                  </a:lnTo>
                  <a:lnTo>
                    <a:pt x="2282" y="1849"/>
                  </a:lnTo>
                  <a:lnTo>
                    <a:pt x="2298" y="1842"/>
                  </a:lnTo>
                  <a:lnTo>
                    <a:pt x="2294" y="1829"/>
                  </a:lnTo>
                  <a:lnTo>
                    <a:pt x="2240" y="1848"/>
                  </a:lnTo>
                  <a:lnTo>
                    <a:pt x="2188" y="1898"/>
                  </a:lnTo>
                  <a:lnTo>
                    <a:pt x="2141" y="1902"/>
                  </a:lnTo>
                  <a:lnTo>
                    <a:pt x="2135" y="1890"/>
                  </a:lnTo>
                  <a:lnTo>
                    <a:pt x="2154" y="1871"/>
                  </a:lnTo>
                  <a:lnTo>
                    <a:pt x="2152" y="1857"/>
                  </a:lnTo>
                  <a:lnTo>
                    <a:pt x="2137" y="1866"/>
                  </a:lnTo>
                  <a:lnTo>
                    <a:pt x="2107" y="1851"/>
                  </a:lnTo>
                  <a:lnTo>
                    <a:pt x="2099" y="1854"/>
                  </a:lnTo>
                  <a:lnTo>
                    <a:pt x="2107" y="1866"/>
                  </a:lnTo>
                  <a:lnTo>
                    <a:pt x="2093" y="1865"/>
                  </a:lnTo>
                  <a:lnTo>
                    <a:pt x="2095" y="1851"/>
                  </a:lnTo>
                  <a:lnTo>
                    <a:pt x="2079" y="1832"/>
                  </a:lnTo>
                  <a:lnTo>
                    <a:pt x="2078" y="1846"/>
                  </a:lnTo>
                  <a:lnTo>
                    <a:pt x="2037" y="1851"/>
                  </a:lnTo>
                  <a:lnTo>
                    <a:pt x="2030" y="1839"/>
                  </a:lnTo>
                  <a:lnTo>
                    <a:pt x="2042" y="1808"/>
                  </a:lnTo>
                  <a:lnTo>
                    <a:pt x="2032" y="1798"/>
                  </a:lnTo>
                  <a:lnTo>
                    <a:pt x="2027" y="1766"/>
                  </a:lnTo>
                  <a:lnTo>
                    <a:pt x="1937" y="1749"/>
                  </a:lnTo>
                  <a:lnTo>
                    <a:pt x="1903" y="1765"/>
                  </a:lnTo>
                  <a:lnTo>
                    <a:pt x="1900" y="1783"/>
                  </a:lnTo>
                  <a:lnTo>
                    <a:pt x="1771" y="1811"/>
                  </a:lnTo>
                  <a:lnTo>
                    <a:pt x="1744" y="1828"/>
                  </a:lnTo>
                  <a:lnTo>
                    <a:pt x="1708" y="1848"/>
                  </a:lnTo>
                  <a:lnTo>
                    <a:pt x="1691" y="1840"/>
                  </a:lnTo>
                  <a:lnTo>
                    <a:pt x="1640" y="1868"/>
                  </a:lnTo>
                  <a:lnTo>
                    <a:pt x="1566" y="1865"/>
                  </a:lnTo>
                  <a:lnTo>
                    <a:pt x="1576" y="1874"/>
                  </a:lnTo>
                  <a:lnTo>
                    <a:pt x="1570" y="1893"/>
                  </a:lnTo>
                  <a:lnTo>
                    <a:pt x="1593" y="1895"/>
                  </a:lnTo>
                  <a:lnTo>
                    <a:pt x="1576" y="1904"/>
                  </a:lnTo>
                  <a:lnTo>
                    <a:pt x="1580" y="1915"/>
                  </a:lnTo>
                  <a:lnTo>
                    <a:pt x="1623" y="1932"/>
                  </a:lnTo>
                  <a:lnTo>
                    <a:pt x="1573" y="1939"/>
                  </a:lnTo>
                  <a:lnTo>
                    <a:pt x="1555" y="1958"/>
                  </a:lnTo>
                  <a:lnTo>
                    <a:pt x="1570" y="1980"/>
                  </a:lnTo>
                  <a:lnTo>
                    <a:pt x="1566" y="1993"/>
                  </a:lnTo>
                  <a:lnTo>
                    <a:pt x="1524" y="2015"/>
                  </a:lnTo>
                  <a:lnTo>
                    <a:pt x="1539" y="2039"/>
                  </a:lnTo>
                  <a:lnTo>
                    <a:pt x="1570" y="2057"/>
                  </a:lnTo>
                  <a:lnTo>
                    <a:pt x="1595" y="2059"/>
                  </a:lnTo>
                  <a:lnTo>
                    <a:pt x="1598" y="2065"/>
                  </a:lnTo>
                  <a:lnTo>
                    <a:pt x="1587" y="2103"/>
                  </a:lnTo>
                  <a:lnTo>
                    <a:pt x="1567" y="2111"/>
                  </a:lnTo>
                  <a:lnTo>
                    <a:pt x="1526" y="2100"/>
                  </a:lnTo>
                  <a:lnTo>
                    <a:pt x="1497" y="2123"/>
                  </a:lnTo>
                  <a:lnTo>
                    <a:pt x="1468" y="2113"/>
                  </a:lnTo>
                  <a:lnTo>
                    <a:pt x="1441" y="2079"/>
                  </a:lnTo>
                  <a:lnTo>
                    <a:pt x="1417" y="2086"/>
                  </a:lnTo>
                  <a:lnTo>
                    <a:pt x="1405" y="2096"/>
                  </a:lnTo>
                  <a:lnTo>
                    <a:pt x="1372" y="2085"/>
                  </a:lnTo>
                  <a:lnTo>
                    <a:pt x="1324" y="2119"/>
                  </a:lnTo>
                  <a:lnTo>
                    <a:pt x="1284" y="2085"/>
                  </a:lnTo>
                  <a:lnTo>
                    <a:pt x="1273" y="2091"/>
                  </a:lnTo>
                  <a:lnTo>
                    <a:pt x="1277" y="2117"/>
                  </a:lnTo>
                  <a:lnTo>
                    <a:pt x="1270" y="2120"/>
                  </a:lnTo>
                  <a:lnTo>
                    <a:pt x="1255" y="2083"/>
                  </a:lnTo>
                  <a:lnTo>
                    <a:pt x="1224" y="2051"/>
                  </a:lnTo>
                  <a:lnTo>
                    <a:pt x="1179" y="2049"/>
                  </a:lnTo>
                  <a:lnTo>
                    <a:pt x="1168" y="2032"/>
                  </a:lnTo>
                  <a:lnTo>
                    <a:pt x="1150" y="2034"/>
                  </a:lnTo>
                  <a:lnTo>
                    <a:pt x="1140" y="2052"/>
                  </a:lnTo>
                  <a:lnTo>
                    <a:pt x="1117" y="2037"/>
                  </a:lnTo>
                  <a:lnTo>
                    <a:pt x="1092" y="2040"/>
                  </a:lnTo>
                  <a:lnTo>
                    <a:pt x="1070" y="2066"/>
                  </a:lnTo>
                  <a:lnTo>
                    <a:pt x="1035" y="2079"/>
                  </a:lnTo>
                  <a:lnTo>
                    <a:pt x="1029" y="2097"/>
                  </a:lnTo>
                  <a:lnTo>
                    <a:pt x="994" y="2114"/>
                  </a:lnTo>
                  <a:lnTo>
                    <a:pt x="1009" y="2161"/>
                  </a:lnTo>
                  <a:lnTo>
                    <a:pt x="986" y="2176"/>
                  </a:lnTo>
                  <a:lnTo>
                    <a:pt x="947" y="2123"/>
                  </a:lnTo>
                  <a:lnTo>
                    <a:pt x="938" y="2156"/>
                  </a:lnTo>
                  <a:lnTo>
                    <a:pt x="922" y="2167"/>
                  </a:lnTo>
                  <a:lnTo>
                    <a:pt x="914" y="2207"/>
                  </a:lnTo>
                  <a:lnTo>
                    <a:pt x="927" y="2221"/>
                  </a:lnTo>
                  <a:lnTo>
                    <a:pt x="911" y="2233"/>
                  </a:lnTo>
                  <a:lnTo>
                    <a:pt x="901" y="2271"/>
                  </a:lnTo>
                  <a:lnTo>
                    <a:pt x="925" y="2280"/>
                  </a:lnTo>
                  <a:lnTo>
                    <a:pt x="939" y="2320"/>
                  </a:lnTo>
                  <a:lnTo>
                    <a:pt x="973" y="2313"/>
                  </a:lnTo>
                  <a:lnTo>
                    <a:pt x="994" y="2339"/>
                  </a:lnTo>
                  <a:lnTo>
                    <a:pt x="1001" y="2385"/>
                  </a:lnTo>
                  <a:lnTo>
                    <a:pt x="977" y="2385"/>
                  </a:lnTo>
                  <a:lnTo>
                    <a:pt x="970" y="2397"/>
                  </a:lnTo>
                  <a:lnTo>
                    <a:pt x="1004" y="2418"/>
                  </a:lnTo>
                  <a:lnTo>
                    <a:pt x="987" y="2445"/>
                  </a:lnTo>
                  <a:lnTo>
                    <a:pt x="972" y="2447"/>
                  </a:lnTo>
                  <a:lnTo>
                    <a:pt x="964" y="2419"/>
                  </a:lnTo>
                  <a:lnTo>
                    <a:pt x="945" y="2414"/>
                  </a:lnTo>
                  <a:lnTo>
                    <a:pt x="953" y="2428"/>
                  </a:lnTo>
                  <a:lnTo>
                    <a:pt x="950" y="2455"/>
                  </a:lnTo>
                  <a:lnTo>
                    <a:pt x="944" y="2453"/>
                  </a:lnTo>
                  <a:lnTo>
                    <a:pt x="938" y="2484"/>
                  </a:lnTo>
                  <a:lnTo>
                    <a:pt x="910" y="2532"/>
                  </a:lnTo>
                  <a:lnTo>
                    <a:pt x="945" y="2589"/>
                  </a:lnTo>
                  <a:lnTo>
                    <a:pt x="952" y="2572"/>
                  </a:lnTo>
                  <a:lnTo>
                    <a:pt x="948" y="2623"/>
                  </a:lnTo>
                  <a:lnTo>
                    <a:pt x="989" y="2701"/>
                  </a:lnTo>
                  <a:lnTo>
                    <a:pt x="955" y="2736"/>
                  </a:lnTo>
                  <a:lnTo>
                    <a:pt x="935" y="2735"/>
                  </a:lnTo>
                  <a:lnTo>
                    <a:pt x="928" y="2714"/>
                  </a:lnTo>
                  <a:lnTo>
                    <a:pt x="894" y="2696"/>
                  </a:lnTo>
                  <a:lnTo>
                    <a:pt x="862" y="2676"/>
                  </a:lnTo>
                  <a:lnTo>
                    <a:pt x="862" y="2657"/>
                  </a:lnTo>
                  <a:lnTo>
                    <a:pt x="840" y="2645"/>
                  </a:lnTo>
                  <a:lnTo>
                    <a:pt x="783" y="2651"/>
                  </a:lnTo>
                  <a:lnTo>
                    <a:pt x="733" y="2614"/>
                  </a:lnTo>
                  <a:lnTo>
                    <a:pt x="678" y="2611"/>
                  </a:lnTo>
                  <a:lnTo>
                    <a:pt x="628" y="2591"/>
                  </a:lnTo>
                  <a:lnTo>
                    <a:pt x="594" y="2596"/>
                  </a:lnTo>
                  <a:lnTo>
                    <a:pt x="546" y="2554"/>
                  </a:lnTo>
                  <a:lnTo>
                    <a:pt x="481" y="2523"/>
                  </a:lnTo>
                  <a:lnTo>
                    <a:pt x="447" y="2489"/>
                  </a:lnTo>
                  <a:lnTo>
                    <a:pt x="458" y="2478"/>
                  </a:lnTo>
                  <a:lnTo>
                    <a:pt x="483" y="2478"/>
                  </a:lnTo>
                  <a:lnTo>
                    <a:pt x="508" y="2436"/>
                  </a:lnTo>
                  <a:lnTo>
                    <a:pt x="534" y="2431"/>
                  </a:lnTo>
                  <a:lnTo>
                    <a:pt x="500" y="2401"/>
                  </a:lnTo>
                  <a:lnTo>
                    <a:pt x="501" y="2393"/>
                  </a:lnTo>
                  <a:lnTo>
                    <a:pt x="535" y="2391"/>
                  </a:lnTo>
                  <a:lnTo>
                    <a:pt x="529" y="2380"/>
                  </a:lnTo>
                  <a:lnTo>
                    <a:pt x="572" y="2365"/>
                  </a:lnTo>
                  <a:lnTo>
                    <a:pt x="563" y="2354"/>
                  </a:lnTo>
                  <a:lnTo>
                    <a:pt x="520" y="2359"/>
                  </a:lnTo>
                  <a:lnTo>
                    <a:pt x="518" y="2339"/>
                  </a:lnTo>
                  <a:lnTo>
                    <a:pt x="551" y="2306"/>
                  </a:lnTo>
                  <a:lnTo>
                    <a:pt x="588" y="2311"/>
                  </a:lnTo>
                  <a:lnTo>
                    <a:pt x="596" y="2280"/>
                  </a:lnTo>
                  <a:lnTo>
                    <a:pt x="593" y="2264"/>
                  </a:lnTo>
                  <a:lnTo>
                    <a:pt x="586" y="2250"/>
                  </a:lnTo>
                  <a:lnTo>
                    <a:pt x="602" y="2240"/>
                  </a:lnTo>
                  <a:lnTo>
                    <a:pt x="588" y="2229"/>
                  </a:lnTo>
                  <a:lnTo>
                    <a:pt x="608" y="2212"/>
                  </a:lnTo>
                  <a:lnTo>
                    <a:pt x="601" y="2193"/>
                  </a:lnTo>
                  <a:lnTo>
                    <a:pt x="608" y="2190"/>
                  </a:lnTo>
                  <a:lnTo>
                    <a:pt x="525" y="2154"/>
                  </a:lnTo>
                  <a:lnTo>
                    <a:pt x="508" y="2161"/>
                  </a:lnTo>
                  <a:lnTo>
                    <a:pt x="479" y="2123"/>
                  </a:lnTo>
                  <a:lnTo>
                    <a:pt x="446" y="2137"/>
                  </a:lnTo>
                  <a:lnTo>
                    <a:pt x="398" y="2125"/>
                  </a:lnTo>
                  <a:lnTo>
                    <a:pt x="374" y="2069"/>
                  </a:lnTo>
                  <a:lnTo>
                    <a:pt x="336" y="2060"/>
                  </a:lnTo>
                  <a:lnTo>
                    <a:pt x="328" y="2035"/>
                  </a:lnTo>
                  <a:lnTo>
                    <a:pt x="342" y="2023"/>
                  </a:lnTo>
                  <a:lnTo>
                    <a:pt x="313" y="1986"/>
                  </a:lnTo>
                  <a:lnTo>
                    <a:pt x="223" y="2003"/>
                  </a:lnTo>
                  <a:lnTo>
                    <a:pt x="198" y="1927"/>
                  </a:lnTo>
                  <a:lnTo>
                    <a:pt x="212" y="1915"/>
                  </a:lnTo>
                  <a:lnTo>
                    <a:pt x="242" y="1925"/>
                  </a:lnTo>
                  <a:lnTo>
                    <a:pt x="268" y="1904"/>
                  </a:lnTo>
                  <a:lnTo>
                    <a:pt x="268" y="1891"/>
                  </a:lnTo>
                  <a:lnTo>
                    <a:pt x="246" y="1873"/>
                  </a:lnTo>
                  <a:lnTo>
                    <a:pt x="225" y="1876"/>
                  </a:lnTo>
                  <a:lnTo>
                    <a:pt x="221" y="1856"/>
                  </a:lnTo>
                  <a:lnTo>
                    <a:pt x="180" y="1797"/>
                  </a:lnTo>
                  <a:lnTo>
                    <a:pt x="187" y="1766"/>
                  </a:lnTo>
                  <a:lnTo>
                    <a:pt x="183" y="1732"/>
                  </a:lnTo>
                  <a:lnTo>
                    <a:pt x="158" y="1710"/>
                  </a:lnTo>
                  <a:lnTo>
                    <a:pt x="113" y="1723"/>
                  </a:lnTo>
                  <a:lnTo>
                    <a:pt x="115" y="1707"/>
                  </a:lnTo>
                  <a:lnTo>
                    <a:pt x="105" y="1698"/>
                  </a:lnTo>
                  <a:lnTo>
                    <a:pt x="59" y="1687"/>
                  </a:lnTo>
                  <a:lnTo>
                    <a:pt x="56" y="1653"/>
                  </a:lnTo>
                  <a:lnTo>
                    <a:pt x="32" y="1622"/>
                  </a:lnTo>
                  <a:lnTo>
                    <a:pt x="39" y="1590"/>
                  </a:lnTo>
                  <a:lnTo>
                    <a:pt x="20" y="1568"/>
                  </a:lnTo>
                  <a:lnTo>
                    <a:pt x="36" y="1541"/>
                  </a:lnTo>
                  <a:lnTo>
                    <a:pt x="0" y="1452"/>
                  </a:lnTo>
                  <a:lnTo>
                    <a:pt x="39" y="1438"/>
                  </a:lnTo>
                  <a:lnTo>
                    <a:pt x="57" y="1409"/>
                  </a:lnTo>
                  <a:lnTo>
                    <a:pt x="45" y="1396"/>
                  </a:lnTo>
                  <a:lnTo>
                    <a:pt x="47" y="1379"/>
                  </a:lnTo>
                  <a:lnTo>
                    <a:pt x="150" y="1362"/>
                  </a:lnTo>
                  <a:lnTo>
                    <a:pt x="130" y="1342"/>
                  </a:lnTo>
                  <a:lnTo>
                    <a:pt x="71" y="1326"/>
                  </a:lnTo>
                  <a:lnTo>
                    <a:pt x="68" y="1306"/>
                  </a:lnTo>
                  <a:lnTo>
                    <a:pt x="74" y="1314"/>
                  </a:lnTo>
                  <a:lnTo>
                    <a:pt x="76" y="1289"/>
                  </a:lnTo>
                  <a:lnTo>
                    <a:pt x="31" y="1304"/>
                  </a:lnTo>
                  <a:lnTo>
                    <a:pt x="135" y="1204"/>
                  </a:lnTo>
                  <a:lnTo>
                    <a:pt x="203" y="1098"/>
                  </a:lnTo>
                  <a:lnTo>
                    <a:pt x="204" y="1065"/>
                  </a:lnTo>
                  <a:lnTo>
                    <a:pt x="150" y="996"/>
                  </a:lnTo>
                  <a:lnTo>
                    <a:pt x="167" y="938"/>
                  </a:lnTo>
                  <a:lnTo>
                    <a:pt x="147" y="912"/>
                  </a:lnTo>
                  <a:lnTo>
                    <a:pt x="142" y="881"/>
                  </a:lnTo>
                  <a:lnTo>
                    <a:pt x="129" y="876"/>
                  </a:lnTo>
                  <a:lnTo>
                    <a:pt x="129" y="827"/>
                  </a:lnTo>
                  <a:lnTo>
                    <a:pt x="146" y="771"/>
                  </a:lnTo>
                  <a:lnTo>
                    <a:pt x="104" y="641"/>
                  </a:lnTo>
                  <a:lnTo>
                    <a:pt x="141" y="562"/>
                  </a:lnTo>
                  <a:lnTo>
                    <a:pt x="137" y="544"/>
                  </a:lnTo>
                  <a:lnTo>
                    <a:pt x="113" y="500"/>
                  </a:lnTo>
                  <a:lnTo>
                    <a:pt x="81" y="486"/>
                  </a:lnTo>
                  <a:lnTo>
                    <a:pt x="71" y="435"/>
                  </a:lnTo>
                  <a:lnTo>
                    <a:pt x="96" y="380"/>
                  </a:lnTo>
                  <a:lnTo>
                    <a:pt x="110" y="355"/>
                  </a:lnTo>
                  <a:lnTo>
                    <a:pt x="144" y="333"/>
                  </a:lnTo>
                  <a:lnTo>
                    <a:pt x="149" y="307"/>
                  </a:lnTo>
                  <a:lnTo>
                    <a:pt x="178" y="316"/>
                  </a:lnTo>
                  <a:lnTo>
                    <a:pt x="181" y="288"/>
                  </a:lnTo>
                  <a:lnTo>
                    <a:pt x="217" y="305"/>
                  </a:lnTo>
                  <a:lnTo>
                    <a:pt x="230" y="287"/>
                  </a:lnTo>
                  <a:lnTo>
                    <a:pt x="226" y="267"/>
                  </a:lnTo>
                  <a:lnTo>
                    <a:pt x="280" y="293"/>
                  </a:lnTo>
                  <a:lnTo>
                    <a:pt x="272" y="313"/>
                  </a:lnTo>
                  <a:lnTo>
                    <a:pt x="238" y="293"/>
                  </a:lnTo>
                  <a:lnTo>
                    <a:pt x="234" y="318"/>
                  </a:lnTo>
                  <a:lnTo>
                    <a:pt x="276" y="333"/>
                  </a:lnTo>
                  <a:lnTo>
                    <a:pt x="272" y="349"/>
                  </a:lnTo>
                  <a:lnTo>
                    <a:pt x="410" y="366"/>
                  </a:lnTo>
                  <a:lnTo>
                    <a:pt x="648" y="559"/>
                  </a:lnTo>
                  <a:lnTo>
                    <a:pt x="655" y="609"/>
                  </a:lnTo>
                  <a:lnTo>
                    <a:pt x="665" y="615"/>
                  </a:lnTo>
                  <a:lnTo>
                    <a:pt x="655" y="655"/>
                  </a:lnTo>
                  <a:lnTo>
                    <a:pt x="605" y="717"/>
                  </a:lnTo>
                  <a:lnTo>
                    <a:pt x="546" y="740"/>
                  </a:lnTo>
                  <a:lnTo>
                    <a:pt x="347" y="686"/>
                  </a:lnTo>
                  <a:lnTo>
                    <a:pt x="342" y="666"/>
                  </a:lnTo>
                  <a:lnTo>
                    <a:pt x="303" y="664"/>
                  </a:lnTo>
                  <a:lnTo>
                    <a:pt x="254" y="617"/>
                  </a:lnTo>
                  <a:lnTo>
                    <a:pt x="246" y="630"/>
                  </a:lnTo>
                  <a:lnTo>
                    <a:pt x="262" y="671"/>
                  </a:lnTo>
                  <a:lnTo>
                    <a:pt x="361" y="762"/>
                  </a:lnTo>
                  <a:lnTo>
                    <a:pt x="357" y="813"/>
                  </a:lnTo>
                  <a:lnTo>
                    <a:pt x="342" y="824"/>
                  </a:lnTo>
                  <a:lnTo>
                    <a:pt x="365" y="875"/>
                  </a:lnTo>
                  <a:lnTo>
                    <a:pt x="367" y="913"/>
                  </a:lnTo>
                  <a:lnTo>
                    <a:pt x="491" y="991"/>
                  </a:lnTo>
                  <a:lnTo>
                    <a:pt x="521" y="979"/>
                  </a:lnTo>
                  <a:lnTo>
                    <a:pt x="504" y="920"/>
                  </a:lnTo>
                  <a:lnTo>
                    <a:pt x="479" y="930"/>
                  </a:lnTo>
                  <a:lnTo>
                    <a:pt x="449" y="893"/>
                  </a:lnTo>
                  <a:lnTo>
                    <a:pt x="441" y="872"/>
                  </a:lnTo>
                  <a:lnTo>
                    <a:pt x="461" y="842"/>
                  </a:lnTo>
                  <a:lnTo>
                    <a:pt x="644" y="918"/>
                  </a:lnTo>
                  <a:lnTo>
                    <a:pt x="597" y="825"/>
                  </a:lnTo>
                  <a:lnTo>
                    <a:pt x="594" y="791"/>
                  </a:lnTo>
                  <a:lnTo>
                    <a:pt x="669" y="742"/>
                  </a:lnTo>
                  <a:lnTo>
                    <a:pt x="707" y="689"/>
                  </a:lnTo>
                  <a:lnTo>
                    <a:pt x="767" y="720"/>
                  </a:lnTo>
                  <a:lnTo>
                    <a:pt x="760" y="743"/>
                  </a:lnTo>
                  <a:lnTo>
                    <a:pt x="777" y="732"/>
                  </a:lnTo>
                  <a:lnTo>
                    <a:pt x="794" y="762"/>
                  </a:lnTo>
                  <a:lnTo>
                    <a:pt x="792" y="718"/>
                  </a:lnTo>
                  <a:lnTo>
                    <a:pt x="811" y="639"/>
                  </a:lnTo>
                  <a:lnTo>
                    <a:pt x="778" y="598"/>
                  </a:lnTo>
                  <a:lnTo>
                    <a:pt x="792" y="544"/>
                  </a:lnTo>
                  <a:lnTo>
                    <a:pt x="794" y="473"/>
                  </a:lnTo>
                  <a:lnTo>
                    <a:pt x="752" y="431"/>
                  </a:lnTo>
                  <a:lnTo>
                    <a:pt x="865" y="456"/>
                  </a:lnTo>
                  <a:lnTo>
                    <a:pt x="897" y="491"/>
                  </a:lnTo>
                  <a:lnTo>
                    <a:pt x="910" y="536"/>
                  </a:lnTo>
                  <a:lnTo>
                    <a:pt x="831" y="571"/>
                  </a:lnTo>
                  <a:lnTo>
                    <a:pt x="877" y="650"/>
                  </a:lnTo>
                  <a:lnTo>
                    <a:pt x="902" y="650"/>
                  </a:lnTo>
                  <a:lnTo>
                    <a:pt x="908" y="674"/>
                  </a:lnTo>
                  <a:lnTo>
                    <a:pt x="958" y="634"/>
                  </a:lnTo>
                  <a:lnTo>
                    <a:pt x="972" y="564"/>
                  </a:lnTo>
                  <a:lnTo>
                    <a:pt x="1137" y="456"/>
                  </a:lnTo>
                  <a:lnTo>
                    <a:pt x="1176" y="469"/>
                  </a:lnTo>
                  <a:lnTo>
                    <a:pt x="1184" y="448"/>
                  </a:lnTo>
                  <a:lnTo>
                    <a:pt x="1173" y="443"/>
                  </a:lnTo>
                  <a:lnTo>
                    <a:pt x="1193" y="420"/>
                  </a:lnTo>
                  <a:lnTo>
                    <a:pt x="1214" y="435"/>
                  </a:lnTo>
                  <a:lnTo>
                    <a:pt x="1211" y="417"/>
                  </a:lnTo>
                  <a:lnTo>
                    <a:pt x="1219" y="403"/>
                  </a:lnTo>
                  <a:lnTo>
                    <a:pt x="1270" y="390"/>
                  </a:lnTo>
                  <a:lnTo>
                    <a:pt x="1250" y="415"/>
                  </a:lnTo>
                  <a:lnTo>
                    <a:pt x="1241" y="441"/>
                  </a:lnTo>
                  <a:lnTo>
                    <a:pt x="1247" y="474"/>
                  </a:lnTo>
                  <a:lnTo>
                    <a:pt x="1256" y="488"/>
                  </a:lnTo>
                  <a:lnTo>
                    <a:pt x="1287" y="495"/>
                  </a:lnTo>
                  <a:lnTo>
                    <a:pt x="1293" y="461"/>
                  </a:lnTo>
                  <a:lnTo>
                    <a:pt x="1314" y="446"/>
                  </a:lnTo>
                  <a:lnTo>
                    <a:pt x="1402" y="448"/>
                  </a:lnTo>
                  <a:lnTo>
                    <a:pt x="1439" y="401"/>
                  </a:lnTo>
                  <a:lnTo>
                    <a:pt x="1482" y="390"/>
                  </a:lnTo>
                  <a:lnTo>
                    <a:pt x="1499" y="424"/>
                  </a:lnTo>
                  <a:lnTo>
                    <a:pt x="1484" y="457"/>
                  </a:lnTo>
                  <a:lnTo>
                    <a:pt x="1504" y="473"/>
                  </a:lnTo>
                  <a:lnTo>
                    <a:pt x="1522" y="454"/>
                  </a:lnTo>
                  <a:lnTo>
                    <a:pt x="1519" y="427"/>
                  </a:lnTo>
                  <a:lnTo>
                    <a:pt x="1563" y="401"/>
                  </a:lnTo>
                  <a:lnTo>
                    <a:pt x="1563" y="376"/>
                  </a:lnTo>
                  <a:lnTo>
                    <a:pt x="1539" y="307"/>
                  </a:lnTo>
                  <a:lnTo>
                    <a:pt x="1561" y="282"/>
                  </a:lnTo>
                  <a:lnTo>
                    <a:pt x="1714" y="321"/>
                  </a:lnTo>
                  <a:lnTo>
                    <a:pt x="1849" y="414"/>
                  </a:lnTo>
                  <a:lnTo>
                    <a:pt x="1905" y="486"/>
                  </a:lnTo>
                  <a:lnTo>
                    <a:pt x="1944" y="407"/>
                  </a:lnTo>
                  <a:lnTo>
                    <a:pt x="1915" y="390"/>
                  </a:lnTo>
                  <a:lnTo>
                    <a:pt x="1898" y="322"/>
                  </a:lnTo>
                  <a:lnTo>
                    <a:pt x="1841" y="307"/>
                  </a:lnTo>
                  <a:lnTo>
                    <a:pt x="1842" y="251"/>
                  </a:lnTo>
                  <a:lnTo>
                    <a:pt x="1861" y="246"/>
                  </a:lnTo>
                  <a:lnTo>
                    <a:pt x="1855" y="217"/>
                  </a:lnTo>
                  <a:lnTo>
                    <a:pt x="1866" y="160"/>
                  </a:lnTo>
                  <a:lnTo>
                    <a:pt x="1824" y="146"/>
                  </a:lnTo>
                  <a:lnTo>
                    <a:pt x="1847" y="112"/>
                  </a:lnTo>
                  <a:lnTo>
                    <a:pt x="1832" y="112"/>
                  </a:lnTo>
                  <a:lnTo>
                    <a:pt x="1838" y="81"/>
                  </a:lnTo>
                  <a:lnTo>
                    <a:pt x="1910" y="4"/>
                  </a:lnTo>
                  <a:lnTo>
                    <a:pt x="1911" y="0"/>
                  </a:lnTo>
                  <a:close/>
                  <a:moveTo>
                    <a:pt x="5869" y="2244"/>
                  </a:moveTo>
                  <a:lnTo>
                    <a:pt x="5865" y="2254"/>
                  </a:lnTo>
                  <a:lnTo>
                    <a:pt x="5869" y="2250"/>
                  </a:lnTo>
                  <a:lnTo>
                    <a:pt x="5869" y="2244"/>
                  </a:lnTo>
                  <a:close/>
                  <a:moveTo>
                    <a:pt x="5897" y="2191"/>
                  </a:moveTo>
                  <a:lnTo>
                    <a:pt x="5886" y="2215"/>
                  </a:lnTo>
                  <a:lnTo>
                    <a:pt x="5893" y="2212"/>
                  </a:lnTo>
                  <a:lnTo>
                    <a:pt x="5897" y="2191"/>
                  </a:lnTo>
                  <a:close/>
                  <a:moveTo>
                    <a:pt x="5956" y="2114"/>
                  </a:moveTo>
                  <a:lnTo>
                    <a:pt x="5940" y="2136"/>
                  </a:lnTo>
                  <a:lnTo>
                    <a:pt x="5922" y="2145"/>
                  </a:lnTo>
                  <a:lnTo>
                    <a:pt x="5919" y="2162"/>
                  </a:lnTo>
                  <a:lnTo>
                    <a:pt x="5953" y="2142"/>
                  </a:lnTo>
                  <a:lnTo>
                    <a:pt x="5961" y="2128"/>
                  </a:lnTo>
                  <a:lnTo>
                    <a:pt x="5956" y="2114"/>
                  </a:lnTo>
                  <a:close/>
                  <a:moveTo>
                    <a:pt x="5976" y="2106"/>
                  </a:moveTo>
                  <a:lnTo>
                    <a:pt x="5964" y="2120"/>
                  </a:lnTo>
                  <a:lnTo>
                    <a:pt x="5976" y="2106"/>
                  </a:lnTo>
                  <a:close/>
                  <a:moveTo>
                    <a:pt x="6472" y="1798"/>
                  </a:moveTo>
                  <a:lnTo>
                    <a:pt x="6499" y="1825"/>
                  </a:lnTo>
                  <a:lnTo>
                    <a:pt x="6479" y="1814"/>
                  </a:lnTo>
                  <a:lnTo>
                    <a:pt x="6472" y="1798"/>
                  </a:lnTo>
                  <a:close/>
                  <a:moveTo>
                    <a:pt x="6411" y="1763"/>
                  </a:moveTo>
                  <a:lnTo>
                    <a:pt x="6422" y="1765"/>
                  </a:lnTo>
                  <a:lnTo>
                    <a:pt x="6425" y="1785"/>
                  </a:lnTo>
                  <a:lnTo>
                    <a:pt x="6440" y="1812"/>
                  </a:lnTo>
                  <a:lnTo>
                    <a:pt x="6422" y="1800"/>
                  </a:lnTo>
                  <a:lnTo>
                    <a:pt x="6405" y="1766"/>
                  </a:lnTo>
                  <a:lnTo>
                    <a:pt x="6411" y="1763"/>
                  </a:lnTo>
                  <a:close/>
                  <a:moveTo>
                    <a:pt x="5091" y="1802"/>
                  </a:moveTo>
                  <a:lnTo>
                    <a:pt x="5088" y="1811"/>
                  </a:lnTo>
                  <a:lnTo>
                    <a:pt x="5097" y="1808"/>
                  </a:lnTo>
                  <a:lnTo>
                    <a:pt x="5109" y="1819"/>
                  </a:lnTo>
                  <a:lnTo>
                    <a:pt x="5114" y="1814"/>
                  </a:lnTo>
                  <a:lnTo>
                    <a:pt x="5130" y="1786"/>
                  </a:lnTo>
                  <a:lnTo>
                    <a:pt x="5125" y="1782"/>
                  </a:lnTo>
                  <a:lnTo>
                    <a:pt x="5111" y="1771"/>
                  </a:lnTo>
                  <a:lnTo>
                    <a:pt x="5104" y="1774"/>
                  </a:lnTo>
                  <a:lnTo>
                    <a:pt x="5091" y="1802"/>
                  </a:lnTo>
                  <a:close/>
                  <a:moveTo>
                    <a:pt x="5334" y="1840"/>
                  </a:moveTo>
                  <a:lnTo>
                    <a:pt x="5343" y="1840"/>
                  </a:lnTo>
                  <a:lnTo>
                    <a:pt x="5350" y="1856"/>
                  </a:lnTo>
                  <a:lnTo>
                    <a:pt x="5351" y="1888"/>
                  </a:lnTo>
                  <a:lnTo>
                    <a:pt x="5368" y="1959"/>
                  </a:lnTo>
                  <a:lnTo>
                    <a:pt x="5366" y="1995"/>
                  </a:lnTo>
                  <a:lnTo>
                    <a:pt x="5360" y="2000"/>
                  </a:lnTo>
                  <a:lnTo>
                    <a:pt x="5365" y="2054"/>
                  </a:lnTo>
                  <a:lnTo>
                    <a:pt x="5374" y="2066"/>
                  </a:lnTo>
                  <a:lnTo>
                    <a:pt x="5385" y="2110"/>
                  </a:lnTo>
                  <a:lnTo>
                    <a:pt x="5399" y="2161"/>
                  </a:lnTo>
                  <a:lnTo>
                    <a:pt x="5413" y="2212"/>
                  </a:lnTo>
                  <a:lnTo>
                    <a:pt x="5434" y="2255"/>
                  </a:lnTo>
                  <a:lnTo>
                    <a:pt x="5416" y="2229"/>
                  </a:lnTo>
                  <a:lnTo>
                    <a:pt x="5391" y="2215"/>
                  </a:lnTo>
                  <a:lnTo>
                    <a:pt x="5368" y="2213"/>
                  </a:lnTo>
                  <a:lnTo>
                    <a:pt x="5359" y="2221"/>
                  </a:lnTo>
                  <a:lnTo>
                    <a:pt x="5337" y="2300"/>
                  </a:lnTo>
                  <a:lnTo>
                    <a:pt x="5336" y="2330"/>
                  </a:lnTo>
                  <a:lnTo>
                    <a:pt x="5356" y="2360"/>
                  </a:lnTo>
                  <a:lnTo>
                    <a:pt x="5362" y="2379"/>
                  </a:lnTo>
                  <a:lnTo>
                    <a:pt x="5379" y="2391"/>
                  </a:lnTo>
                  <a:lnTo>
                    <a:pt x="5382" y="2427"/>
                  </a:lnTo>
                  <a:lnTo>
                    <a:pt x="5377" y="2436"/>
                  </a:lnTo>
                  <a:lnTo>
                    <a:pt x="5370" y="2405"/>
                  </a:lnTo>
                  <a:lnTo>
                    <a:pt x="5337" y="2394"/>
                  </a:lnTo>
                  <a:lnTo>
                    <a:pt x="5329" y="2402"/>
                  </a:lnTo>
                  <a:lnTo>
                    <a:pt x="5317" y="2444"/>
                  </a:lnTo>
                  <a:lnTo>
                    <a:pt x="5308" y="2438"/>
                  </a:lnTo>
                  <a:lnTo>
                    <a:pt x="5303" y="2396"/>
                  </a:lnTo>
                  <a:lnTo>
                    <a:pt x="5312" y="2313"/>
                  </a:lnTo>
                  <a:lnTo>
                    <a:pt x="5317" y="2303"/>
                  </a:lnTo>
                  <a:lnTo>
                    <a:pt x="5306" y="2257"/>
                  </a:lnTo>
                  <a:lnTo>
                    <a:pt x="5317" y="2167"/>
                  </a:lnTo>
                  <a:lnTo>
                    <a:pt x="5312" y="2114"/>
                  </a:lnTo>
                  <a:lnTo>
                    <a:pt x="5316" y="2076"/>
                  </a:lnTo>
                  <a:lnTo>
                    <a:pt x="5309" y="2057"/>
                  </a:lnTo>
                  <a:lnTo>
                    <a:pt x="5295" y="2042"/>
                  </a:lnTo>
                  <a:lnTo>
                    <a:pt x="5291" y="1997"/>
                  </a:lnTo>
                  <a:lnTo>
                    <a:pt x="5299" y="1972"/>
                  </a:lnTo>
                  <a:lnTo>
                    <a:pt x="5299" y="1919"/>
                  </a:lnTo>
                  <a:lnTo>
                    <a:pt x="5302" y="1908"/>
                  </a:lnTo>
                  <a:lnTo>
                    <a:pt x="5333" y="1910"/>
                  </a:lnTo>
                  <a:lnTo>
                    <a:pt x="5334" y="1893"/>
                  </a:lnTo>
                  <a:lnTo>
                    <a:pt x="5342" y="1891"/>
                  </a:lnTo>
                  <a:lnTo>
                    <a:pt x="5323" y="1846"/>
                  </a:lnTo>
                  <a:lnTo>
                    <a:pt x="5334" y="1840"/>
                  </a:lnTo>
                  <a:close/>
                  <a:moveTo>
                    <a:pt x="5498" y="2541"/>
                  </a:moveTo>
                  <a:lnTo>
                    <a:pt x="5509" y="2552"/>
                  </a:lnTo>
                  <a:lnTo>
                    <a:pt x="5472" y="2591"/>
                  </a:lnTo>
                  <a:lnTo>
                    <a:pt x="5468" y="2582"/>
                  </a:lnTo>
                  <a:lnTo>
                    <a:pt x="5498" y="2541"/>
                  </a:lnTo>
                  <a:close/>
                  <a:moveTo>
                    <a:pt x="5532" y="2579"/>
                  </a:moveTo>
                  <a:lnTo>
                    <a:pt x="5535" y="2580"/>
                  </a:lnTo>
                  <a:lnTo>
                    <a:pt x="5532" y="2583"/>
                  </a:lnTo>
                  <a:lnTo>
                    <a:pt x="5521" y="2586"/>
                  </a:lnTo>
                  <a:lnTo>
                    <a:pt x="5532" y="2579"/>
                  </a:lnTo>
                  <a:close/>
                  <a:moveTo>
                    <a:pt x="5625" y="2481"/>
                  </a:moveTo>
                  <a:lnTo>
                    <a:pt x="5578" y="2509"/>
                  </a:lnTo>
                  <a:lnTo>
                    <a:pt x="5546" y="2541"/>
                  </a:lnTo>
                  <a:lnTo>
                    <a:pt x="5540" y="2541"/>
                  </a:lnTo>
                  <a:lnTo>
                    <a:pt x="5549" y="2521"/>
                  </a:lnTo>
                  <a:lnTo>
                    <a:pt x="5580" y="2487"/>
                  </a:lnTo>
                  <a:lnTo>
                    <a:pt x="5597" y="2489"/>
                  </a:lnTo>
                  <a:lnTo>
                    <a:pt x="5622" y="2472"/>
                  </a:lnTo>
                  <a:lnTo>
                    <a:pt x="5625" y="2481"/>
                  </a:lnTo>
                  <a:close/>
                  <a:moveTo>
                    <a:pt x="6337" y="1435"/>
                  </a:moveTo>
                  <a:lnTo>
                    <a:pt x="6303" y="1453"/>
                  </a:lnTo>
                  <a:lnTo>
                    <a:pt x="6291" y="1498"/>
                  </a:lnTo>
                  <a:lnTo>
                    <a:pt x="6299" y="1498"/>
                  </a:lnTo>
                  <a:lnTo>
                    <a:pt x="6349" y="1455"/>
                  </a:lnTo>
                  <a:lnTo>
                    <a:pt x="6344" y="1433"/>
                  </a:lnTo>
                  <a:lnTo>
                    <a:pt x="6337" y="1435"/>
                  </a:lnTo>
                  <a:close/>
                  <a:moveTo>
                    <a:pt x="5122" y="43"/>
                  </a:moveTo>
                  <a:lnTo>
                    <a:pt x="5150" y="24"/>
                  </a:lnTo>
                  <a:lnTo>
                    <a:pt x="5165" y="48"/>
                  </a:lnTo>
                  <a:lnTo>
                    <a:pt x="5147" y="70"/>
                  </a:lnTo>
                  <a:lnTo>
                    <a:pt x="5125" y="72"/>
                  </a:lnTo>
                  <a:lnTo>
                    <a:pt x="5116" y="69"/>
                  </a:lnTo>
                  <a:lnTo>
                    <a:pt x="5122" y="43"/>
                  </a:lnTo>
                  <a:close/>
                  <a:moveTo>
                    <a:pt x="1468" y="262"/>
                  </a:moveTo>
                  <a:lnTo>
                    <a:pt x="1456" y="228"/>
                  </a:lnTo>
                  <a:lnTo>
                    <a:pt x="1471" y="229"/>
                  </a:lnTo>
                  <a:lnTo>
                    <a:pt x="1459" y="219"/>
                  </a:lnTo>
                  <a:lnTo>
                    <a:pt x="1478" y="197"/>
                  </a:lnTo>
                  <a:lnTo>
                    <a:pt x="1549" y="288"/>
                  </a:lnTo>
                  <a:lnTo>
                    <a:pt x="1543" y="301"/>
                  </a:lnTo>
                  <a:lnTo>
                    <a:pt x="1518" y="301"/>
                  </a:lnTo>
                  <a:lnTo>
                    <a:pt x="1478" y="268"/>
                  </a:lnTo>
                  <a:lnTo>
                    <a:pt x="1487" y="292"/>
                  </a:lnTo>
                  <a:lnTo>
                    <a:pt x="1468" y="262"/>
                  </a:lnTo>
                  <a:close/>
                  <a:moveTo>
                    <a:pt x="1168" y="76"/>
                  </a:moveTo>
                  <a:lnTo>
                    <a:pt x="1199" y="75"/>
                  </a:lnTo>
                  <a:lnTo>
                    <a:pt x="1209" y="92"/>
                  </a:lnTo>
                  <a:lnTo>
                    <a:pt x="1209" y="132"/>
                  </a:lnTo>
                  <a:lnTo>
                    <a:pt x="1188" y="89"/>
                  </a:lnTo>
                  <a:lnTo>
                    <a:pt x="1168" y="76"/>
                  </a:lnTo>
                  <a:close/>
                  <a:moveTo>
                    <a:pt x="1132" y="0"/>
                  </a:moveTo>
                  <a:lnTo>
                    <a:pt x="1316" y="0"/>
                  </a:lnTo>
                  <a:lnTo>
                    <a:pt x="1323" y="39"/>
                  </a:lnTo>
                  <a:lnTo>
                    <a:pt x="1344" y="92"/>
                  </a:lnTo>
                  <a:lnTo>
                    <a:pt x="1414" y="158"/>
                  </a:lnTo>
                  <a:lnTo>
                    <a:pt x="1399" y="178"/>
                  </a:lnTo>
                  <a:lnTo>
                    <a:pt x="1391" y="189"/>
                  </a:lnTo>
                  <a:lnTo>
                    <a:pt x="1366" y="166"/>
                  </a:lnTo>
                  <a:lnTo>
                    <a:pt x="1369" y="157"/>
                  </a:lnTo>
                  <a:lnTo>
                    <a:pt x="1349" y="165"/>
                  </a:lnTo>
                  <a:lnTo>
                    <a:pt x="1361" y="178"/>
                  </a:lnTo>
                  <a:lnTo>
                    <a:pt x="1314" y="161"/>
                  </a:lnTo>
                  <a:lnTo>
                    <a:pt x="1301" y="180"/>
                  </a:lnTo>
                  <a:lnTo>
                    <a:pt x="1280" y="158"/>
                  </a:lnTo>
                  <a:lnTo>
                    <a:pt x="1236" y="149"/>
                  </a:lnTo>
                  <a:lnTo>
                    <a:pt x="1231" y="118"/>
                  </a:lnTo>
                  <a:lnTo>
                    <a:pt x="1261" y="107"/>
                  </a:lnTo>
                  <a:lnTo>
                    <a:pt x="1226" y="87"/>
                  </a:lnTo>
                  <a:lnTo>
                    <a:pt x="1247" y="53"/>
                  </a:lnTo>
                  <a:lnTo>
                    <a:pt x="1221" y="81"/>
                  </a:lnTo>
                  <a:lnTo>
                    <a:pt x="1221" y="43"/>
                  </a:lnTo>
                  <a:lnTo>
                    <a:pt x="1194" y="58"/>
                  </a:lnTo>
                  <a:lnTo>
                    <a:pt x="1190" y="35"/>
                  </a:lnTo>
                  <a:lnTo>
                    <a:pt x="1184" y="30"/>
                  </a:lnTo>
                  <a:lnTo>
                    <a:pt x="1177" y="52"/>
                  </a:lnTo>
                  <a:lnTo>
                    <a:pt x="1171" y="39"/>
                  </a:lnTo>
                  <a:lnTo>
                    <a:pt x="1156" y="53"/>
                  </a:lnTo>
                  <a:lnTo>
                    <a:pt x="1137" y="39"/>
                  </a:lnTo>
                  <a:lnTo>
                    <a:pt x="1131" y="10"/>
                  </a:lnTo>
                  <a:lnTo>
                    <a:pt x="1132" y="0"/>
                  </a:lnTo>
                  <a:close/>
                  <a:moveTo>
                    <a:pt x="1001" y="329"/>
                  </a:moveTo>
                  <a:lnTo>
                    <a:pt x="1024" y="322"/>
                  </a:lnTo>
                  <a:lnTo>
                    <a:pt x="1063" y="366"/>
                  </a:lnTo>
                  <a:lnTo>
                    <a:pt x="1066" y="352"/>
                  </a:lnTo>
                  <a:lnTo>
                    <a:pt x="1077" y="376"/>
                  </a:lnTo>
                  <a:lnTo>
                    <a:pt x="1075" y="389"/>
                  </a:lnTo>
                  <a:lnTo>
                    <a:pt x="1070" y="375"/>
                  </a:lnTo>
                  <a:lnTo>
                    <a:pt x="1043" y="410"/>
                  </a:lnTo>
                  <a:lnTo>
                    <a:pt x="1016" y="426"/>
                  </a:lnTo>
                  <a:lnTo>
                    <a:pt x="1001" y="429"/>
                  </a:lnTo>
                  <a:lnTo>
                    <a:pt x="984" y="410"/>
                  </a:lnTo>
                  <a:lnTo>
                    <a:pt x="986" y="427"/>
                  </a:lnTo>
                  <a:lnTo>
                    <a:pt x="977" y="410"/>
                  </a:lnTo>
                  <a:lnTo>
                    <a:pt x="981" y="370"/>
                  </a:lnTo>
                  <a:lnTo>
                    <a:pt x="1001" y="329"/>
                  </a:lnTo>
                  <a:close/>
                  <a:moveTo>
                    <a:pt x="2552" y="202"/>
                  </a:moveTo>
                  <a:lnTo>
                    <a:pt x="2564" y="185"/>
                  </a:lnTo>
                  <a:lnTo>
                    <a:pt x="2576" y="222"/>
                  </a:lnTo>
                  <a:lnTo>
                    <a:pt x="2562" y="231"/>
                  </a:lnTo>
                  <a:lnTo>
                    <a:pt x="2552" y="202"/>
                  </a:lnTo>
                  <a:close/>
                  <a:moveTo>
                    <a:pt x="7058" y="121"/>
                  </a:moveTo>
                  <a:lnTo>
                    <a:pt x="7002" y="143"/>
                  </a:lnTo>
                  <a:lnTo>
                    <a:pt x="6988" y="114"/>
                  </a:lnTo>
                  <a:lnTo>
                    <a:pt x="7023" y="65"/>
                  </a:lnTo>
                  <a:lnTo>
                    <a:pt x="7057" y="42"/>
                  </a:lnTo>
                  <a:lnTo>
                    <a:pt x="7057" y="41"/>
                  </a:lnTo>
                  <a:lnTo>
                    <a:pt x="7057" y="39"/>
                  </a:lnTo>
                  <a:lnTo>
                    <a:pt x="7101" y="36"/>
                  </a:lnTo>
                  <a:lnTo>
                    <a:pt x="7141" y="53"/>
                  </a:lnTo>
                  <a:lnTo>
                    <a:pt x="7169" y="92"/>
                  </a:lnTo>
                  <a:lnTo>
                    <a:pt x="7098" y="131"/>
                  </a:lnTo>
                  <a:lnTo>
                    <a:pt x="7058" y="121"/>
                  </a:lnTo>
                  <a:close/>
                  <a:moveTo>
                    <a:pt x="6510" y="256"/>
                  </a:moveTo>
                  <a:lnTo>
                    <a:pt x="6527" y="253"/>
                  </a:lnTo>
                  <a:lnTo>
                    <a:pt x="6567" y="285"/>
                  </a:lnTo>
                  <a:lnTo>
                    <a:pt x="6561" y="316"/>
                  </a:lnTo>
                  <a:lnTo>
                    <a:pt x="6530" y="310"/>
                  </a:lnTo>
                  <a:lnTo>
                    <a:pt x="6496" y="271"/>
                  </a:lnTo>
                  <a:lnTo>
                    <a:pt x="6510" y="256"/>
                  </a:lnTo>
                  <a:close/>
                  <a:moveTo>
                    <a:pt x="7526" y="1065"/>
                  </a:moveTo>
                  <a:lnTo>
                    <a:pt x="7482" y="1033"/>
                  </a:lnTo>
                  <a:lnTo>
                    <a:pt x="7441" y="1034"/>
                  </a:lnTo>
                  <a:lnTo>
                    <a:pt x="7429" y="1018"/>
                  </a:lnTo>
                  <a:lnTo>
                    <a:pt x="7435" y="988"/>
                  </a:lnTo>
                  <a:lnTo>
                    <a:pt x="7472" y="1008"/>
                  </a:lnTo>
                  <a:lnTo>
                    <a:pt x="7504" y="1000"/>
                  </a:lnTo>
                  <a:lnTo>
                    <a:pt x="7540" y="1033"/>
                  </a:lnTo>
                  <a:lnTo>
                    <a:pt x="7540" y="1064"/>
                  </a:lnTo>
                  <a:lnTo>
                    <a:pt x="7526" y="1065"/>
                  </a:lnTo>
                  <a:close/>
                  <a:moveTo>
                    <a:pt x="5780" y="2363"/>
                  </a:moveTo>
                  <a:lnTo>
                    <a:pt x="5770" y="2382"/>
                  </a:lnTo>
                  <a:lnTo>
                    <a:pt x="5758" y="2385"/>
                  </a:lnTo>
                  <a:lnTo>
                    <a:pt x="5780" y="2363"/>
                  </a:lnTo>
                  <a:close/>
                  <a:moveTo>
                    <a:pt x="5700" y="2430"/>
                  </a:moveTo>
                  <a:lnTo>
                    <a:pt x="5676" y="2456"/>
                  </a:lnTo>
                  <a:lnTo>
                    <a:pt x="5657" y="2467"/>
                  </a:lnTo>
                  <a:lnTo>
                    <a:pt x="5659" y="2459"/>
                  </a:lnTo>
                  <a:lnTo>
                    <a:pt x="5678" y="2438"/>
                  </a:lnTo>
                  <a:lnTo>
                    <a:pt x="5695" y="2425"/>
                  </a:lnTo>
                  <a:lnTo>
                    <a:pt x="5700" y="243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74" name="Freeform 213"/>
            <p:cNvSpPr>
              <a:spLocks noChangeAspect="1"/>
            </p:cNvSpPr>
            <p:nvPr/>
          </p:nvSpPr>
          <p:spPr bwMode="gray">
            <a:xfrm>
              <a:off x="3563938" y="3411538"/>
              <a:ext cx="4763" cy="1588"/>
            </a:xfrm>
            <a:custGeom>
              <a:avLst/>
              <a:gdLst>
                <a:gd name="T0" fmla="*/ 0 w 9"/>
                <a:gd name="T1" fmla="*/ 0 h 4"/>
                <a:gd name="T2" fmla="*/ 0 w 9"/>
                <a:gd name="T3" fmla="*/ 0 h 4"/>
                <a:gd name="T4" fmla="*/ 0 w 9"/>
                <a:gd name="T5" fmla="*/ 0 h 4"/>
                <a:gd name="T6" fmla="*/ 0 w 9"/>
                <a:gd name="T7" fmla="*/ 0 h 4"/>
                <a:gd name="T8" fmla="*/ 0 w 9"/>
                <a:gd name="T9" fmla="*/ 0 h 4"/>
                <a:gd name="T10" fmla="*/ 0 w 9"/>
                <a:gd name="T11" fmla="*/ 0 h 4"/>
                <a:gd name="T12" fmla="*/ 0 w 9"/>
                <a:gd name="T13" fmla="*/ 0 h 4"/>
                <a:gd name="T14" fmla="*/ 0 w 9"/>
                <a:gd name="T15" fmla="*/ 0 h 4"/>
                <a:gd name="T16" fmla="*/ 0 w 9"/>
                <a:gd name="T17" fmla="*/ 0 h 4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9"/>
                <a:gd name="T28" fmla="*/ 0 h 4"/>
                <a:gd name="T29" fmla="*/ 9 w 9"/>
                <a:gd name="T30" fmla="*/ 4 h 4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9" h="4">
                  <a:moveTo>
                    <a:pt x="9" y="0"/>
                  </a:moveTo>
                  <a:lnTo>
                    <a:pt x="5" y="0"/>
                  </a:lnTo>
                  <a:lnTo>
                    <a:pt x="2" y="1"/>
                  </a:lnTo>
                  <a:lnTo>
                    <a:pt x="1" y="2"/>
                  </a:lnTo>
                  <a:lnTo>
                    <a:pt x="0" y="3"/>
                  </a:lnTo>
                  <a:lnTo>
                    <a:pt x="3" y="4"/>
                  </a:lnTo>
                  <a:lnTo>
                    <a:pt x="6" y="3"/>
                  </a:lnTo>
                  <a:lnTo>
                    <a:pt x="9" y="2"/>
                  </a:lnTo>
                  <a:lnTo>
                    <a:pt x="9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75" name="Freeform 214"/>
            <p:cNvSpPr>
              <a:spLocks noChangeAspect="1"/>
            </p:cNvSpPr>
            <p:nvPr/>
          </p:nvSpPr>
          <p:spPr bwMode="gray">
            <a:xfrm>
              <a:off x="2949575" y="3770313"/>
              <a:ext cx="85725" cy="95250"/>
            </a:xfrm>
            <a:custGeom>
              <a:avLst/>
              <a:gdLst>
                <a:gd name="T0" fmla="*/ 4 w 178"/>
                <a:gd name="T1" fmla="*/ 0 h 198"/>
                <a:gd name="T2" fmla="*/ 3 w 178"/>
                <a:gd name="T3" fmla="*/ 0 h 198"/>
                <a:gd name="T4" fmla="*/ 2 w 178"/>
                <a:gd name="T5" fmla="*/ 0 h 198"/>
                <a:gd name="T6" fmla="*/ 2 w 178"/>
                <a:gd name="T7" fmla="*/ 1 h 198"/>
                <a:gd name="T8" fmla="*/ 1 w 178"/>
                <a:gd name="T9" fmla="*/ 1 h 198"/>
                <a:gd name="T10" fmla="*/ 2 w 178"/>
                <a:gd name="T11" fmla="*/ 2 h 198"/>
                <a:gd name="T12" fmla="*/ 2 w 178"/>
                <a:gd name="T13" fmla="*/ 2 h 198"/>
                <a:gd name="T14" fmla="*/ 2 w 178"/>
                <a:gd name="T15" fmla="*/ 2 h 198"/>
                <a:gd name="T16" fmla="*/ 1 w 178"/>
                <a:gd name="T17" fmla="*/ 2 h 198"/>
                <a:gd name="T18" fmla="*/ 0 w 178"/>
                <a:gd name="T19" fmla="*/ 4 h 198"/>
                <a:gd name="T20" fmla="*/ 0 w 178"/>
                <a:gd name="T21" fmla="*/ 4 h 198"/>
                <a:gd name="T22" fmla="*/ 0 w 178"/>
                <a:gd name="T23" fmla="*/ 5 h 198"/>
                <a:gd name="T24" fmla="*/ 1 w 178"/>
                <a:gd name="T25" fmla="*/ 5 h 198"/>
                <a:gd name="T26" fmla="*/ 3 w 178"/>
                <a:gd name="T27" fmla="*/ 5 h 198"/>
                <a:gd name="T28" fmla="*/ 3 w 178"/>
                <a:gd name="T29" fmla="*/ 5 h 198"/>
                <a:gd name="T30" fmla="*/ 3 w 178"/>
                <a:gd name="T31" fmla="*/ 5 h 198"/>
                <a:gd name="T32" fmla="*/ 4 w 178"/>
                <a:gd name="T33" fmla="*/ 5 h 198"/>
                <a:gd name="T34" fmla="*/ 4 w 178"/>
                <a:gd name="T35" fmla="*/ 4 h 198"/>
                <a:gd name="T36" fmla="*/ 4 w 178"/>
                <a:gd name="T37" fmla="*/ 4 h 198"/>
                <a:gd name="T38" fmla="*/ 5 w 178"/>
                <a:gd name="T39" fmla="*/ 3 h 198"/>
                <a:gd name="T40" fmla="*/ 5 w 178"/>
                <a:gd name="T41" fmla="*/ 3 h 198"/>
                <a:gd name="T42" fmla="*/ 5 w 178"/>
                <a:gd name="T43" fmla="*/ 3 h 198"/>
                <a:gd name="T44" fmla="*/ 5 w 178"/>
                <a:gd name="T45" fmla="*/ 3 h 198"/>
                <a:gd name="T46" fmla="*/ 4 w 178"/>
                <a:gd name="T47" fmla="*/ 2 h 198"/>
                <a:gd name="T48" fmla="*/ 4 w 178"/>
                <a:gd name="T49" fmla="*/ 2 h 198"/>
                <a:gd name="T50" fmla="*/ 4 w 178"/>
                <a:gd name="T51" fmla="*/ 0 h 198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w 178"/>
                <a:gd name="T79" fmla="*/ 0 h 198"/>
                <a:gd name="T80" fmla="*/ 178 w 178"/>
                <a:gd name="T81" fmla="*/ 198 h 198"/>
              </a:gdLst>
              <a:ahLst/>
              <a:cxnLst>
                <a:cxn ang="T52">
                  <a:pos x="T0" y="T1"/>
                </a:cxn>
                <a:cxn ang="T53">
                  <a:pos x="T2" y="T3"/>
                </a:cxn>
                <a:cxn ang="T54">
                  <a:pos x="T4" y="T5"/>
                </a:cxn>
                <a:cxn ang="T55">
                  <a:pos x="T6" y="T7"/>
                </a:cxn>
                <a:cxn ang="T56">
                  <a:pos x="T8" y="T9"/>
                </a:cxn>
                <a:cxn ang="T57">
                  <a:pos x="T10" y="T11"/>
                </a:cxn>
                <a:cxn ang="T58">
                  <a:pos x="T12" y="T13"/>
                </a:cxn>
                <a:cxn ang="T59">
                  <a:pos x="T14" y="T15"/>
                </a:cxn>
                <a:cxn ang="T60">
                  <a:pos x="T16" y="T17"/>
                </a:cxn>
                <a:cxn ang="T61">
                  <a:pos x="T18" y="T19"/>
                </a:cxn>
                <a:cxn ang="T62">
                  <a:pos x="T20" y="T21"/>
                </a:cxn>
                <a:cxn ang="T63">
                  <a:pos x="T22" y="T23"/>
                </a:cxn>
                <a:cxn ang="T64">
                  <a:pos x="T24" y="T25"/>
                </a:cxn>
                <a:cxn ang="T65">
                  <a:pos x="T26" y="T27"/>
                </a:cxn>
                <a:cxn ang="T66">
                  <a:pos x="T28" y="T29"/>
                </a:cxn>
                <a:cxn ang="T67">
                  <a:pos x="T30" y="T31"/>
                </a:cxn>
                <a:cxn ang="T68">
                  <a:pos x="T32" y="T33"/>
                </a:cxn>
                <a:cxn ang="T69">
                  <a:pos x="T34" y="T35"/>
                </a:cxn>
                <a:cxn ang="T70">
                  <a:pos x="T36" y="T37"/>
                </a:cxn>
                <a:cxn ang="T71">
                  <a:pos x="T38" y="T39"/>
                </a:cxn>
                <a:cxn ang="T72">
                  <a:pos x="T40" y="T41"/>
                </a:cxn>
                <a:cxn ang="T73">
                  <a:pos x="T42" y="T43"/>
                </a:cxn>
                <a:cxn ang="T74">
                  <a:pos x="T44" y="T45"/>
                </a:cxn>
                <a:cxn ang="T75">
                  <a:pos x="T46" y="T47"/>
                </a:cxn>
                <a:cxn ang="T76">
                  <a:pos x="T48" y="T49"/>
                </a:cxn>
                <a:cxn ang="T77">
                  <a:pos x="T50" y="T51"/>
                </a:cxn>
              </a:cxnLst>
              <a:rect l="T78" t="T79" r="T80" b="T81"/>
              <a:pathLst>
                <a:path w="178" h="198">
                  <a:moveTo>
                    <a:pt x="139" y="0"/>
                  </a:moveTo>
                  <a:lnTo>
                    <a:pt x="104" y="0"/>
                  </a:lnTo>
                  <a:lnTo>
                    <a:pt x="60" y="0"/>
                  </a:lnTo>
                  <a:lnTo>
                    <a:pt x="60" y="24"/>
                  </a:lnTo>
                  <a:lnTo>
                    <a:pt x="31" y="24"/>
                  </a:lnTo>
                  <a:lnTo>
                    <a:pt x="66" y="52"/>
                  </a:lnTo>
                  <a:lnTo>
                    <a:pt x="80" y="71"/>
                  </a:lnTo>
                  <a:lnTo>
                    <a:pt x="79" y="83"/>
                  </a:lnTo>
                  <a:lnTo>
                    <a:pt x="33" y="84"/>
                  </a:lnTo>
                  <a:lnTo>
                    <a:pt x="4" y="132"/>
                  </a:lnTo>
                  <a:lnTo>
                    <a:pt x="6" y="139"/>
                  </a:lnTo>
                  <a:lnTo>
                    <a:pt x="0" y="157"/>
                  </a:lnTo>
                  <a:lnTo>
                    <a:pt x="40" y="188"/>
                  </a:lnTo>
                  <a:lnTo>
                    <a:pt x="100" y="198"/>
                  </a:lnTo>
                  <a:lnTo>
                    <a:pt x="105" y="186"/>
                  </a:lnTo>
                  <a:lnTo>
                    <a:pt x="122" y="177"/>
                  </a:lnTo>
                  <a:lnTo>
                    <a:pt x="127" y="164"/>
                  </a:lnTo>
                  <a:lnTo>
                    <a:pt x="138" y="154"/>
                  </a:lnTo>
                  <a:lnTo>
                    <a:pt x="138" y="140"/>
                  </a:lnTo>
                  <a:lnTo>
                    <a:pt x="175" y="111"/>
                  </a:lnTo>
                  <a:lnTo>
                    <a:pt x="178" y="101"/>
                  </a:lnTo>
                  <a:lnTo>
                    <a:pt x="172" y="98"/>
                  </a:lnTo>
                  <a:lnTo>
                    <a:pt x="163" y="101"/>
                  </a:lnTo>
                  <a:lnTo>
                    <a:pt x="153" y="92"/>
                  </a:lnTo>
                  <a:lnTo>
                    <a:pt x="138" y="91"/>
                  </a:lnTo>
                  <a:lnTo>
                    <a:pt x="139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76" name="Freeform 215"/>
            <p:cNvSpPr>
              <a:spLocks noChangeAspect="1"/>
            </p:cNvSpPr>
            <p:nvPr/>
          </p:nvSpPr>
          <p:spPr bwMode="gray">
            <a:xfrm>
              <a:off x="3406775" y="3722688"/>
              <a:ext cx="76200" cy="52388"/>
            </a:xfrm>
            <a:custGeom>
              <a:avLst/>
              <a:gdLst>
                <a:gd name="T0" fmla="*/ 0 w 158"/>
                <a:gd name="T1" fmla="*/ 2 h 110"/>
                <a:gd name="T2" fmla="*/ 0 w 158"/>
                <a:gd name="T3" fmla="*/ 3 h 110"/>
                <a:gd name="T4" fmla="*/ 1 w 158"/>
                <a:gd name="T5" fmla="*/ 3 h 110"/>
                <a:gd name="T6" fmla="*/ 2 w 158"/>
                <a:gd name="T7" fmla="*/ 2 h 110"/>
                <a:gd name="T8" fmla="*/ 2 w 158"/>
                <a:gd name="T9" fmla="*/ 2 h 110"/>
                <a:gd name="T10" fmla="*/ 2 w 158"/>
                <a:gd name="T11" fmla="*/ 2 h 110"/>
                <a:gd name="T12" fmla="*/ 2 w 158"/>
                <a:gd name="T13" fmla="*/ 2 h 110"/>
                <a:gd name="T14" fmla="*/ 3 w 158"/>
                <a:gd name="T15" fmla="*/ 2 h 110"/>
                <a:gd name="T16" fmla="*/ 4 w 158"/>
                <a:gd name="T17" fmla="*/ 2 h 110"/>
                <a:gd name="T18" fmla="*/ 5 w 158"/>
                <a:gd name="T19" fmla="*/ 2 h 110"/>
                <a:gd name="T20" fmla="*/ 4 w 158"/>
                <a:gd name="T21" fmla="*/ 1 h 110"/>
                <a:gd name="T22" fmla="*/ 3 w 158"/>
                <a:gd name="T23" fmla="*/ 1 h 110"/>
                <a:gd name="T24" fmla="*/ 3 w 158"/>
                <a:gd name="T25" fmla="*/ 1 h 110"/>
                <a:gd name="T26" fmla="*/ 3 w 158"/>
                <a:gd name="T27" fmla="*/ 1 h 110"/>
                <a:gd name="T28" fmla="*/ 3 w 158"/>
                <a:gd name="T29" fmla="*/ 1 h 110"/>
                <a:gd name="T30" fmla="*/ 2 w 158"/>
                <a:gd name="T31" fmla="*/ 0 h 110"/>
                <a:gd name="T32" fmla="*/ 2 w 158"/>
                <a:gd name="T33" fmla="*/ 0 h 110"/>
                <a:gd name="T34" fmla="*/ 0 w 158"/>
                <a:gd name="T35" fmla="*/ 0 h 110"/>
                <a:gd name="T36" fmla="*/ 0 w 158"/>
                <a:gd name="T37" fmla="*/ 0 h 110"/>
                <a:gd name="T38" fmla="*/ 0 w 158"/>
                <a:gd name="T39" fmla="*/ 1 h 110"/>
                <a:gd name="T40" fmla="*/ 0 w 158"/>
                <a:gd name="T41" fmla="*/ 2 h 110"/>
                <a:gd name="T42" fmla="*/ 0 w 158"/>
                <a:gd name="T43" fmla="*/ 2 h 110"/>
                <a:gd name="T44" fmla="*/ 0 w 158"/>
                <a:gd name="T45" fmla="*/ 2 h 110"/>
                <a:gd name="T46" fmla="*/ 0 w 158"/>
                <a:gd name="T47" fmla="*/ 2 h 110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w 158"/>
                <a:gd name="T73" fmla="*/ 0 h 110"/>
                <a:gd name="T74" fmla="*/ 158 w 158"/>
                <a:gd name="T75" fmla="*/ 110 h 110"/>
              </a:gdLst>
              <a:ahLst/>
              <a:cxnLst>
                <a:cxn ang="T48">
                  <a:pos x="T0" y="T1"/>
                </a:cxn>
                <a:cxn ang="T49">
                  <a:pos x="T2" y="T3"/>
                </a:cxn>
                <a:cxn ang="T50">
                  <a:pos x="T4" y="T5"/>
                </a:cxn>
                <a:cxn ang="T51">
                  <a:pos x="T6" y="T7"/>
                </a:cxn>
                <a:cxn ang="T52">
                  <a:pos x="T8" y="T9"/>
                </a:cxn>
                <a:cxn ang="T53">
                  <a:pos x="T10" y="T11"/>
                </a:cxn>
                <a:cxn ang="T54">
                  <a:pos x="T12" y="T13"/>
                </a:cxn>
                <a:cxn ang="T55">
                  <a:pos x="T14" y="T15"/>
                </a:cxn>
                <a:cxn ang="T56">
                  <a:pos x="T16" y="T17"/>
                </a:cxn>
                <a:cxn ang="T57">
                  <a:pos x="T18" y="T19"/>
                </a:cxn>
                <a:cxn ang="T58">
                  <a:pos x="T20" y="T21"/>
                </a:cxn>
                <a:cxn ang="T59">
                  <a:pos x="T22" y="T23"/>
                </a:cxn>
                <a:cxn ang="T60">
                  <a:pos x="T24" y="T25"/>
                </a:cxn>
                <a:cxn ang="T61">
                  <a:pos x="T26" y="T27"/>
                </a:cxn>
                <a:cxn ang="T62">
                  <a:pos x="T28" y="T29"/>
                </a:cxn>
                <a:cxn ang="T63">
                  <a:pos x="T30" y="T31"/>
                </a:cxn>
                <a:cxn ang="T64">
                  <a:pos x="T32" y="T33"/>
                </a:cxn>
                <a:cxn ang="T65">
                  <a:pos x="T34" y="T35"/>
                </a:cxn>
                <a:cxn ang="T66">
                  <a:pos x="T36" y="T37"/>
                </a:cxn>
                <a:cxn ang="T67">
                  <a:pos x="T38" y="T39"/>
                </a:cxn>
                <a:cxn ang="T68">
                  <a:pos x="T40" y="T41"/>
                </a:cxn>
                <a:cxn ang="T69">
                  <a:pos x="T42" y="T43"/>
                </a:cxn>
                <a:cxn ang="T70">
                  <a:pos x="T44" y="T45"/>
                </a:cxn>
                <a:cxn ang="T71">
                  <a:pos x="T46" y="T47"/>
                </a:cxn>
              </a:cxnLst>
              <a:rect l="T72" t="T73" r="T74" b="T75"/>
              <a:pathLst>
                <a:path w="158" h="110">
                  <a:moveTo>
                    <a:pt x="4" y="91"/>
                  </a:moveTo>
                  <a:lnTo>
                    <a:pt x="7" y="103"/>
                  </a:lnTo>
                  <a:lnTo>
                    <a:pt x="16" y="110"/>
                  </a:lnTo>
                  <a:lnTo>
                    <a:pt x="48" y="74"/>
                  </a:lnTo>
                  <a:lnTo>
                    <a:pt x="55" y="74"/>
                  </a:lnTo>
                  <a:lnTo>
                    <a:pt x="59" y="86"/>
                  </a:lnTo>
                  <a:lnTo>
                    <a:pt x="87" y="74"/>
                  </a:lnTo>
                  <a:lnTo>
                    <a:pt x="104" y="71"/>
                  </a:lnTo>
                  <a:lnTo>
                    <a:pt x="148" y="81"/>
                  </a:lnTo>
                  <a:lnTo>
                    <a:pt x="158" y="60"/>
                  </a:lnTo>
                  <a:lnTo>
                    <a:pt x="140" y="43"/>
                  </a:lnTo>
                  <a:lnTo>
                    <a:pt x="106" y="39"/>
                  </a:lnTo>
                  <a:lnTo>
                    <a:pt x="121" y="34"/>
                  </a:lnTo>
                  <a:lnTo>
                    <a:pt x="121" y="31"/>
                  </a:lnTo>
                  <a:lnTo>
                    <a:pt x="95" y="26"/>
                  </a:lnTo>
                  <a:lnTo>
                    <a:pt x="87" y="11"/>
                  </a:lnTo>
                  <a:lnTo>
                    <a:pt x="50" y="0"/>
                  </a:lnTo>
                  <a:lnTo>
                    <a:pt x="7" y="0"/>
                  </a:lnTo>
                  <a:lnTo>
                    <a:pt x="2" y="5"/>
                  </a:lnTo>
                  <a:lnTo>
                    <a:pt x="10" y="35"/>
                  </a:lnTo>
                  <a:lnTo>
                    <a:pt x="7" y="56"/>
                  </a:lnTo>
                  <a:lnTo>
                    <a:pt x="0" y="64"/>
                  </a:lnTo>
                  <a:lnTo>
                    <a:pt x="5" y="77"/>
                  </a:lnTo>
                  <a:lnTo>
                    <a:pt x="4" y="9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77" name="Freeform 216"/>
            <p:cNvSpPr>
              <a:spLocks noChangeAspect="1"/>
            </p:cNvSpPr>
            <p:nvPr/>
          </p:nvSpPr>
          <p:spPr bwMode="gray">
            <a:xfrm>
              <a:off x="2998788" y="3851276"/>
              <a:ext cx="50800" cy="26988"/>
            </a:xfrm>
            <a:custGeom>
              <a:avLst/>
              <a:gdLst>
                <a:gd name="T0" fmla="*/ 0 w 106"/>
                <a:gd name="T1" fmla="*/ 1 h 60"/>
                <a:gd name="T2" fmla="*/ 0 w 106"/>
                <a:gd name="T3" fmla="*/ 1 h 60"/>
                <a:gd name="T4" fmla="*/ 1 w 106"/>
                <a:gd name="T5" fmla="*/ 0 h 60"/>
                <a:gd name="T6" fmla="*/ 1 w 106"/>
                <a:gd name="T7" fmla="*/ 0 h 60"/>
                <a:gd name="T8" fmla="*/ 1 w 106"/>
                <a:gd name="T9" fmla="*/ 0 h 60"/>
                <a:gd name="T10" fmla="*/ 2 w 106"/>
                <a:gd name="T11" fmla="*/ 1 h 60"/>
                <a:gd name="T12" fmla="*/ 2 w 106"/>
                <a:gd name="T13" fmla="*/ 1 h 60"/>
                <a:gd name="T14" fmla="*/ 3 w 106"/>
                <a:gd name="T15" fmla="*/ 1 h 60"/>
                <a:gd name="T16" fmla="*/ 3 w 106"/>
                <a:gd name="T17" fmla="*/ 1 h 60"/>
                <a:gd name="T18" fmla="*/ 3 w 106"/>
                <a:gd name="T19" fmla="*/ 1 h 60"/>
                <a:gd name="T20" fmla="*/ 2 w 106"/>
                <a:gd name="T21" fmla="*/ 1 h 60"/>
                <a:gd name="T22" fmla="*/ 2 w 106"/>
                <a:gd name="T23" fmla="*/ 1 h 60"/>
                <a:gd name="T24" fmla="*/ 1 w 106"/>
                <a:gd name="T25" fmla="*/ 1 h 60"/>
                <a:gd name="T26" fmla="*/ 0 w 106"/>
                <a:gd name="T27" fmla="*/ 1 h 60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106"/>
                <a:gd name="T43" fmla="*/ 0 h 60"/>
                <a:gd name="T44" fmla="*/ 106 w 106"/>
                <a:gd name="T45" fmla="*/ 60 h 60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106" h="60">
                  <a:moveTo>
                    <a:pt x="0" y="34"/>
                  </a:moveTo>
                  <a:lnTo>
                    <a:pt x="5" y="22"/>
                  </a:lnTo>
                  <a:lnTo>
                    <a:pt x="22" y="13"/>
                  </a:lnTo>
                  <a:lnTo>
                    <a:pt x="27" y="0"/>
                  </a:lnTo>
                  <a:lnTo>
                    <a:pt x="42" y="4"/>
                  </a:lnTo>
                  <a:lnTo>
                    <a:pt x="72" y="26"/>
                  </a:lnTo>
                  <a:lnTo>
                    <a:pt x="90" y="24"/>
                  </a:lnTo>
                  <a:lnTo>
                    <a:pt x="98" y="27"/>
                  </a:lnTo>
                  <a:lnTo>
                    <a:pt x="104" y="32"/>
                  </a:lnTo>
                  <a:lnTo>
                    <a:pt x="106" y="49"/>
                  </a:lnTo>
                  <a:lnTo>
                    <a:pt x="87" y="60"/>
                  </a:lnTo>
                  <a:lnTo>
                    <a:pt x="63" y="60"/>
                  </a:lnTo>
                  <a:lnTo>
                    <a:pt x="17" y="44"/>
                  </a:lnTo>
                  <a:lnTo>
                    <a:pt x="0" y="3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78" name="Freeform 217"/>
            <p:cNvSpPr>
              <a:spLocks noChangeAspect="1"/>
            </p:cNvSpPr>
            <p:nvPr/>
          </p:nvSpPr>
          <p:spPr bwMode="gray">
            <a:xfrm>
              <a:off x="3054350" y="3836988"/>
              <a:ext cx="95250" cy="96838"/>
            </a:xfrm>
            <a:custGeom>
              <a:avLst/>
              <a:gdLst>
                <a:gd name="T0" fmla="*/ 2 w 197"/>
                <a:gd name="T1" fmla="*/ 5 h 200"/>
                <a:gd name="T2" fmla="*/ 3 w 197"/>
                <a:gd name="T3" fmla="*/ 5 h 200"/>
                <a:gd name="T4" fmla="*/ 3 w 197"/>
                <a:gd name="T5" fmla="*/ 5 h 200"/>
                <a:gd name="T6" fmla="*/ 4 w 197"/>
                <a:gd name="T7" fmla="*/ 5 h 200"/>
                <a:gd name="T8" fmla="*/ 5 w 197"/>
                <a:gd name="T9" fmla="*/ 6 h 200"/>
                <a:gd name="T10" fmla="*/ 5 w 197"/>
                <a:gd name="T11" fmla="*/ 5 h 200"/>
                <a:gd name="T12" fmla="*/ 5 w 197"/>
                <a:gd name="T13" fmla="*/ 5 h 200"/>
                <a:gd name="T14" fmla="*/ 5 w 197"/>
                <a:gd name="T15" fmla="*/ 4 h 200"/>
                <a:gd name="T16" fmla="*/ 5 w 197"/>
                <a:gd name="T17" fmla="*/ 2 h 200"/>
                <a:gd name="T18" fmla="*/ 5 w 197"/>
                <a:gd name="T19" fmla="*/ 1 h 200"/>
                <a:gd name="T20" fmla="*/ 5 w 197"/>
                <a:gd name="T21" fmla="*/ 0 h 200"/>
                <a:gd name="T22" fmla="*/ 5 w 197"/>
                <a:gd name="T23" fmla="*/ 0 h 200"/>
                <a:gd name="T24" fmla="*/ 4 w 197"/>
                <a:gd name="T25" fmla="*/ 1 h 200"/>
                <a:gd name="T26" fmla="*/ 4 w 197"/>
                <a:gd name="T27" fmla="*/ 1 h 200"/>
                <a:gd name="T28" fmla="*/ 4 w 197"/>
                <a:gd name="T29" fmla="*/ 0 h 200"/>
                <a:gd name="T30" fmla="*/ 3 w 197"/>
                <a:gd name="T31" fmla="*/ 1 h 200"/>
                <a:gd name="T32" fmla="*/ 3 w 197"/>
                <a:gd name="T33" fmla="*/ 1 h 200"/>
                <a:gd name="T34" fmla="*/ 2 w 197"/>
                <a:gd name="T35" fmla="*/ 2 h 200"/>
                <a:gd name="T36" fmla="*/ 2 w 197"/>
                <a:gd name="T37" fmla="*/ 1 h 200"/>
                <a:gd name="T38" fmla="*/ 2 w 197"/>
                <a:gd name="T39" fmla="*/ 2 h 200"/>
                <a:gd name="T40" fmla="*/ 1 w 197"/>
                <a:gd name="T41" fmla="*/ 2 h 200"/>
                <a:gd name="T42" fmla="*/ 1 w 197"/>
                <a:gd name="T43" fmla="*/ 2 h 200"/>
                <a:gd name="T44" fmla="*/ 1 w 197"/>
                <a:gd name="T45" fmla="*/ 3 h 200"/>
                <a:gd name="T46" fmla="*/ 0 w 197"/>
                <a:gd name="T47" fmla="*/ 3 h 200"/>
                <a:gd name="T48" fmla="*/ 0 w 197"/>
                <a:gd name="T49" fmla="*/ 3 h 200"/>
                <a:gd name="T50" fmla="*/ 0 w 197"/>
                <a:gd name="T51" fmla="*/ 3 h 200"/>
                <a:gd name="T52" fmla="*/ 2 w 197"/>
                <a:gd name="T53" fmla="*/ 5 h 200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197"/>
                <a:gd name="T82" fmla="*/ 0 h 200"/>
                <a:gd name="T83" fmla="*/ 197 w 197"/>
                <a:gd name="T84" fmla="*/ 200 h 200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197" h="200">
                  <a:moveTo>
                    <a:pt x="82" y="186"/>
                  </a:moveTo>
                  <a:lnTo>
                    <a:pt x="93" y="181"/>
                  </a:lnTo>
                  <a:lnTo>
                    <a:pt x="119" y="189"/>
                  </a:lnTo>
                  <a:lnTo>
                    <a:pt x="138" y="188"/>
                  </a:lnTo>
                  <a:lnTo>
                    <a:pt x="158" y="200"/>
                  </a:lnTo>
                  <a:lnTo>
                    <a:pt x="178" y="193"/>
                  </a:lnTo>
                  <a:lnTo>
                    <a:pt x="172" y="167"/>
                  </a:lnTo>
                  <a:lnTo>
                    <a:pt x="176" y="152"/>
                  </a:lnTo>
                  <a:lnTo>
                    <a:pt x="184" y="70"/>
                  </a:lnTo>
                  <a:lnTo>
                    <a:pt x="195" y="36"/>
                  </a:lnTo>
                  <a:lnTo>
                    <a:pt x="197" y="0"/>
                  </a:lnTo>
                  <a:lnTo>
                    <a:pt x="187" y="0"/>
                  </a:lnTo>
                  <a:lnTo>
                    <a:pt x="151" y="19"/>
                  </a:lnTo>
                  <a:lnTo>
                    <a:pt x="136" y="17"/>
                  </a:lnTo>
                  <a:lnTo>
                    <a:pt x="125" y="10"/>
                  </a:lnTo>
                  <a:lnTo>
                    <a:pt x="111" y="36"/>
                  </a:lnTo>
                  <a:lnTo>
                    <a:pt x="104" y="36"/>
                  </a:lnTo>
                  <a:lnTo>
                    <a:pt x="82" y="53"/>
                  </a:lnTo>
                  <a:lnTo>
                    <a:pt x="65" y="45"/>
                  </a:lnTo>
                  <a:lnTo>
                    <a:pt x="57" y="61"/>
                  </a:lnTo>
                  <a:lnTo>
                    <a:pt x="37" y="61"/>
                  </a:lnTo>
                  <a:lnTo>
                    <a:pt x="36" y="79"/>
                  </a:lnTo>
                  <a:lnTo>
                    <a:pt x="25" y="93"/>
                  </a:lnTo>
                  <a:lnTo>
                    <a:pt x="9" y="95"/>
                  </a:lnTo>
                  <a:lnTo>
                    <a:pt x="0" y="95"/>
                  </a:lnTo>
                  <a:lnTo>
                    <a:pt x="0" y="102"/>
                  </a:lnTo>
                  <a:lnTo>
                    <a:pt x="82" y="18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79" name="Freeform 218"/>
            <p:cNvSpPr>
              <a:spLocks noChangeAspect="1"/>
            </p:cNvSpPr>
            <p:nvPr/>
          </p:nvSpPr>
          <p:spPr bwMode="gray">
            <a:xfrm>
              <a:off x="3011488" y="3813176"/>
              <a:ext cx="138113" cy="69850"/>
            </a:xfrm>
            <a:custGeom>
              <a:avLst/>
              <a:gdLst>
                <a:gd name="T0" fmla="*/ 8 w 285"/>
                <a:gd name="T1" fmla="*/ 1 h 141"/>
                <a:gd name="T2" fmla="*/ 8 w 285"/>
                <a:gd name="T3" fmla="*/ 1 h 141"/>
                <a:gd name="T4" fmla="*/ 7 w 285"/>
                <a:gd name="T5" fmla="*/ 2 h 141"/>
                <a:gd name="T6" fmla="*/ 6 w 285"/>
                <a:gd name="T7" fmla="*/ 2 h 141"/>
                <a:gd name="T8" fmla="*/ 6 w 285"/>
                <a:gd name="T9" fmla="*/ 2 h 141"/>
                <a:gd name="T10" fmla="*/ 6 w 285"/>
                <a:gd name="T11" fmla="*/ 2 h 141"/>
                <a:gd name="T12" fmla="*/ 5 w 285"/>
                <a:gd name="T13" fmla="*/ 2 h 141"/>
                <a:gd name="T14" fmla="*/ 5 w 285"/>
                <a:gd name="T15" fmla="*/ 3 h 141"/>
                <a:gd name="T16" fmla="*/ 4 w 285"/>
                <a:gd name="T17" fmla="*/ 3 h 141"/>
                <a:gd name="T18" fmla="*/ 4 w 285"/>
                <a:gd name="T19" fmla="*/ 3 h 141"/>
                <a:gd name="T20" fmla="*/ 4 w 285"/>
                <a:gd name="T21" fmla="*/ 3 h 141"/>
                <a:gd name="T22" fmla="*/ 4 w 285"/>
                <a:gd name="T23" fmla="*/ 4 h 141"/>
                <a:gd name="T24" fmla="*/ 3 w 285"/>
                <a:gd name="T25" fmla="*/ 4 h 141"/>
                <a:gd name="T26" fmla="*/ 3 w 285"/>
                <a:gd name="T27" fmla="*/ 4 h 141"/>
                <a:gd name="T28" fmla="*/ 2 w 285"/>
                <a:gd name="T29" fmla="*/ 4 h 141"/>
                <a:gd name="T30" fmla="*/ 2 w 285"/>
                <a:gd name="T31" fmla="*/ 4 h 141"/>
                <a:gd name="T32" fmla="*/ 2 w 285"/>
                <a:gd name="T33" fmla="*/ 3 h 141"/>
                <a:gd name="T34" fmla="*/ 2 w 285"/>
                <a:gd name="T35" fmla="*/ 3 h 141"/>
                <a:gd name="T36" fmla="*/ 2 w 285"/>
                <a:gd name="T37" fmla="*/ 3 h 141"/>
                <a:gd name="T38" fmla="*/ 1 w 285"/>
                <a:gd name="T39" fmla="*/ 3 h 141"/>
                <a:gd name="T40" fmla="*/ 1 w 285"/>
                <a:gd name="T41" fmla="*/ 2 h 141"/>
                <a:gd name="T42" fmla="*/ 0 w 285"/>
                <a:gd name="T43" fmla="*/ 2 h 141"/>
                <a:gd name="T44" fmla="*/ 0 w 285"/>
                <a:gd name="T45" fmla="*/ 2 h 141"/>
                <a:gd name="T46" fmla="*/ 0 w 285"/>
                <a:gd name="T47" fmla="*/ 2 h 141"/>
                <a:gd name="T48" fmla="*/ 2 w 285"/>
                <a:gd name="T49" fmla="*/ 1 h 141"/>
                <a:gd name="T50" fmla="*/ 2 w 285"/>
                <a:gd name="T51" fmla="*/ 0 h 141"/>
                <a:gd name="T52" fmla="*/ 2 w 285"/>
                <a:gd name="T53" fmla="*/ 0 h 141"/>
                <a:gd name="T54" fmla="*/ 4 w 285"/>
                <a:gd name="T55" fmla="*/ 0 h 141"/>
                <a:gd name="T56" fmla="*/ 5 w 285"/>
                <a:gd name="T57" fmla="*/ 0 h 141"/>
                <a:gd name="T58" fmla="*/ 5 w 285"/>
                <a:gd name="T59" fmla="*/ 0 h 141"/>
                <a:gd name="T60" fmla="*/ 6 w 285"/>
                <a:gd name="T61" fmla="*/ 0 h 141"/>
                <a:gd name="T62" fmla="*/ 7 w 285"/>
                <a:gd name="T63" fmla="*/ 0 h 141"/>
                <a:gd name="T64" fmla="*/ 8 w 285"/>
                <a:gd name="T65" fmla="*/ 1 h 141"/>
                <a:gd name="T66" fmla="*/ 8 w 285"/>
                <a:gd name="T67" fmla="*/ 1 h 141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285"/>
                <a:gd name="T103" fmla="*/ 0 h 141"/>
                <a:gd name="T104" fmla="*/ 285 w 285"/>
                <a:gd name="T105" fmla="*/ 141 h 141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285" h="141">
                  <a:moveTo>
                    <a:pt x="285" y="46"/>
                  </a:moveTo>
                  <a:lnTo>
                    <a:pt x="275" y="46"/>
                  </a:lnTo>
                  <a:lnTo>
                    <a:pt x="239" y="65"/>
                  </a:lnTo>
                  <a:lnTo>
                    <a:pt x="224" y="63"/>
                  </a:lnTo>
                  <a:lnTo>
                    <a:pt x="213" y="56"/>
                  </a:lnTo>
                  <a:lnTo>
                    <a:pt x="199" y="82"/>
                  </a:lnTo>
                  <a:lnTo>
                    <a:pt x="192" y="82"/>
                  </a:lnTo>
                  <a:lnTo>
                    <a:pt x="170" y="99"/>
                  </a:lnTo>
                  <a:lnTo>
                    <a:pt x="153" y="91"/>
                  </a:lnTo>
                  <a:lnTo>
                    <a:pt x="145" y="107"/>
                  </a:lnTo>
                  <a:lnTo>
                    <a:pt x="125" y="107"/>
                  </a:lnTo>
                  <a:lnTo>
                    <a:pt x="124" y="125"/>
                  </a:lnTo>
                  <a:lnTo>
                    <a:pt x="113" y="139"/>
                  </a:lnTo>
                  <a:lnTo>
                    <a:pt x="97" y="141"/>
                  </a:lnTo>
                  <a:lnTo>
                    <a:pt x="88" y="124"/>
                  </a:lnTo>
                  <a:lnTo>
                    <a:pt x="79" y="122"/>
                  </a:lnTo>
                  <a:lnTo>
                    <a:pt x="77" y="105"/>
                  </a:lnTo>
                  <a:lnTo>
                    <a:pt x="71" y="100"/>
                  </a:lnTo>
                  <a:lnTo>
                    <a:pt x="63" y="97"/>
                  </a:lnTo>
                  <a:lnTo>
                    <a:pt x="45" y="99"/>
                  </a:lnTo>
                  <a:lnTo>
                    <a:pt x="15" y="77"/>
                  </a:lnTo>
                  <a:lnTo>
                    <a:pt x="0" y="73"/>
                  </a:lnTo>
                  <a:lnTo>
                    <a:pt x="11" y="63"/>
                  </a:lnTo>
                  <a:lnTo>
                    <a:pt x="11" y="49"/>
                  </a:lnTo>
                  <a:lnTo>
                    <a:pt x="48" y="20"/>
                  </a:lnTo>
                  <a:lnTo>
                    <a:pt x="51" y="10"/>
                  </a:lnTo>
                  <a:lnTo>
                    <a:pt x="79" y="7"/>
                  </a:lnTo>
                  <a:lnTo>
                    <a:pt x="124" y="10"/>
                  </a:lnTo>
                  <a:lnTo>
                    <a:pt x="168" y="0"/>
                  </a:lnTo>
                  <a:lnTo>
                    <a:pt x="176" y="6"/>
                  </a:lnTo>
                  <a:lnTo>
                    <a:pt x="204" y="1"/>
                  </a:lnTo>
                  <a:lnTo>
                    <a:pt x="246" y="14"/>
                  </a:lnTo>
                  <a:lnTo>
                    <a:pt x="277" y="32"/>
                  </a:lnTo>
                  <a:lnTo>
                    <a:pt x="285" y="4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80" name="Freeform 219"/>
            <p:cNvSpPr>
              <a:spLocks noChangeAspect="1"/>
            </p:cNvSpPr>
            <p:nvPr/>
          </p:nvSpPr>
          <p:spPr bwMode="gray">
            <a:xfrm>
              <a:off x="3092450" y="3924301"/>
              <a:ext cx="73025" cy="65088"/>
            </a:xfrm>
            <a:custGeom>
              <a:avLst/>
              <a:gdLst>
                <a:gd name="T0" fmla="*/ 4 w 150"/>
                <a:gd name="T1" fmla="*/ 4 h 132"/>
                <a:gd name="T2" fmla="*/ 4 w 150"/>
                <a:gd name="T3" fmla="*/ 4 h 132"/>
                <a:gd name="T4" fmla="*/ 4 w 150"/>
                <a:gd name="T5" fmla="*/ 3 h 132"/>
                <a:gd name="T6" fmla="*/ 4 w 150"/>
                <a:gd name="T7" fmla="*/ 3 h 132"/>
                <a:gd name="T8" fmla="*/ 4 w 150"/>
                <a:gd name="T9" fmla="*/ 2 h 132"/>
                <a:gd name="T10" fmla="*/ 4 w 150"/>
                <a:gd name="T11" fmla="*/ 2 h 132"/>
                <a:gd name="T12" fmla="*/ 4 w 150"/>
                <a:gd name="T13" fmla="*/ 2 h 132"/>
                <a:gd name="T14" fmla="*/ 3 w 150"/>
                <a:gd name="T15" fmla="*/ 1 h 132"/>
                <a:gd name="T16" fmla="*/ 3 w 150"/>
                <a:gd name="T17" fmla="*/ 0 h 132"/>
                <a:gd name="T18" fmla="*/ 2 w 150"/>
                <a:gd name="T19" fmla="*/ 1 h 132"/>
                <a:gd name="T20" fmla="*/ 2 w 150"/>
                <a:gd name="T21" fmla="*/ 0 h 132"/>
                <a:gd name="T22" fmla="*/ 1 w 150"/>
                <a:gd name="T23" fmla="*/ 0 h 132"/>
                <a:gd name="T24" fmla="*/ 0 w 150"/>
                <a:gd name="T25" fmla="*/ 0 h 132"/>
                <a:gd name="T26" fmla="*/ 0 w 150"/>
                <a:gd name="T27" fmla="*/ 0 h 132"/>
                <a:gd name="T28" fmla="*/ 0 w 150"/>
                <a:gd name="T29" fmla="*/ 1 h 132"/>
                <a:gd name="T30" fmla="*/ 0 w 150"/>
                <a:gd name="T31" fmla="*/ 2 h 132"/>
                <a:gd name="T32" fmla="*/ 1 w 150"/>
                <a:gd name="T33" fmla="*/ 2 h 132"/>
                <a:gd name="T34" fmla="*/ 1 w 150"/>
                <a:gd name="T35" fmla="*/ 2 h 132"/>
                <a:gd name="T36" fmla="*/ 1 w 150"/>
                <a:gd name="T37" fmla="*/ 2 h 132"/>
                <a:gd name="T38" fmla="*/ 1 w 150"/>
                <a:gd name="T39" fmla="*/ 2 h 132"/>
                <a:gd name="T40" fmla="*/ 2 w 150"/>
                <a:gd name="T41" fmla="*/ 2 h 132"/>
                <a:gd name="T42" fmla="*/ 3 w 150"/>
                <a:gd name="T43" fmla="*/ 3 h 132"/>
                <a:gd name="T44" fmla="*/ 3 w 150"/>
                <a:gd name="T45" fmla="*/ 4 h 132"/>
                <a:gd name="T46" fmla="*/ 3 w 150"/>
                <a:gd name="T47" fmla="*/ 4 h 132"/>
                <a:gd name="T48" fmla="*/ 3 w 150"/>
                <a:gd name="T49" fmla="*/ 3 h 132"/>
                <a:gd name="T50" fmla="*/ 3 w 150"/>
                <a:gd name="T51" fmla="*/ 3 h 132"/>
                <a:gd name="T52" fmla="*/ 4 w 150"/>
                <a:gd name="T53" fmla="*/ 4 h 132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150"/>
                <a:gd name="T82" fmla="*/ 0 h 132"/>
                <a:gd name="T83" fmla="*/ 150 w 150"/>
                <a:gd name="T84" fmla="*/ 132 h 132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150" h="132">
                  <a:moveTo>
                    <a:pt x="130" y="132"/>
                  </a:moveTo>
                  <a:lnTo>
                    <a:pt x="136" y="124"/>
                  </a:lnTo>
                  <a:lnTo>
                    <a:pt x="144" y="98"/>
                  </a:lnTo>
                  <a:lnTo>
                    <a:pt x="135" y="91"/>
                  </a:lnTo>
                  <a:lnTo>
                    <a:pt x="136" y="79"/>
                  </a:lnTo>
                  <a:lnTo>
                    <a:pt x="142" y="73"/>
                  </a:lnTo>
                  <a:lnTo>
                    <a:pt x="150" y="73"/>
                  </a:lnTo>
                  <a:lnTo>
                    <a:pt x="118" y="45"/>
                  </a:lnTo>
                  <a:lnTo>
                    <a:pt x="99" y="12"/>
                  </a:lnTo>
                  <a:lnTo>
                    <a:pt x="79" y="19"/>
                  </a:lnTo>
                  <a:lnTo>
                    <a:pt x="59" y="7"/>
                  </a:lnTo>
                  <a:lnTo>
                    <a:pt x="40" y="8"/>
                  </a:lnTo>
                  <a:lnTo>
                    <a:pt x="14" y="0"/>
                  </a:lnTo>
                  <a:lnTo>
                    <a:pt x="3" y="5"/>
                  </a:lnTo>
                  <a:lnTo>
                    <a:pt x="0" y="34"/>
                  </a:lnTo>
                  <a:lnTo>
                    <a:pt x="8" y="56"/>
                  </a:lnTo>
                  <a:lnTo>
                    <a:pt x="37" y="71"/>
                  </a:lnTo>
                  <a:lnTo>
                    <a:pt x="40" y="57"/>
                  </a:lnTo>
                  <a:lnTo>
                    <a:pt x="32" y="53"/>
                  </a:lnTo>
                  <a:lnTo>
                    <a:pt x="42" y="51"/>
                  </a:lnTo>
                  <a:lnTo>
                    <a:pt x="62" y="78"/>
                  </a:lnTo>
                  <a:lnTo>
                    <a:pt x="97" y="96"/>
                  </a:lnTo>
                  <a:lnTo>
                    <a:pt x="101" y="122"/>
                  </a:lnTo>
                  <a:lnTo>
                    <a:pt x="114" y="127"/>
                  </a:lnTo>
                  <a:lnTo>
                    <a:pt x="113" y="115"/>
                  </a:lnTo>
                  <a:lnTo>
                    <a:pt x="118" y="115"/>
                  </a:lnTo>
                  <a:lnTo>
                    <a:pt x="130" y="13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81" name="Freeform 220"/>
            <p:cNvSpPr>
              <a:spLocks noChangeAspect="1"/>
            </p:cNvSpPr>
            <p:nvPr/>
          </p:nvSpPr>
          <p:spPr bwMode="gray">
            <a:xfrm>
              <a:off x="3016250" y="3757613"/>
              <a:ext cx="25400" cy="58738"/>
            </a:xfrm>
            <a:custGeom>
              <a:avLst/>
              <a:gdLst>
                <a:gd name="T0" fmla="*/ 1 w 51"/>
                <a:gd name="T1" fmla="*/ 4 h 119"/>
                <a:gd name="T2" fmla="*/ 0 w 51"/>
                <a:gd name="T3" fmla="*/ 4 h 119"/>
                <a:gd name="T4" fmla="*/ 0 w 51"/>
                <a:gd name="T5" fmla="*/ 1 h 119"/>
                <a:gd name="T6" fmla="*/ 1 w 51"/>
                <a:gd name="T7" fmla="*/ 1 h 119"/>
                <a:gd name="T8" fmla="*/ 1 w 51"/>
                <a:gd name="T9" fmla="*/ 0 h 119"/>
                <a:gd name="T10" fmla="*/ 1 w 51"/>
                <a:gd name="T11" fmla="*/ 0 h 119"/>
                <a:gd name="T12" fmla="*/ 2 w 51"/>
                <a:gd name="T13" fmla="*/ 0 h 119"/>
                <a:gd name="T14" fmla="*/ 1 w 51"/>
                <a:gd name="T15" fmla="*/ 1 h 119"/>
                <a:gd name="T16" fmla="*/ 1 w 51"/>
                <a:gd name="T17" fmla="*/ 2 h 119"/>
                <a:gd name="T18" fmla="*/ 1 w 51"/>
                <a:gd name="T19" fmla="*/ 3 h 119"/>
                <a:gd name="T20" fmla="*/ 1 w 51"/>
                <a:gd name="T21" fmla="*/ 3 h 119"/>
                <a:gd name="T22" fmla="*/ 1 w 51"/>
                <a:gd name="T23" fmla="*/ 4 h 119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51"/>
                <a:gd name="T37" fmla="*/ 0 h 119"/>
                <a:gd name="T38" fmla="*/ 51 w 51"/>
                <a:gd name="T39" fmla="*/ 119 h 119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51" h="119">
                  <a:moveTo>
                    <a:pt x="15" y="119"/>
                  </a:moveTo>
                  <a:lnTo>
                    <a:pt x="0" y="118"/>
                  </a:lnTo>
                  <a:lnTo>
                    <a:pt x="1" y="27"/>
                  </a:lnTo>
                  <a:lnTo>
                    <a:pt x="17" y="25"/>
                  </a:lnTo>
                  <a:lnTo>
                    <a:pt x="30" y="2"/>
                  </a:lnTo>
                  <a:lnTo>
                    <a:pt x="37" y="0"/>
                  </a:lnTo>
                  <a:lnTo>
                    <a:pt x="51" y="10"/>
                  </a:lnTo>
                  <a:lnTo>
                    <a:pt x="43" y="34"/>
                  </a:lnTo>
                  <a:lnTo>
                    <a:pt x="42" y="74"/>
                  </a:lnTo>
                  <a:lnTo>
                    <a:pt x="37" y="91"/>
                  </a:lnTo>
                  <a:lnTo>
                    <a:pt x="17" y="110"/>
                  </a:lnTo>
                  <a:lnTo>
                    <a:pt x="15" y="11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82" name="Freeform 221"/>
            <p:cNvSpPr>
              <a:spLocks noChangeAspect="1"/>
            </p:cNvSpPr>
            <p:nvPr/>
          </p:nvSpPr>
          <p:spPr bwMode="gray">
            <a:xfrm>
              <a:off x="3260725" y="3752851"/>
              <a:ext cx="46038" cy="20638"/>
            </a:xfrm>
            <a:custGeom>
              <a:avLst/>
              <a:gdLst>
                <a:gd name="T0" fmla="*/ 2 w 95"/>
                <a:gd name="T1" fmla="*/ 0 h 38"/>
                <a:gd name="T2" fmla="*/ 2 w 95"/>
                <a:gd name="T3" fmla="*/ 1 h 38"/>
                <a:gd name="T4" fmla="*/ 2 w 95"/>
                <a:gd name="T5" fmla="*/ 1 h 38"/>
                <a:gd name="T6" fmla="*/ 3 w 95"/>
                <a:gd name="T7" fmla="*/ 1 h 38"/>
                <a:gd name="T8" fmla="*/ 2 w 95"/>
                <a:gd name="T9" fmla="*/ 1 h 38"/>
                <a:gd name="T10" fmla="*/ 2 w 95"/>
                <a:gd name="T11" fmla="*/ 1 h 38"/>
                <a:gd name="T12" fmla="*/ 2 w 95"/>
                <a:gd name="T13" fmla="*/ 1 h 38"/>
                <a:gd name="T14" fmla="*/ 1 w 95"/>
                <a:gd name="T15" fmla="*/ 1 h 38"/>
                <a:gd name="T16" fmla="*/ 0 w 95"/>
                <a:gd name="T17" fmla="*/ 0 h 38"/>
                <a:gd name="T18" fmla="*/ 1 w 95"/>
                <a:gd name="T19" fmla="*/ 0 h 38"/>
                <a:gd name="T20" fmla="*/ 2 w 95"/>
                <a:gd name="T21" fmla="*/ 0 h 38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95"/>
                <a:gd name="T34" fmla="*/ 0 h 38"/>
                <a:gd name="T35" fmla="*/ 95 w 95"/>
                <a:gd name="T36" fmla="*/ 38 h 38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95" h="38">
                  <a:moveTo>
                    <a:pt x="55" y="6"/>
                  </a:moveTo>
                  <a:lnTo>
                    <a:pt x="72" y="16"/>
                  </a:lnTo>
                  <a:lnTo>
                    <a:pt x="89" y="16"/>
                  </a:lnTo>
                  <a:lnTo>
                    <a:pt x="95" y="31"/>
                  </a:lnTo>
                  <a:lnTo>
                    <a:pt x="75" y="29"/>
                  </a:lnTo>
                  <a:lnTo>
                    <a:pt x="58" y="33"/>
                  </a:lnTo>
                  <a:lnTo>
                    <a:pt x="55" y="38"/>
                  </a:lnTo>
                  <a:lnTo>
                    <a:pt x="30" y="33"/>
                  </a:lnTo>
                  <a:lnTo>
                    <a:pt x="0" y="11"/>
                  </a:lnTo>
                  <a:lnTo>
                    <a:pt x="21" y="0"/>
                  </a:lnTo>
                  <a:lnTo>
                    <a:pt x="55" y="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83" name="Freeform 222"/>
            <p:cNvSpPr>
              <a:spLocks noChangeAspect="1"/>
            </p:cNvSpPr>
            <p:nvPr/>
          </p:nvSpPr>
          <p:spPr bwMode="gray">
            <a:xfrm>
              <a:off x="3509963" y="3756026"/>
              <a:ext cx="33338" cy="12700"/>
            </a:xfrm>
            <a:custGeom>
              <a:avLst/>
              <a:gdLst>
                <a:gd name="T0" fmla="*/ 2 w 70"/>
                <a:gd name="T1" fmla="*/ 0 h 25"/>
                <a:gd name="T2" fmla="*/ 2 w 70"/>
                <a:gd name="T3" fmla="*/ 0 h 25"/>
                <a:gd name="T4" fmla="*/ 1 w 70"/>
                <a:gd name="T5" fmla="*/ 1 h 25"/>
                <a:gd name="T6" fmla="*/ 1 w 70"/>
                <a:gd name="T7" fmla="*/ 1 h 25"/>
                <a:gd name="T8" fmla="*/ 0 w 70"/>
                <a:gd name="T9" fmla="*/ 1 h 25"/>
                <a:gd name="T10" fmla="*/ 0 w 70"/>
                <a:gd name="T11" fmla="*/ 0 h 25"/>
                <a:gd name="T12" fmla="*/ 0 w 70"/>
                <a:gd name="T13" fmla="*/ 0 h 25"/>
                <a:gd name="T14" fmla="*/ 2 w 70"/>
                <a:gd name="T15" fmla="*/ 0 h 25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w 70"/>
                <a:gd name="T25" fmla="*/ 0 h 25"/>
                <a:gd name="T26" fmla="*/ 70 w 70"/>
                <a:gd name="T27" fmla="*/ 25 h 25"/>
              </a:gdLst>
              <a:ahLst/>
              <a:cxnLst>
                <a:cxn ang="T16">
                  <a:pos x="T0" y="T1"/>
                </a:cxn>
                <a:cxn ang="T17">
                  <a:pos x="T2" y="T3"/>
                </a:cxn>
                <a:cxn ang="T18">
                  <a:pos x="T4" y="T5"/>
                </a:cxn>
                <a:cxn ang="T19">
                  <a:pos x="T6" y="T7"/>
                </a:cxn>
                <a:cxn ang="T20">
                  <a:pos x="T8" y="T9"/>
                </a:cxn>
                <a:cxn ang="T21">
                  <a:pos x="T10" y="T11"/>
                </a:cxn>
                <a:cxn ang="T22">
                  <a:pos x="T12" y="T13"/>
                </a:cxn>
                <a:cxn ang="T23">
                  <a:pos x="T14" y="T15"/>
                </a:cxn>
              </a:cxnLst>
              <a:rect l="T24" t="T25" r="T26" b="T27"/>
              <a:pathLst>
                <a:path w="70" h="25">
                  <a:moveTo>
                    <a:pt x="64" y="2"/>
                  </a:moveTo>
                  <a:lnTo>
                    <a:pt x="70" y="13"/>
                  </a:lnTo>
                  <a:lnTo>
                    <a:pt x="58" y="22"/>
                  </a:lnTo>
                  <a:lnTo>
                    <a:pt x="42" y="25"/>
                  </a:lnTo>
                  <a:lnTo>
                    <a:pt x="7" y="25"/>
                  </a:lnTo>
                  <a:lnTo>
                    <a:pt x="0" y="8"/>
                  </a:lnTo>
                  <a:lnTo>
                    <a:pt x="5" y="0"/>
                  </a:lnTo>
                  <a:lnTo>
                    <a:pt x="64" y="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84" name="Freeform 223"/>
            <p:cNvSpPr>
              <a:spLocks noChangeAspect="1" noEditPoints="1"/>
            </p:cNvSpPr>
            <p:nvPr/>
          </p:nvSpPr>
          <p:spPr bwMode="gray">
            <a:xfrm>
              <a:off x="3768725" y="1828801"/>
              <a:ext cx="765175" cy="669925"/>
            </a:xfrm>
            <a:custGeom>
              <a:avLst/>
              <a:gdLst>
                <a:gd name="T0" fmla="*/ 1 w 1573"/>
                <a:gd name="T1" fmla="*/ 2 h 1377"/>
                <a:gd name="T2" fmla="*/ 40 w 1573"/>
                <a:gd name="T3" fmla="*/ 5 h 1377"/>
                <a:gd name="T4" fmla="*/ 17 w 1573"/>
                <a:gd name="T5" fmla="*/ 39 h 1377"/>
                <a:gd name="T6" fmla="*/ 16 w 1573"/>
                <a:gd name="T7" fmla="*/ 39 h 1377"/>
                <a:gd name="T8" fmla="*/ 3 w 1573"/>
                <a:gd name="T9" fmla="*/ 10 h 1377"/>
                <a:gd name="T10" fmla="*/ 2 w 1573"/>
                <a:gd name="T11" fmla="*/ 8 h 1377"/>
                <a:gd name="T12" fmla="*/ 3 w 1573"/>
                <a:gd name="T13" fmla="*/ 0 h 1377"/>
                <a:gd name="T14" fmla="*/ 44 w 1573"/>
                <a:gd name="T15" fmla="*/ 2 h 1377"/>
                <a:gd name="T16" fmla="*/ 45 w 1573"/>
                <a:gd name="T17" fmla="*/ 5 h 1377"/>
                <a:gd name="T18" fmla="*/ 43 w 1573"/>
                <a:gd name="T19" fmla="*/ 6 h 1377"/>
                <a:gd name="T20" fmla="*/ 37 w 1573"/>
                <a:gd name="T21" fmla="*/ 0 h 1377"/>
                <a:gd name="T22" fmla="*/ 40 w 1573"/>
                <a:gd name="T23" fmla="*/ 2 h 1377"/>
                <a:gd name="T24" fmla="*/ 36 w 1573"/>
                <a:gd name="T25" fmla="*/ 4 h 1377"/>
                <a:gd name="T26" fmla="*/ 39 w 1573"/>
                <a:gd name="T27" fmla="*/ 6 h 1377"/>
                <a:gd name="T28" fmla="*/ 43 w 1573"/>
                <a:gd name="T29" fmla="*/ 7 h 1377"/>
                <a:gd name="T30" fmla="*/ 43 w 1573"/>
                <a:gd name="T31" fmla="*/ 9 h 1377"/>
                <a:gd name="T32" fmla="*/ 41 w 1573"/>
                <a:gd name="T33" fmla="*/ 11 h 1377"/>
                <a:gd name="T34" fmla="*/ 37 w 1573"/>
                <a:gd name="T35" fmla="*/ 13 h 1377"/>
                <a:gd name="T36" fmla="*/ 34 w 1573"/>
                <a:gd name="T37" fmla="*/ 14 h 1377"/>
                <a:gd name="T38" fmla="*/ 33 w 1573"/>
                <a:gd name="T39" fmla="*/ 15 h 1377"/>
                <a:gd name="T40" fmla="*/ 31 w 1573"/>
                <a:gd name="T41" fmla="*/ 13 h 1377"/>
                <a:gd name="T42" fmla="*/ 31 w 1573"/>
                <a:gd name="T43" fmla="*/ 15 h 1377"/>
                <a:gd name="T44" fmla="*/ 30 w 1573"/>
                <a:gd name="T45" fmla="*/ 17 h 1377"/>
                <a:gd name="T46" fmla="*/ 28 w 1573"/>
                <a:gd name="T47" fmla="*/ 20 h 1377"/>
                <a:gd name="T48" fmla="*/ 27 w 1573"/>
                <a:gd name="T49" fmla="*/ 21 h 1377"/>
                <a:gd name="T50" fmla="*/ 25 w 1573"/>
                <a:gd name="T51" fmla="*/ 21 h 1377"/>
                <a:gd name="T52" fmla="*/ 25 w 1573"/>
                <a:gd name="T53" fmla="*/ 21 h 1377"/>
                <a:gd name="T54" fmla="*/ 24 w 1573"/>
                <a:gd name="T55" fmla="*/ 21 h 1377"/>
                <a:gd name="T56" fmla="*/ 23 w 1573"/>
                <a:gd name="T57" fmla="*/ 23 h 1377"/>
                <a:gd name="T58" fmla="*/ 21 w 1573"/>
                <a:gd name="T59" fmla="*/ 23 h 1377"/>
                <a:gd name="T60" fmla="*/ 20 w 1573"/>
                <a:gd name="T61" fmla="*/ 26 h 1377"/>
                <a:gd name="T62" fmla="*/ 20 w 1573"/>
                <a:gd name="T63" fmla="*/ 29 h 1377"/>
                <a:gd name="T64" fmla="*/ 19 w 1573"/>
                <a:gd name="T65" fmla="*/ 30 h 1377"/>
                <a:gd name="T66" fmla="*/ 18 w 1573"/>
                <a:gd name="T67" fmla="*/ 30 h 1377"/>
                <a:gd name="T68" fmla="*/ 18 w 1573"/>
                <a:gd name="T69" fmla="*/ 32 h 1377"/>
                <a:gd name="T70" fmla="*/ 16 w 1573"/>
                <a:gd name="T71" fmla="*/ 39 h 1377"/>
                <a:gd name="T72" fmla="*/ 14 w 1573"/>
                <a:gd name="T73" fmla="*/ 37 h 1377"/>
                <a:gd name="T74" fmla="*/ 13 w 1573"/>
                <a:gd name="T75" fmla="*/ 37 h 1377"/>
                <a:gd name="T76" fmla="*/ 10 w 1573"/>
                <a:gd name="T77" fmla="*/ 36 h 1377"/>
                <a:gd name="T78" fmla="*/ 9 w 1573"/>
                <a:gd name="T79" fmla="*/ 34 h 1377"/>
                <a:gd name="T80" fmla="*/ 8 w 1573"/>
                <a:gd name="T81" fmla="*/ 33 h 1377"/>
                <a:gd name="T82" fmla="*/ 6 w 1573"/>
                <a:gd name="T83" fmla="*/ 30 h 1377"/>
                <a:gd name="T84" fmla="*/ 6 w 1573"/>
                <a:gd name="T85" fmla="*/ 27 h 1377"/>
                <a:gd name="T86" fmla="*/ 7 w 1573"/>
                <a:gd name="T87" fmla="*/ 25 h 1377"/>
                <a:gd name="T88" fmla="*/ 5 w 1573"/>
                <a:gd name="T89" fmla="*/ 25 h 1377"/>
                <a:gd name="T90" fmla="*/ 5 w 1573"/>
                <a:gd name="T91" fmla="*/ 23 h 1377"/>
                <a:gd name="T92" fmla="*/ 4 w 1573"/>
                <a:gd name="T93" fmla="*/ 21 h 1377"/>
                <a:gd name="T94" fmla="*/ 4 w 1573"/>
                <a:gd name="T95" fmla="*/ 19 h 1377"/>
                <a:gd name="T96" fmla="*/ 3 w 1573"/>
                <a:gd name="T97" fmla="*/ 17 h 1377"/>
                <a:gd name="T98" fmla="*/ 6 w 1573"/>
                <a:gd name="T99" fmla="*/ 14 h 1377"/>
                <a:gd name="T100" fmla="*/ 4 w 1573"/>
                <a:gd name="T101" fmla="*/ 14 h 1377"/>
                <a:gd name="T102" fmla="*/ 6 w 1573"/>
                <a:gd name="T103" fmla="*/ 11 h 1377"/>
                <a:gd name="T104" fmla="*/ 6 w 1573"/>
                <a:gd name="T105" fmla="*/ 10 h 1377"/>
                <a:gd name="T106" fmla="*/ 7 w 1573"/>
                <a:gd name="T107" fmla="*/ 8 h 1377"/>
                <a:gd name="T108" fmla="*/ 4 w 1573"/>
                <a:gd name="T109" fmla="*/ 4 h 1377"/>
                <a:gd name="T110" fmla="*/ 6 w 1573"/>
                <a:gd name="T111" fmla="*/ 5 h 1377"/>
                <a:gd name="T112" fmla="*/ 6 w 1573"/>
                <a:gd name="T113" fmla="*/ 3 h 1377"/>
                <a:gd name="T114" fmla="*/ 4 w 1573"/>
                <a:gd name="T115" fmla="*/ 2 h 1377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w 1573"/>
                <a:gd name="T175" fmla="*/ 0 h 1377"/>
                <a:gd name="T176" fmla="*/ 1573 w 1573"/>
                <a:gd name="T177" fmla="*/ 1377 h 1377"/>
              </a:gdLst>
              <a:ahLst/>
              <a:cxnLst>
                <a:cxn ang="T116">
                  <a:pos x="T0" y="T1"/>
                </a:cxn>
                <a:cxn ang="T117">
                  <a:pos x="T2" y="T3"/>
                </a:cxn>
                <a:cxn ang="T118">
                  <a:pos x="T4" y="T5"/>
                </a:cxn>
                <a:cxn ang="T119">
                  <a:pos x="T6" y="T7"/>
                </a:cxn>
                <a:cxn ang="T120">
                  <a:pos x="T8" y="T9"/>
                </a:cxn>
                <a:cxn ang="T121">
                  <a:pos x="T10" y="T11"/>
                </a:cxn>
                <a:cxn ang="T122">
                  <a:pos x="T12" y="T13"/>
                </a:cxn>
                <a:cxn ang="T123">
                  <a:pos x="T14" y="T15"/>
                </a:cxn>
                <a:cxn ang="T124">
                  <a:pos x="T16" y="T17"/>
                </a:cxn>
                <a:cxn ang="T125">
                  <a:pos x="T18" y="T19"/>
                </a:cxn>
                <a:cxn ang="T126">
                  <a:pos x="T20" y="T21"/>
                </a:cxn>
                <a:cxn ang="T127">
                  <a:pos x="T22" y="T23"/>
                </a:cxn>
                <a:cxn ang="T128">
                  <a:pos x="T24" y="T25"/>
                </a:cxn>
                <a:cxn ang="T129">
                  <a:pos x="T26" y="T27"/>
                </a:cxn>
                <a:cxn ang="T130">
                  <a:pos x="T28" y="T29"/>
                </a:cxn>
                <a:cxn ang="T131">
                  <a:pos x="T30" y="T31"/>
                </a:cxn>
                <a:cxn ang="T132">
                  <a:pos x="T32" y="T33"/>
                </a:cxn>
                <a:cxn ang="T133">
                  <a:pos x="T34" y="T35"/>
                </a:cxn>
                <a:cxn ang="T134">
                  <a:pos x="T36" y="T37"/>
                </a:cxn>
                <a:cxn ang="T135">
                  <a:pos x="T38" y="T39"/>
                </a:cxn>
                <a:cxn ang="T136">
                  <a:pos x="T40" y="T41"/>
                </a:cxn>
                <a:cxn ang="T137">
                  <a:pos x="T42" y="T43"/>
                </a:cxn>
                <a:cxn ang="T138">
                  <a:pos x="T44" y="T45"/>
                </a:cxn>
                <a:cxn ang="T139">
                  <a:pos x="T46" y="T47"/>
                </a:cxn>
                <a:cxn ang="T140">
                  <a:pos x="T48" y="T49"/>
                </a:cxn>
                <a:cxn ang="T141">
                  <a:pos x="T50" y="T51"/>
                </a:cxn>
                <a:cxn ang="T142">
                  <a:pos x="T52" y="T53"/>
                </a:cxn>
                <a:cxn ang="T143">
                  <a:pos x="T54" y="T55"/>
                </a:cxn>
                <a:cxn ang="T144">
                  <a:pos x="T56" y="T57"/>
                </a:cxn>
                <a:cxn ang="T145">
                  <a:pos x="T58" y="T59"/>
                </a:cxn>
                <a:cxn ang="T146">
                  <a:pos x="T60" y="T61"/>
                </a:cxn>
                <a:cxn ang="T147">
                  <a:pos x="T62" y="T63"/>
                </a:cxn>
                <a:cxn ang="T148">
                  <a:pos x="T64" y="T65"/>
                </a:cxn>
                <a:cxn ang="T149">
                  <a:pos x="T66" y="T67"/>
                </a:cxn>
                <a:cxn ang="T150">
                  <a:pos x="T68" y="T69"/>
                </a:cxn>
                <a:cxn ang="T151">
                  <a:pos x="T70" y="T71"/>
                </a:cxn>
                <a:cxn ang="T152">
                  <a:pos x="T72" y="T73"/>
                </a:cxn>
                <a:cxn ang="T153">
                  <a:pos x="T74" y="T75"/>
                </a:cxn>
                <a:cxn ang="T154">
                  <a:pos x="T76" y="T77"/>
                </a:cxn>
                <a:cxn ang="T155">
                  <a:pos x="T78" y="T79"/>
                </a:cxn>
                <a:cxn ang="T156">
                  <a:pos x="T80" y="T81"/>
                </a:cxn>
                <a:cxn ang="T157">
                  <a:pos x="T82" y="T83"/>
                </a:cxn>
                <a:cxn ang="T158">
                  <a:pos x="T84" y="T85"/>
                </a:cxn>
                <a:cxn ang="T159">
                  <a:pos x="T86" y="T87"/>
                </a:cxn>
                <a:cxn ang="T160">
                  <a:pos x="T88" y="T89"/>
                </a:cxn>
                <a:cxn ang="T161">
                  <a:pos x="T90" y="T91"/>
                </a:cxn>
                <a:cxn ang="T162">
                  <a:pos x="T92" y="T93"/>
                </a:cxn>
                <a:cxn ang="T163">
                  <a:pos x="T94" y="T95"/>
                </a:cxn>
                <a:cxn ang="T164">
                  <a:pos x="T96" y="T97"/>
                </a:cxn>
                <a:cxn ang="T165">
                  <a:pos x="T98" y="T99"/>
                </a:cxn>
                <a:cxn ang="T166">
                  <a:pos x="T100" y="T101"/>
                </a:cxn>
                <a:cxn ang="T167">
                  <a:pos x="T102" y="T103"/>
                </a:cxn>
                <a:cxn ang="T168">
                  <a:pos x="T104" y="T105"/>
                </a:cxn>
                <a:cxn ang="T169">
                  <a:pos x="T106" y="T107"/>
                </a:cxn>
                <a:cxn ang="T170">
                  <a:pos x="T108" y="T109"/>
                </a:cxn>
                <a:cxn ang="T171">
                  <a:pos x="T110" y="T111"/>
                </a:cxn>
                <a:cxn ang="T172">
                  <a:pos x="T112" y="T113"/>
                </a:cxn>
                <a:cxn ang="T173">
                  <a:pos x="T114" y="T115"/>
                </a:cxn>
              </a:cxnLst>
              <a:rect l="T174" t="T175" r="T176" b="T177"/>
              <a:pathLst>
                <a:path w="1573" h="1377">
                  <a:moveTo>
                    <a:pt x="13" y="0"/>
                  </a:moveTo>
                  <a:lnTo>
                    <a:pt x="101" y="0"/>
                  </a:lnTo>
                  <a:lnTo>
                    <a:pt x="72" y="30"/>
                  </a:lnTo>
                  <a:lnTo>
                    <a:pt x="81" y="40"/>
                  </a:lnTo>
                  <a:lnTo>
                    <a:pt x="81" y="53"/>
                  </a:lnTo>
                  <a:lnTo>
                    <a:pt x="56" y="67"/>
                  </a:lnTo>
                  <a:lnTo>
                    <a:pt x="27" y="49"/>
                  </a:lnTo>
                  <a:lnTo>
                    <a:pt x="18" y="60"/>
                  </a:lnTo>
                  <a:lnTo>
                    <a:pt x="5" y="35"/>
                  </a:lnTo>
                  <a:lnTo>
                    <a:pt x="0" y="21"/>
                  </a:lnTo>
                  <a:lnTo>
                    <a:pt x="9" y="7"/>
                  </a:lnTo>
                  <a:lnTo>
                    <a:pt x="13" y="0"/>
                  </a:lnTo>
                  <a:close/>
                  <a:moveTo>
                    <a:pt x="1398" y="138"/>
                  </a:moveTo>
                  <a:lnTo>
                    <a:pt x="1401" y="168"/>
                  </a:lnTo>
                  <a:lnTo>
                    <a:pt x="1390" y="177"/>
                  </a:lnTo>
                  <a:lnTo>
                    <a:pt x="1277" y="196"/>
                  </a:lnTo>
                  <a:lnTo>
                    <a:pt x="1280" y="170"/>
                  </a:lnTo>
                  <a:lnTo>
                    <a:pt x="1319" y="140"/>
                  </a:lnTo>
                  <a:lnTo>
                    <a:pt x="1376" y="112"/>
                  </a:lnTo>
                  <a:lnTo>
                    <a:pt x="1398" y="138"/>
                  </a:lnTo>
                  <a:close/>
                  <a:moveTo>
                    <a:pt x="581" y="1353"/>
                  </a:moveTo>
                  <a:lnTo>
                    <a:pt x="544" y="1352"/>
                  </a:lnTo>
                  <a:lnTo>
                    <a:pt x="558" y="1362"/>
                  </a:lnTo>
                  <a:lnTo>
                    <a:pt x="581" y="1353"/>
                  </a:lnTo>
                  <a:close/>
                  <a:moveTo>
                    <a:pt x="544" y="1364"/>
                  </a:moveTo>
                  <a:lnTo>
                    <a:pt x="542" y="1377"/>
                  </a:lnTo>
                  <a:lnTo>
                    <a:pt x="559" y="1369"/>
                  </a:lnTo>
                  <a:lnTo>
                    <a:pt x="544" y="1364"/>
                  </a:lnTo>
                  <a:close/>
                  <a:moveTo>
                    <a:pt x="64" y="213"/>
                  </a:moveTo>
                  <a:lnTo>
                    <a:pt x="119" y="233"/>
                  </a:lnTo>
                  <a:lnTo>
                    <a:pt x="148" y="278"/>
                  </a:lnTo>
                  <a:lnTo>
                    <a:pt x="178" y="294"/>
                  </a:lnTo>
                  <a:lnTo>
                    <a:pt x="178" y="309"/>
                  </a:lnTo>
                  <a:lnTo>
                    <a:pt x="162" y="331"/>
                  </a:lnTo>
                  <a:lnTo>
                    <a:pt x="114" y="348"/>
                  </a:lnTo>
                  <a:lnTo>
                    <a:pt x="75" y="338"/>
                  </a:lnTo>
                  <a:lnTo>
                    <a:pt x="105" y="323"/>
                  </a:lnTo>
                  <a:lnTo>
                    <a:pt x="43" y="311"/>
                  </a:lnTo>
                  <a:lnTo>
                    <a:pt x="41" y="299"/>
                  </a:lnTo>
                  <a:lnTo>
                    <a:pt x="64" y="301"/>
                  </a:lnTo>
                  <a:lnTo>
                    <a:pt x="41" y="278"/>
                  </a:lnTo>
                  <a:lnTo>
                    <a:pt x="69" y="270"/>
                  </a:lnTo>
                  <a:lnTo>
                    <a:pt x="46" y="239"/>
                  </a:lnTo>
                  <a:lnTo>
                    <a:pt x="46" y="224"/>
                  </a:lnTo>
                  <a:lnTo>
                    <a:pt x="64" y="213"/>
                  </a:lnTo>
                  <a:close/>
                  <a:moveTo>
                    <a:pt x="116" y="0"/>
                  </a:moveTo>
                  <a:lnTo>
                    <a:pt x="120" y="0"/>
                  </a:lnTo>
                  <a:lnTo>
                    <a:pt x="117" y="3"/>
                  </a:lnTo>
                  <a:lnTo>
                    <a:pt x="116" y="0"/>
                  </a:lnTo>
                  <a:close/>
                  <a:moveTo>
                    <a:pt x="128" y="0"/>
                  </a:moveTo>
                  <a:lnTo>
                    <a:pt x="1531" y="0"/>
                  </a:lnTo>
                  <a:lnTo>
                    <a:pt x="1533" y="7"/>
                  </a:lnTo>
                  <a:lnTo>
                    <a:pt x="1553" y="16"/>
                  </a:lnTo>
                  <a:lnTo>
                    <a:pt x="1529" y="55"/>
                  </a:lnTo>
                  <a:lnTo>
                    <a:pt x="1529" y="80"/>
                  </a:lnTo>
                  <a:lnTo>
                    <a:pt x="1542" y="57"/>
                  </a:lnTo>
                  <a:lnTo>
                    <a:pt x="1567" y="50"/>
                  </a:lnTo>
                  <a:lnTo>
                    <a:pt x="1562" y="104"/>
                  </a:lnTo>
                  <a:lnTo>
                    <a:pt x="1551" y="111"/>
                  </a:lnTo>
                  <a:lnTo>
                    <a:pt x="1565" y="120"/>
                  </a:lnTo>
                  <a:lnTo>
                    <a:pt x="1567" y="140"/>
                  </a:lnTo>
                  <a:lnTo>
                    <a:pt x="1562" y="145"/>
                  </a:lnTo>
                  <a:lnTo>
                    <a:pt x="1567" y="176"/>
                  </a:lnTo>
                  <a:lnTo>
                    <a:pt x="1573" y="179"/>
                  </a:lnTo>
                  <a:lnTo>
                    <a:pt x="1573" y="194"/>
                  </a:lnTo>
                  <a:lnTo>
                    <a:pt x="1542" y="191"/>
                  </a:lnTo>
                  <a:lnTo>
                    <a:pt x="1534" y="146"/>
                  </a:lnTo>
                  <a:lnTo>
                    <a:pt x="1529" y="145"/>
                  </a:lnTo>
                  <a:lnTo>
                    <a:pt x="1526" y="196"/>
                  </a:lnTo>
                  <a:lnTo>
                    <a:pt x="1489" y="191"/>
                  </a:lnTo>
                  <a:lnTo>
                    <a:pt x="1460" y="155"/>
                  </a:lnTo>
                  <a:lnTo>
                    <a:pt x="1452" y="109"/>
                  </a:lnTo>
                  <a:lnTo>
                    <a:pt x="1429" y="72"/>
                  </a:lnTo>
                  <a:lnTo>
                    <a:pt x="1412" y="74"/>
                  </a:lnTo>
                  <a:lnTo>
                    <a:pt x="1353" y="32"/>
                  </a:lnTo>
                  <a:lnTo>
                    <a:pt x="1330" y="37"/>
                  </a:lnTo>
                  <a:lnTo>
                    <a:pt x="1296" y="3"/>
                  </a:lnTo>
                  <a:lnTo>
                    <a:pt x="1301" y="26"/>
                  </a:lnTo>
                  <a:lnTo>
                    <a:pt x="1287" y="30"/>
                  </a:lnTo>
                  <a:lnTo>
                    <a:pt x="1313" y="41"/>
                  </a:lnTo>
                  <a:lnTo>
                    <a:pt x="1311" y="52"/>
                  </a:lnTo>
                  <a:lnTo>
                    <a:pt x="1376" y="52"/>
                  </a:lnTo>
                  <a:lnTo>
                    <a:pt x="1389" y="67"/>
                  </a:lnTo>
                  <a:lnTo>
                    <a:pt x="1390" y="89"/>
                  </a:lnTo>
                  <a:lnTo>
                    <a:pt x="1376" y="80"/>
                  </a:lnTo>
                  <a:lnTo>
                    <a:pt x="1384" y="94"/>
                  </a:lnTo>
                  <a:lnTo>
                    <a:pt x="1341" y="126"/>
                  </a:lnTo>
                  <a:lnTo>
                    <a:pt x="1305" y="126"/>
                  </a:lnTo>
                  <a:lnTo>
                    <a:pt x="1293" y="112"/>
                  </a:lnTo>
                  <a:lnTo>
                    <a:pt x="1291" y="129"/>
                  </a:lnTo>
                  <a:lnTo>
                    <a:pt x="1267" y="126"/>
                  </a:lnTo>
                  <a:lnTo>
                    <a:pt x="1265" y="133"/>
                  </a:lnTo>
                  <a:lnTo>
                    <a:pt x="1276" y="148"/>
                  </a:lnTo>
                  <a:lnTo>
                    <a:pt x="1268" y="170"/>
                  </a:lnTo>
                  <a:lnTo>
                    <a:pt x="1234" y="194"/>
                  </a:lnTo>
                  <a:lnTo>
                    <a:pt x="1274" y="208"/>
                  </a:lnTo>
                  <a:lnTo>
                    <a:pt x="1339" y="201"/>
                  </a:lnTo>
                  <a:lnTo>
                    <a:pt x="1347" y="211"/>
                  </a:lnTo>
                  <a:lnTo>
                    <a:pt x="1250" y="252"/>
                  </a:lnTo>
                  <a:lnTo>
                    <a:pt x="1280" y="255"/>
                  </a:lnTo>
                  <a:lnTo>
                    <a:pt x="1310" y="256"/>
                  </a:lnTo>
                  <a:lnTo>
                    <a:pt x="1318" y="235"/>
                  </a:lnTo>
                  <a:lnTo>
                    <a:pt x="1353" y="233"/>
                  </a:lnTo>
                  <a:lnTo>
                    <a:pt x="1398" y="205"/>
                  </a:lnTo>
                  <a:lnTo>
                    <a:pt x="1474" y="244"/>
                  </a:lnTo>
                  <a:lnTo>
                    <a:pt x="1550" y="238"/>
                  </a:lnTo>
                  <a:lnTo>
                    <a:pt x="1537" y="265"/>
                  </a:lnTo>
                  <a:lnTo>
                    <a:pt x="1504" y="267"/>
                  </a:lnTo>
                  <a:lnTo>
                    <a:pt x="1499" y="275"/>
                  </a:lnTo>
                  <a:lnTo>
                    <a:pt x="1495" y="277"/>
                  </a:lnTo>
                  <a:lnTo>
                    <a:pt x="1469" y="294"/>
                  </a:lnTo>
                  <a:lnTo>
                    <a:pt x="1478" y="304"/>
                  </a:lnTo>
                  <a:lnTo>
                    <a:pt x="1474" y="320"/>
                  </a:lnTo>
                  <a:lnTo>
                    <a:pt x="1446" y="316"/>
                  </a:lnTo>
                  <a:lnTo>
                    <a:pt x="1457" y="335"/>
                  </a:lnTo>
                  <a:lnTo>
                    <a:pt x="1444" y="329"/>
                  </a:lnTo>
                  <a:lnTo>
                    <a:pt x="1424" y="360"/>
                  </a:lnTo>
                  <a:lnTo>
                    <a:pt x="1415" y="363"/>
                  </a:lnTo>
                  <a:lnTo>
                    <a:pt x="1415" y="377"/>
                  </a:lnTo>
                  <a:lnTo>
                    <a:pt x="1387" y="377"/>
                  </a:lnTo>
                  <a:lnTo>
                    <a:pt x="1395" y="394"/>
                  </a:lnTo>
                  <a:lnTo>
                    <a:pt x="1358" y="417"/>
                  </a:lnTo>
                  <a:lnTo>
                    <a:pt x="1356" y="428"/>
                  </a:lnTo>
                  <a:lnTo>
                    <a:pt x="1330" y="429"/>
                  </a:lnTo>
                  <a:lnTo>
                    <a:pt x="1324" y="443"/>
                  </a:lnTo>
                  <a:lnTo>
                    <a:pt x="1288" y="456"/>
                  </a:lnTo>
                  <a:lnTo>
                    <a:pt x="1279" y="445"/>
                  </a:lnTo>
                  <a:lnTo>
                    <a:pt x="1211" y="484"/>
                  </a:lnTo>
                  <a:lnTo>
                    <a:pt x="1191" y="463"/>
                  </a:lnTo>
                  <a:lnTo>
                    <a:pt x="1184" y="473"/>
                  </a:lnTo>
                  <a:lnTo>
                    <a:pt x="1187" y="485"/>
                  </a:lnTo>
                  <a:lnTo>
                    <a:pt x="1175" y="485"/>
                  </a:lnTo>
                  <a:lnTo>
                    <a:pt x="1183" y="493"/>
                  </a:lnTo>
                  <a:lnTo>
                    <a:pt x="1175" y="502"/>
                  </a:lnTo>
                  <a:lnTo>
                    <a:pt x="1169" y="485"/>
                  </a:lnTo>
                  <a:lnTo>
                    <a:pt x="1152" y="480"/>
                  </a:lnTo>
                  <a:lnTo>
                    <a:pt x="1163" y="504"/>
                  </a:lnTo>
                  <a:lnTo>
                    <a:pt x="1138" y="490"/>
                  </a:lnTo>
                  <a:lnTo>
                    <a:pt x="1133" y="499"/>
                  </a:lnTo>
                  <a:lnTo>
                    <a:pt x="1140" y="509"/>
                  </a:lnTo>
                  <a:lnTo>
                    <a:pt x="1111" y="509"/>
                  </a:lnTo>
                  <a:lnTo>
                    <a:pt x="1101" y="487"/>
                  </a:lnTo>
                  <a:lnTo>
                    <a:pt x="1109" y="484"/>
                  </a:lnTo>
                  <a:lnTo>
                    <a:pt x="1093" y="479"/>
                  </a:lnTo>
                  <a:lnTo>
                    <a:pt x="1084" y="453"/>
                  </a:lnTo>
                  <a:lnTo>
                    <a:pt x="1079" y="463"/>
                  </a:lnTo>
                  <a:lnTo>
                    <a:pt x="1078" y="445"/>
                  </a:lnTo>
                  <a:lnTo>
                    <a:pt x="1069" y="436"/>
                  </a:lnTo>
                  <a:lnTo>
                    <a:pt x="1070" y="446"/>
                  </a:lnTo>
                  <a:lnTo>
                    <a:pt x="1061" y="448"/>
                  </a:lnTo>
                  <a:lnTo>
                    <a:pt x="1079" y="485"/>
                  </a:lnTo>
                  <a:lnTo>
                    <a:pt x="1073" y="488"/>
                  </a:lnTo>
                  <a:lnTo>
                    <a:pt x="1094" y="505"/>
                  </a:lnTo>
                  <a:lnTo>
                    <a:pt x="1087" y="509"/>
                  </a:lnTo>
                  <a:lnTo>
                    <a:pt x="1084" y="529"/>
                  </a:lnTo>
                  <a:lnTo>
                    <a:pt x="1072" y="524"/>
                  </a:lnTo>
                  <a:lnTo>
                    <a:pt x="1055" y="546"/>
                  </a:lnTo>
                  <a:lnTo>
                    <a:pt x="1038" y="550"/>
                  </a:lnTo>
                  <a:lnTo>
                    <a:pt x="1038" y="566"/>
                  </a:lnTo>
                  <a:lnTo>
                    <a:pt x="1031" y="569"/>
                  </a:lnTo>
                  <a:lnTo>
                    <a:pt x="1030" y="590"/>
                  </a:lnTo>
                  <a:lnTo>
                    <a:pt x="1022" y="590"/>
                  </a:lnTo>
                  <a:lnTo>
                    <a:pt x="1027" y="604"/>
                  </a:lnTo>
                  <a:lnTo>
                    <a:pt x="1022" y="626"/>
                  </a:lnTo>
                  <a:lnTo>
                    <a:pt x="1002" y="641"/>
                  </a:lnTo>
                  <a:lnTo>
                    <a:pt x="1006" y="656"/>
                  </a:lnTo>
                  <a:lnTo>
                    <a:pt x="999" y="651"/>
                  </a:lnTo>
                  <a:lnTo>
                    <a:pt x="993" y="678"/>
                  </a:lnTo>
                  <a:lnTo>
                    <a:pt x="984" y="663"/>
                  </a:lnTo>
                  <a:lnTo>
                    <a:pt x="969" y="708"/>
                  </a:lnTo>
                  <a:lnTo>
                    <a:pt x="955" y="710"/>
                  </a:lnTo>
                  <a:lnTo>
                    <a:pt x="952" y="699"/>
                  </a:lnTo>
                  <a:lnTo>
                    <a:pt x="946" y="710"/>
                  </a:lnTo>
                  <a:lnTo>
                    <a:pt x="952" y="720"/>
                  </a:lnTo>
                  <a:lnTo>
                    <a:pt x="946" y="719"/>
                  </a:lnTo>
                  <a:lnTo>
                    <a:pt x="918" y="700"/>
                  </a:lnTo>
                  <a:lnTo>
                    <a:pt x="917" y="708"/>
                  </a:lnTo>
                  <a:lnTo>
                    <a:pt x="926" y="724"/>
                  </a:lnTo>
                  <a:lnTo>
                    <a:pt x="909" y="759"/>
                  </a:lnTo>
                  <a:lnTo>
                    <a:pt x="892" y="756"/>
                  </a:lnTo>
                  <a:lnTo>
                    <a:pt x="894" y="744"/>
                  </a:lnTo>
                  <a:lnTo>
                    <a:pt x="889" y="744"/>
                  </a:lnTo>
                  <a:lnTo>
                    <a:pt x="881" y="768"/>
                  </a:lnTo>
                  <a:lnTo>
                    <a:pt x="855" y="737"/>
                  </a:lnTo>
                  <a:lnTo>
                    <a:pt x="853" y="759"/>
                  </a:lnTo>
                  <a:lnTo>
                    <a:pt x="847" y="754"/>
                  </a:lnTo>
                  <a:lnTo>
                    <a:pt x="852" y="770"/>
                  </a:lnTo>
                  <a:lnTo>
                    <a:pt x="828" y="747"/>
                  </a:lnTo>
                  <a:lnTo>
                    <a:pt x="857" y="711"/>
                  </a:lnTo>
                  <a:lnTo>
                    <a:pt x="835" y="716"/>
                  </a:lnTo>
                  <a:lnTo>
                    <a:pt x="827" y="702"/>
                  </a:lnTo>
                  <a:lnTo>
                    <a:pt x="823" y="711"/>
                  </a:lnTo>
                  <a:lnTo>
                    <a:pt x="815" y="707"/>
                  </a:lnTo>
                  <a:lnTo>
                    <a:pt x="828" y="722"/>
                  </a:lnTo>
                  <a:lnTo>
                    <a:pt x="810" y="737"/>
                  </a:lnTo>
                  <a:lnTo>
                    <a:pt x="818" y="744"/>
                  </a:lnTo>
                  <a:lnTo>
                    <a:pt x="816" y="754"/>
                  </a:lnTo>
                  <a:lnTo>
                    <a:pt x="798" y="750"/>
                  </a:lnTo>
                  <a:lnTo>
                    <a:pt x="796" y="762"/>
                  </a:lnTo>
                  <a:lnTo>
                    <a:pt x="810" y="771"/>
                  </a:lnTo>
                  <a:lnTo>
                    <a:pt x="804" y="790"/>
                  </a:lnTo>
                  <a:lnTo>
                    <a:pt x="782" y="787"/>
                  </a:lnTo>
                  <a:lnTo>
                    <a:pt x="787" y="793"/>
                  </a:lnTo>
                  <a:lnTo>
                    <a:pt x="767" y="796"/>
                  </a:lnTo>
                  <a:lnTo>
                    <a:pt x="757" y="785"/>
                  </a:lnTo>
                  <a:lnTo>
                    <a:pt x="754" y="798"/>
                  </a:lnTo>
                  <a:lnTo>
                    <a:pt x="739" y="787"/>
                  </a:lnTo>
                  <a:lnTo>
                    <a:pt x="731" y="804"/>
                  </a:lnTo>
                  <a:lnTo>
                    <a:pt x="716" y="805"/>
                  </a:lnTo>
                  <a:lnTo>
                    <a:pt x="728" y="812"/>
                  </a:lnTo>
                  <a:lnTo>
                    <a:pt x="733" y="830"/>
                  </a:lnTo>
                  <a:lnTo>
                    <a:pt x="719" y="858"/>
                  </a:lnTo>
                  <a:lnTo>
                    <a:pt x="674" y="849"/>
                  </a:lnTo>
                  <a:lnTo>
                    <a:pt x="668" y="869"/>
                  </a:lnTo>
                  <a:lnTo>
                    <a:pt x="676" y="866"/>
                  </a:lnTo>
                  <a:lnTo>
                    <a:pt x="694" y="898"/>
                  </a:lnTo>
                  <a:lnTo>
                    <a:pt x="697" y="917"/>
                  </a:lnTo>
                  <a:lnTo>
                    <a:pt x="711" y="925"/>
                  </a:lnTo>
                  <a:lnTo>
                    <a:pt x="657" y="934"/>
                  </a:lnTo>
                  <a:lnTo>
                    <a:pt x="660" y="945"/>
                  </a:lnTo>
                  <a:lnTo>
                    <a:pt x="693" y="949"/>
                  </a:lnTo>
                  <a:lnTo>
                    <a:pt x="697" y="957"/>
                  </a:lnTo>
                  <a:lnTo>
                    <a:pt x="691" y="966"/>
                  </a:lnTo>
                  <a:lnTo>
                    <a:pt x="702" y="991"/>
                  </a:lnTo>
                  <a:lnTo>
                    <a:pt x="662" y="986"/>
                  </a:lnTo>
                  <a:lnTo>
                    <a:pt x="689" y="998"/>
                  </a:lnTo>
                  <a:lnTo>
                    <a:pt x="693" y="1013"/>
                  </a:lnTo>
                  <a:lnTo>
                    <a:pt x="685" y="1027"/>
                  </a:lnTo>
                  <a:lnTo>
                    <a:pt x="672" y="1025"/>
                  </a:lnTo>
                  <a:lnTo>
                    <a:pt x="677" y="1037"/>
                  </a:lnTo>
                  <a:lnTo>
                    <a:pt x="669" y="1037"/>
                  </a:lnTo>
                  <a:lnTo>
                    <a:pt x="671" y="1045"/>
                  </a:lnTo>
                  <a:lnTo>
                    <a:pt x="654" y="1037"/>
                  </a:lnTo>
                  <a:lnTo>
                    <a:pt x="657" y="1045"/>
                  </a:lnTo>
                  <a:lnTo>
                    <a:pt x="651" y="1049"/>
                  </a:lnTo>
                  <a:lnTo>
                    <a:pt x="652" y="1056"/>
                  </a:lnTo>
                  <a:lnTo>
                    <a:pt x="664" y="1064"/>
                  </a:lnTo>
                  <a:lnTo>
                    <a:pt x="630" y="1053"/>
                  </a:lnTo>
                  <a:lnTo>
                    <a:pt x="651" y="1070"/>
                  </a:lnTo>
                  <a:lnTo>
                    <a:pt x="659" y="1069"/>
                  </a:lnTo>
                  <a:lnTo>
                    <a:pt x="659" y="1078"/>
                  </a:lnTo>
                  <a:lnTo>
                    <a:pt x="649" y="1084"/>
                  </a:lnTo>
                  <a:lnTo>
                    <a:pt x="615" y="1087"/>
                  </a:lnTo>
                  <a:lnTo>
                    <a:pt x="598" y="1103"/>
                  </a:lnTo>
                  <a:lnTo>
                    <a:pt x="613" y="1109"/>
                  </a:lnTo>
                  <a:lnTo>
                    <a:pt x="621" y="1129"/>
                  </a:lnTo>
                  <a:lnTo>
                    <a:pt x="630" y="1189"/>
                  </a:lnTo>
                  <a:lnTo>
                    <a:pt x="603" y="1239"/>
                  </a:lnTo>
                  <a:lnTo>
                    <a:pt x="596" y="1304"/>
                  </a:lnTo>
                  <a:lnTo>
                    <a:pt x="579" y="1319"/>
                  </a:lnTo>
                  <a:lnTo>
                    <a:pt x="586" y="1347"/>
                  </a:lnTo>
                  <a:lnTo>
                    <a:pt x="542" y="1345"/>
                  </a:lnTo>
                  <a:lnTo>
                    <a:pt x="541" y="1333"/>
                  </a:lnTo>
                  <a:lnTo>
                    <a:pt x="513" y="1355"/>
                  </a:lnTo>
                  <a:lnTo>
                    <a:pt x="490" y="1341"/>
                  </a:lnTo>
                  <a:lnTo>
                    <a:pt x="501" y="1307"/>
                  </a:lnTo>
                  <a:lnTo>
                    <a:pt x="487" y="1318"/>
                  </a:lnTo>
                  <a:lnTo>
                    <a:pt x="488" y="1298"/>
                  </a:lnTo>
                  <a:lnTo>
                    <a:pt x="485" y="1298"/>
                  </a:lnTo>
                  <a:lnTo>
                    <a:pt x="473" y="1315"/>
                  </a:lnTo>
                  <a:lnTo>
                    <a:pt x="462" y="1294"/>
                  </a:lnTo>
                  <a:lnTo>
                    <a:pt x="478" y="1281"/>
                  </a:lnTo>
                  <a:lnTo>
                    <a:pt x="478" y="1268"/>
                  </a:lnTo>
                  <a:lnTo>
                    <a:pt x="445" y="1291"/>
                  </a:lnTo>
                  <a:lnTo>
                    <a:pt x="442" y="1290"/>
                  </a:lnTo>
                  <a:lnTo>
                    <a:pt x="445" y="1282"/>
                  </a:lnTo>
                  <a:lnTo>
                    <a:pt x="470" y="1267"/>
                  </a:lnTo>
                  <a:lnTo>
                    <a:pt x="451" y="1268"/>
                  </a:lnTo>
                  <a:lnTo>
                    <a:pt x="454" y="1259"/>
                  </a:lnTo>
                  <a:lnTo>
                    <a:pt x="352" y="1282"/>
                  </a:lnTo>
                  <a:lnTo>
                    <a:pt x="378" y="1260"/>
                  </a:lnTo>
                  <a:lnTo>
                    <a:pt x="349" y="1242"/>
                  </a:lnTo>
                  <a:lnTo>
                    <a:pt x="335" y="1245"/>
                  </a:lnTo>
                  <a:lnTo>
                    <a:pt x="330" y="1240"/>
                  </a:lnTo>
                  <a:lnTo>
                    <a:pt x="330" y="1228"/>
                  </a:lnTo>
                  <a:lnTo>
                    <a:pt x="312" y="1228"/>
                  </a:lnTo>
                  <a:lnTo>
                    <a:pt x="349" y="1214"/>
                  </a:lnTo>
                  <a:lnTo>
                    <a:pt x="301" y="1217"/>
                  </a:lnTo>
                  <a:lnTo>
                    <a:pt x="315" y="1201"/>
                  </a:lnTo>
                  <a:lnTo>
                    <a:pt x="295" y="1177"/>
                  </a:lnTo>
                  <a:lnTo>
                    <a:pt x="313" y="1159"/>
                  </a:lnTo>
                  <a:lnTo>
                    <a:pt x="283" y="1169"/>
                  </a:lnTo>
                  <a:lnTo>
                    <a:pt x="279" y="1160"/>
                  </a:lnTo>
                  <a:lnTo>
                    <a:pt x="284" y="1155"/>
                  </a:lnTo>
                  <a:lnTo>
                    <a:pt x="281" y="1151"/>
                  </a:lnTo>
                  <a:lnTo>
                    <a:pt x="290" y="1146"/>
                  </a:lnTo>
                  <a:lnTo>
                    <a:pt x="273" y="1142"/>
                  </a:lnTo>
                  <a:lnTo>
                    <a:pt x="276" y="1127"/>
                  </a:lnTo>
                  <a:lnTo>
                    <a:pt x="258" y="1117"/>
                  </a:lnTo>
                  <a:lnTo>
                    <a:pt x="263" y="1089"/>
                  </a:lnTo>
                  <a:lnTo>
                    <a:pt x="255" y="1098"/>
                  </a:lnTo>
                  <a:lnTo>
                    <a:pt x="247" y="1073"/>
                  </a:lnTo>
                  <a:lnTo>
                    <a:pt x="233" y="1070"/>
                  </a:lnTo>
                  <a:lnTo>
                    <a:pt x="217" y="1042"/>
                  </a:lnTo>
                  <a:lnTo>
                    <a:pt x="213" y="1025"/>
                  </a:lnTo>
                  <a:lnTo>
                    <a:pt x="199" y="1007"/>
                  </a:lnTo>
                  <a:lnTo>
                    <a:pt x="207" y="993"/>
                  </a:lnTo>
                  <a:lnTo>
                    <a:pt x="199" y="996"/>
                  </a:lnTo>
                  <a:lnTo>
                    <a:pt x="200" y="974"/>
                  </a:lnTo>
                  <a:lnTo>
                    <a:pt x="196" y="957"/>
                  </a:lnTo>
                  <a:lnTo>
                    <a:pt x="221" y="942"/>
                  </a:lnTo>
                  <a:lnTo>
                    <a:pt x="224" y="929"/>
                  </a:lnTo>
                  <a:lnTo>
                    <a:pt x="258" y="917"/>
                  </a:lnTo>
                  <a:lnTo>
                    <a:pt x="230" y="908"/>
                  </a:lnTo>
                  <a:lnTo>
                    <a:pt x="239" y="894"/>
                  </a:lnTo>
                  <a:lnTo>
                    <a:pt x="264" y="900"/>
                  </a:lnTo>
                  <a:lnTo>
                    <a:pt x="259" y="886"/>
                  </a:lnTo>
                  <a:lnTo>
                    <a:pt x="233" y="880"/>
                  </a:lnTo>
                  <a:lnTo>
                    <a:pt x="227" y="894"/>
                  </a:lnTo>
                  <a:lnTo>
                    <a:pt x="210" y="895"/>
                  </a:lnTo>
                  <a:lnTo>
                    <a:pt x="188" y="939"/>
                  </a:lnTo>
                  <a:lnTo>
                    <a:pt x="171" y="942"/>
                  </a:lnTo>
                  <a:lnTo>
                    <a:pt x="170" y="898"/>
                  </a:lnTo>
                  <a:lnTo>
                    <a:pt x="182" y="880"/>
                  </a:lnTo>
                  <a:lnTo>
                    <a:pt x="171" y="881"/>
                  </a:lnTo>
                  <a:lnTo>
                    <a:pt x="168" y="860"/>
                  </a:lnTo>
                  <a:lnTo>
                    <a:pt x="159" y="855"/>
                  </a:lnTo>
                  <a:lnTo>
                    <a:pt x="165" y="839"/>
                  </a:lnTo>
                  <a:lnTo>
                    <a:pt x="162" y="827"/>
                  </a:lnTo>
                  <a:lnTo>
                    <a:pt x="154" y="839"/>
                  </a:lnTo>
                  <a:lnTo>
                    <a:pt x="151" y="827"/>
                  </a:lnTo>
                  <a:lnTo>
                    <a:pt x="165" y="813"/>
                  </a:lnTo>
                  <a:lnTo>
                    <a:pt x="142" y="805"/>
                  </a:lnTo>
                  <a:lnTo>
                    <a:pt x="140" y="779"/>
                  </a:lnTo>
                  <a:lnTo>
                    <a:pt x="122" y="788"/>
                  </a:lnTo>
                  <a:lnTo>
                    <a:pt x="136" y="761"/>
                  </a:lnTo>
                  <a:lnTo>
                    <a:pt x="122" y="768"/>
                  </a:lnTo>
                  <a:lnTo>
                    <a:pt x="111" y="747"/>
                  </a:lnTo>
                  <a:lnTo>
                    <a:pt x="131" y="728"/>
                  </a:lnTo>
                  <a:lnTo>
                    <a:pt x="105" y="728"/>
                  </a:lnTo>
                  <a:lnTo>
                    <a:pt x="114" y="717"/>
                  </a:lnTo>
                  <a:lnTo>
                    <a:pt x="102" y="710"/>
                  </a:lnTo>
                  <a:lnTo>
                    <a:pt x="105" y="688"/>
                  </a:lnTo>
                  <a:lnTo>
                    <a:pt x="120" y="691"/>
                  </a:lnTo>
                  <a:lnTo>
                    <a:pt x="108" y="678"/>
                  </a:lnTo>
                  <a:lnTo>
                    <a:pt x="125" y="663"/>
                  </a:lnTo>
                  <a:lnTo>
                    <a:pt x="128" y="646"/>
                  </a:lnTo>
                  <a:lnTo>
                    <a:pt x="100" y="648"/>
                  </a:lnTo>
                  <a:lnTo>
                    <a:pt x="102" y="635"/>
                  </a:lnTo>
                  <a:lnTo>
                    <a:pt x="86" y="624"/>
                  </a:lnTo>
                  <a:lnTo>
                    <a:pt x="86" y="604"/>
                  </a:lnTo>
                  <a:lnTo>
                    <a:pt x="97" y="592"/>
                  </a:lnTo>
                  <a:lnTo>
                    <a:pt x="94" y="583"/>
                  </a:lnTo>
                  <a:lnTo>
                    <a:pt x="112" y="570"/>
                  </a:lnTo>
                  <a:lnTo>
                    <a:pt x="98" y="566"/>
                  </a:lnTo>
                  <a:lnTo>
                    <a:pt x="106" y="555"/>
                  </a:lnTo>
                  <a:lnTo>
                    <a:pt x="103" y="529"/>
                  </a:lnTo>
                  <a:lnTo>
                    <a:pt x="128" y="519"/>
                  </a:lnTo>
                  <a:lnTo>
                    <a:pt x="108" y="501"/>
                  </a:lnTo>
                  <a:lnTo>
                    <a:pt x="222" y="502"/>
                  </a:lnTo>
                  <a:lnTo>
                    <a:pt x="196" y="480"/>
                  </a:lnTo>
                  <a:lnTo>
                    <a:pt x="208" y="471"/>
                  </a:lnTo>
                  <a:lnTo>
                    <a:pt x="210" y="460"/>
                  </a:lnTo>
                  <a:lnTo>
                    <a:pt x="195" y="458"/>
                  </a:lnTo>
                  <a:lnTo>
                    <a:pt x="202" y="473"/>
                  </a:lnTo>
                  <a:lnTo>
                    <a:pt x="157" y="487"/>
                  </a:lnTo>
                  <a:lnTo>
                    <a:pt x="136" y="485"/>
                  </a:lnTo>
                  <a:lnTo>
                    <a:pt x="132" y="467"/>
                  </a:lnTo>
                  <a:lnTo>
                    <a:pt x="149" y="445"/>
                  </a:lnTo>
                  <a:lnTo>
                    <a:pt x="212" y="442"/>
                  </a:lnTo>
                  <a:lnTo>
                    <a:pt x="222" y="419"/>
                  </a:lnTo>
                  <a:lnTo>
                    <a:pt x="207" y="416"/>
                  </a:lnTo>
                  <a:lnTo>
                    <a:pt x="217" y="406"/>
                  </a:lnTo>
                  <a:lnTo>
                    <a:pt x="212" y="399"/>
                  </a:lnTo>
                  <a:lnTo>
                    <a:pt x="213" y="374"/>
                  </a:lnTo>
                  <a:lnTo>
                    <a:pt x="247" y="380"/>
                  </a:lnTo>
                  <a:lnTo>
                    <a:pt x="239" y="372"/>
                  </a:lnTo>
                  <a:lnTo>
                    <a:pt x="255" y="361"/>
                  </a:lnTo>
                  <a:lnTo>
                    <a:pt x="247" y="348"/>
                  </a:lnTo>
                  <a:lnTo>
                    <a:pt x="232" y="360"/>
                  </a:lnTo>
                  <a:lnTo>
                    <a:pt x="221" y="349"/>
                  </a:lnTo>
                  <a:lnTo>
                    <a:pt x="222" y="329"/>
                  </a:lnTo>
                  <a:lnTo>
                    <a:pt x="232" y="324"/>
                  </a:lnTo>
                  <a:lnTo>
                    <a:pt x="227" y="307"/>
                  </a:lnTo>
                  <a:lnTo>
                    <a:pt x="239" y="301"/>
                  </a:lnTo>
                  <a:lnTo>
                    <a:pt x="236" y="287"/>
                  </a:lnTo>
                  <a:lnTo>
                    <a:pt x="250" y="282"/>
                  </a:lnTo>
                  <a:lnTo>
                    <a:pt x="246" y="269"/>
                  </a:lnTo>
                  <a:lnTo>
                    <a:pt x="247" y="255"/>
                  </a:lnTo>
                  <a:lnTo>
                    <a:pt x="156" y="247"/>
                  </a:lnTo>
                  <a:lnTo>
                    <a:pt x="136" y="222"/>
                  </a:lnTo>
                  <a:lnTo>
                    <a:pt x="85" y="204"/>
                  </a:lnTo>
                  <a:lnTo>
                    <a:pt x="58" y="163"/>
                  </a:lnTo>
                  <a:lnTo>
                    <a:pt x="83" y="146"/>
                  </a:lnTo>
                  <a:lnTo>
                    <a:pt x="136" y="154"/>
                  </a:lnTo>
                  <a:lnTo>
                    <a:pt x="188" y="197"/>
                  </a:lnTo>
                  <a:lnTo>
                    <a:pt x="236" y="211"/>
                  </a:lnTo>
                  <a:lnTo>
                    <a:pt x="233" y="193"/>
                  </a:lnTo>
                  <a:lnTo>
                    <a:pt x="217" y="199"/>
                  </a:lnTo>
                  <a:lnTo>
                    <a:pt x="207" y="176"/>
                  </a:lnTo>
                  <a:lnTo>
                    <a:pt x="222" y="182"/>
                  </a:lnTo>
                  <a:lnTo>
                    <a:pt x="219" y="174"/>
                  </a:lnTo>
                  <a:lnTo>
                    <a:pt x="229" y="165"/>
                  </a:lnTo>
                  <a:lnTo>
                    <a:pt x="233" y="163"/>
                  </a:lnTo>
                  <a:lnTo>
                    <a:pt x="229" y="150"/>
                  </a:lnTo>
                  <a:lnTo>
                    <a:pt x="178" y="111"/>
                  </a:lnTo>
                  <a:lnTo>
                    <a:pt x="202" y="121"/>
                  </a:lnTo>
                  <a:lnTo>
                    <a:pt x="204" y="116"/>
                  </a:lnTo>
                  <a:lnTo>
                    <a:pt x="199" y="109"/>
                  </a:lnTo>
                  <a:lnTo>
                    <a:pt x="202" y="97"/>
                  </a:lnTo>
                  <a:lnTo>
                    <a:pt x="165" y="103"/>
                  </a:lnTo>
                  <a:lnTo>
                    <a:pt x="188" y="72"/>
                  </a:lnTo>
                  <a:lnTo>
                    <a:pt x="149" y="95"/>
                  </a:lnTo>
                  <a:lnTo>
                    <a:pt x="161" y="66"/>
                  </a:lnTo>
                  <a:lnTo>
                    <a:pt x="178" y="55"/>
                  </a:lnTo>
                  <a:lnTo>
                    <a:pt x="128" y="61"/>
                  </a:lnTo>
                  <a:lnTo>
                    <a:pt x="179" y="23"/>
                  </a:lnTo>
                  <a:lnTo>
                    <a:pt x="122" y="18"/>
                  </a:lnTo>
                  <a:lnTo>
                    <a:pt x="128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85" name="Freeform 224"/>
            <p:cNvSpPr>
              <a:spLocks noChangeAspect="1" noEditPoints="1"/>
            </p:cNvSpPr>
            <p:nvPr/>
          </p:nvSpPr>
          <p:spPr bwMode="gray">
            <a:xfrm>
              <a:off x="3244850" y="3554413"/>
              <a:ext cx="168275" cy="142875"/>
            </a:xfrm>
            <a:custGeom>
              <a:avLst/>
              <a:gdLst>
                <a:gd name="T0" fmla="*/ 2 w 343"/>
                <a:gd name="T1" fmla="*/ 3 h 293"/>
                <a:gd name="T2" fmla="*/ 1 w 343"/>
                <a:gd name="T3" fmla="*/ 4 h 293"/>
                <a:gd name="T4" fmla="*/ 1 w 343"/>
                <a:gd name="T5" fmla="*/ 2 h 293"/>
                <a:gd name="T6" fmla="*/ 1 w 343"/>
                <a:gd name="T7" fmla="*/ 2 h 293"/>
                <a:gd name="T8" fmla="*/ 9 w 343"/>
                <a:gd name="T9" fmla="*/ 7 h 293"/>
                <a:gd name="T10" fmla="*/ 10 w 343"/>
                <a:gd name="T11" fmla="*/ 7 h 293"/>
                <a:gd name="T12" fmla="*/ 9 w 343"/>
                <a:gd name="T13" fmla="*/ 7 h 293"/>
                <a:gd name="T14" fmla="*/ 8 w 343"/>
                <a:gd name="T15" fmla="*/ 6 h 293"/>
                <a:gd name="T16" fmla="*/ 9 w 343"/>
                <a:gd name="T17" fmla="*/ 6 h 293"/>
                <a:gd name="T18" fmla="*/ 8 w 343"/>
                <a:gd name="T19" fmla="*/ 8 h 293"/>
                <a:gd name="T20" fmla="*/ 7 w 343"/>
                <a:gd name="T21" fmla="*/ 8 h 293"/>
                <a:gd name="T22" fmla="*/ 8 w 343"/>
                <a:gd name="T23" fmla="*/ 8 h 293"/>
                <a:gd name="T24" fmla="*/ 6 w 343"/>
                <a:gd name="T25" fmla="*/ 4 h 293"/>
                <a:gd name="T26" fmla="*/ 6 w 343"/>
                <a:gd name="T27" fmla="*/ 4 h 293"/>
                <a:gd name="T28" fmla="*/ 5 w 343"/>
                <a:gd name="T29" fmla="*/ 5 h 293"/>
                <a:gd name="T30" fmla="*/ 5 w 343"/>
                <a:gd name="T31" fmla="*/ 6 h 293"/>
                <a:gd name="T32" fmla="*/ 7 w 343"/>
                <a:gd name="T33" fmla="*/ 6 h 293"/>
                <a:gd name="T34" fmla="*/ 7 w 343"/>
                <a:gd name="T35" fmla="*/ 6 h 293"/>
                <a:gd name="T36" fmla="*/ 6 w 343"/>
                <a:gd name="T37" fmla="*/ 7 h 293"/>
                <a:gd name="T38" fmla="*/ 7 w 343"/>
                <a:gd name="T39" fmla="*/ 6 h 293"/>
                <a:gd name="T40" fmla="*/ 5 w 343"/>
                <a:gd name="T41" fmla="*/ 4 h 293"/>
                <a:gd name="T42" fmla="*/ 5 w 343"/>
                <a:gd name="T43" fmla="*/ 4 h 293"/>
                <a:gd name="T44" fmla="*/ 4 w 343"/>
                <a:gd name="T45" fmla="*/ 3 h 293"/>
                <a:gd name="T46" fmla="*/ 2 w 343"/>
                <a:gd name="T47" fmla="*/ 4 h 293"/>
                <a:gd name="T48" fmla="*/ 2 w 343"/>
                <a:gd name="T49" fmla="*/ 4 h 293"/>
                <a:gd name="T50" fmla="*/ 2 w 343"/>
                <a:gd name="T51" fmla="*/ 4 h 293"/>
                <a:gd name="T52" fmla="*/ 2 w 343"/>
                <a:gd name="T53" fmla="*/ 4 h 293"/>
                <a:gd name="T54" fmla="*/ 2 w 343"/>
                <a:gd name="T55" fmla="*/ 4 h 293"/>
                <a:gd name="T56" fmla="*/ 4 w 343"/>
                <a:gd name="T57" fmla="*/ 3 h 293"/>
                <a:gd name="T58" fmla="*/ 4 w 343"/>
                <a:gd name="T59" fmla="*/ 2 h 293"/>
                <a:gd name="T60" fmla="*/ 2 w 343"/>
                <a:gd name="T61" fmla="*/ 2 h 293"/>
                <a:gd name="T62" fmla="*/ 2 w 343"/>
                <a:gd name="T63" fmla="*/ 3 h 293"/>
                <a:gd name="T64" fmla="*/ 2 w 343"/>
                <a:gd name="T65" fmla="*/ 1 h 293"/>
                <a:gd name="T66" fmla="*/ 2 w 343"/>
                <a:gd name="T67" fmla="*/ 1 h 293"/>
                <a:gd name="T68" fmla="*/ 2 w 343"/>
                <a:gd name="T69" fmla="*/ 0 h 293"/>
                <a:gd name="T70" fmla="*/ 1 w 343"/>
                <a:gd name="T71" fmla="*/ 0 h 293"/>
                <a:gd name="T72" fmla="*/ 1 w 343"/>
                <a:gd name="T73" fmla="*/ 0 h 293"/>
                <a:gd name="T74" fmla="*/ 0 w 343"/>
                <a:gd name="T75" fmla="*/ 0 h 293"/>
                <a:gd name="T76" fmla="*/ 1 w 343"/>
                <a:gd name="T77" fmla="*/ 0 h 293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w 343"/>
                <a:gd name="T118" fmla="*/ 0 h 293"/>
                <a:gd name="T119" fmla="*/ 343 w 343"/>
                <a:gd name="T120" fmla="*/ 293 h 293"/>
              </a:gdLst>
              <a:ahLst/>
              <a:cxnLst>
                <a:cxn ang="T78">
                  <a:pos x="T0" y="T1"/>
                </a:cxn>
                <a:cxn ang="T79">
                  <a:pos x="T2" y="T3"/>
                </a:cxn>
                <a:cxn ang="T80">
                  <a:pos x="T4" y="T5"/>
                </a:cxn>
                <a:cxn ang="T81">
                  <a:pos x="T6" y="T7"/>
                </a:cxn>
                <a:cxn ang="T82">
                  <a:pos x="T8" y="T9"/>
                </a:cxn>
                <a:cxn ang="T83">
                  <a:pos x="T10" y="T11"/>
                </a:cxn>
                <a:cxn ang="T84">
                  <a:pos x="T12" y="T13"/>
                </a:cxn>
                <a:cxn ang="T85">
                  <a:pos x="T14" y="T15"/>
                </a:cxn>
                <a:cxn ang="T86">
                  <a:pos x="T16" y="T17"/>
                </a:cxn>
                <a:cxn ang="T87">
                  <a:pos x="T18" y="T19"/>
                </a:cxn>
                <a:cxn ang="T88">
                  <a:pos x="T20" y="T21"/>
                </a:cxn>
                <a:cxn ang="T89">
                  <a:pos x="T22" y="T23"/>
                </a:cxn>
                <a:cxn ang="T90">
                  <a:pos x="T24" y="T25"/>
                </a:cxn>
                <a:cxn ang="T91">
                  <a:pos x="T26" y="T27"/>
                </a:cxn>
                <a:cxn ang="T92">
                  <a:pos x="T28" y="T29"/>
                </a:cxn>
                <a:cxn ang="T93">
                  <a:pos x="T30" y="T31"/>
                </a:cxn>
                <a:cxn ang="T94">
                  <a:pos x="T32" y="T33"/>
                </a:cxn>
                <a:cxn ang="T95">
                  <a:pos x="T34" y="T35"/>
                </a:cxn>
                <a:cxn ang="T96">
                  <a:pos x="T36" y="T37"/>
                </a:cxn>
                <a:cxn ang="T97">
                  <a:pos x="T38" y="T39"/>
                </a:cxn>
                <a:cxn ang="T98">
                  <a:pos x="T40" y="T41"/>
                </a:cxn>
                <a:cxn ang="T99">
                  <a:pos x="T42" y="T43"/>
                </a:cxn>
                <a:cxn ang="T100">
                  <a:pos x="T44" y="T45"/>
                </a:cxn>
                <a:cxn ang="T101">
                  <a:pos x="T46" y="T47"/>
                </a:cxn>
                <a:cxn ang="T102">
                  <a:pos x="T48" y="T49"/>
                </a:cxn>
                <a:cxn ang="T103">
                  <a:pos x="T50" y="T51"/>
                </a:cxn>
                <a:cxn ang="T104">
                  <a:pos x="T52" y="T53"/>
                </a:cxn>
                <a:cxn ang="T105">
                  <a:pos x="T54" y="T55"/>
                </a:cxn>
                <a:cxn ang="T106">
                  <a:pos x="T56" y="T57"/>
                </a:cxn>
                <a:cxn ang="T107">
                  <a:pos x="T58" y="T59"/>
                </a:cxn>
                <a:cxn ang="T108">
                  <a:pos x="T60" y="T61"/>
                </a:cxn>
                <a:cxn ang="T109">
                  <a:pos x="T62" y="T63"/>
                </a:cxn>
                <a:cxn ang="T110">
                  <a:pos x="T64" y="T65"/>
                </a:cxn>
                <a:cxn ang="T111">
                  <a:pos x="T66" y="T67"/>
                </a:cxn>
                <a:cxn ang="T112">
                  <a:pos x="T68" y="T69"/>
                </a:cxn>
                <a:cxn ang="T113">
                  <a:pos x="T70" y="T71"/>
                </a:cxn>
                <a:cxn ang="T114">
                  <a:pos x="T72" y="T73"/>
                </a:cxn>
                <a:cxn ang="T115">
                  <a:pos x="T74" y="T75"/>
                </a:cxn>
                <a:cxn ang="T116">
                  <a:pos x="T76" y="T77"/>
                </a:cxn>
              </a:cxnLst>
              <a:rect l="T117" t="T118" r="T119" b="T120"/>
              <a:pathLst>
                <a:path w="343" h="293">
                  <a:moveTo>
                    <a:pt x="41" y="88"/>
                  </a:moveTo>
                  <a:lnTo>
                    <a:pt x="52" y="105"/>
                  </a:lnTo>
                  <a:lnTo>
                    <a:pt x="47" y="124"/>
                  </a:lnTo>
                  <a:lnTo>
                    <a:pt x="43" y="124"/>
                  </a:lnTo>
                  <a:lnTo>
                    <a:pt x="27" y="105"/>
                  </a:lnTo>
                  <a:lnTo>
                    <a:pt x="32" y="83"/>
                  </a:lnTo>
                  <a:lnTo>
                    <a:pt x="39" y="81"/>
                  </a:lnTo>
                  <a:lnTo>
                    <a:pt x="41" y="88"/>
                  </a:lnTo>
                  <a:close/>
                  <a:moveTo>
                    <a:pt x="313" y="243"/>
                  </a:moveTo>
                  <a:lnTo>
                    <a:pt x="318" y="240"/>
                  </a:lnTo>
                  <a:lnTo>
                    <a:pt x="343" y="256"/>
                  </a:lnTo>
                  <a:lnTo>
                    <a:pt x="320" y="245"/>
                  </a:lnTo>
                  <a:lnTo>
                    <a:pt x="304" y="252"/>
                  </a:lnTo>
                  <a:lnTo>
                    <a:pt x="313" y="243"/>
                  </a:lnTo>
                  <a:close/>
                  <a:moveTo>
                    <a:pt x="288" y="225"/>
                  </a:moveTo>
                  <a:lnTo>
                    <a:pt x="284" y="220"/>
                  </a:lnTo>
                  <a:lnTo>
                    <a:pt x="270" y="223"/>
                  </a:lnTo>
                  <a:lnTo>
                    <a:pt x="288" y="225"/>
                  </a:lnTo>
                  <a:close/>
                  <a:moveTo>
                    <a:pt x="275" y="271"/>
                  </a:moveTo>
                  <a:lnTo>
                    <a:pt x="273" y="286"/>
                  </a:lnTo>
                  <a:lnTo>
                    <a:pt x="246" y="293"/>
                  </a:lnTo>
                  <a:lnTo>
                    <a:pt x="247" y="282"/>
                  </a:lnTo>
                  <a:lnTo>
                    <a:pt x="262" y="281"/>
                  </a:lnTo>
                  <a:lnTo>
                    <a:pt x="275" y="271"/>
                  </a:lnTo>
                  <a:close/>
                  <a:moveTo>
                    <a:pt x="207" y="134"/>
                  </a:moveTo>
                  <a:lnTo>
                    <a:pt x="204" y="143"/>
                  </a:lnTo>
                  <a:lnTo>
                    <a:pt x="208" y="143"/>
                  </a:lnTo>
                  <a:lnTo>
                    <a:pt x="212" y="134"/>
                  </a:lnTo>
                  <a:lnTo>
                    <a:pt x="207" y="134"/>
                  </a:lnTo>
                  <a:close/>
                  <a:moveTo>
                    <a:pt x="171" y="163"/>
                  </a:moveTo>
                  <a:lnTo>
                    <a:pt x="188" y="197"/>
                  </a:lnTo>
                  <a:lnTo>
                    <a:pt x="178" y="186"/>
                  </a:lnTo>
                  <a:lnTo>
                    <a:pt x="171" y="163"/>
                  </a:lnTo>
                  <a:close/>
                  <a:moveTo>
                    <a:pt x="227" y="210"/>
                  </a:moveTo>
                  <a:lnTo>
                    <a:pt x="212" y="202"/>
                  </a:lnTo>
                  <a:lnTo>
                    <a:pt x="232" y="208"/>
                  </a:lnTo>
                  <a:lnTo>
                    <a:pt x="233" y="215"/>
                  </a:lnTo>
                  <a:lnTo>
                    <a:pt x="219" y="231"/>
                  </a:lnTo>
                  <a:lnTo>
                    <a:pt x="217" y="225"/>
                  </a:lnTo>
                  <a:lnTo>
                    <a:pt x="227" y="214"/>
                  </a:lnTo>
                  <a:lnTo>
                    <a:pt x="227" y="210"/>
                  </a:lnTo>
                  <a:close/>
                  <a:moveTo>
                    <a:pt x="165" y="126"/>
                  </a:moveTo>
                  <a:lnTo>
                    <a:pt x="170" y="134"/>
                  </a:lnTo>
                  <a:lnTo>
                    <a:pt x="159" y="134"/>
                  </a:lnTo>
                  <a:lnTo>
                    <a:pt x="163" y="127"/>
                  </a:lnTo>
                  <a:lnTo>
                    <a:pt x="148" y="103"/>
                  </a:lnTo>
                  <a:lnTo>
                    <a:pt x="165" y="126"/>
                  </a:lnTo>
                  <a:close/>
                  <a:moveTo>
                    <a:pt x="54" y="143"/>
                  </a:moveTo>
                  <a:lnTo>
                    <a:pt x="61" y="132"/>
                  </a:lnTo>
                  <a:lnTo>
                    <a:pt x="63" y="152"/>
                  </a:lnTo>
                  <a:lnTo>
                    <a:pt x="56" y="151"/>
                  </a:lnTo>
                  <a:lnTo>
                    <a:pt x="54" y="143"/>
                  </a:lnTo>
                  <a:close/>
                  <a:moveTo>
                    <a:pt x="56" y="127"/>
                  </a:moveTo>
                  <a:lnTo>
                    <a:pt x="51" y="138"/>
                  </a:lnTo>
                  <a:lnTo>
                    <a:pt x="60" y="129"/>
                  </a:lnTo>
                  <a:lnTo>
                    <a:pt x="56" y="127"/>
                  </a:lnTo>
                  <a:close/>
                  <a:moveTo>
                    <a:pt x="128" y="81"/>
                  </a:moveTo>
                  <a:lnTo>
                    <a:pt x="129" y="107"/>
                  </a:lnTo>
                  <a:lnTo>
                    <a:pt x="122" y="96"/>
                  </a:lnTo>
                  <a:lnTo>
                    <a:pt x="128" y="81"/>
                  </a:lnTo>
                  <a:close/>
                  <a:moveTo>
                    <a:pt x="75" y="90"/>
                  </a:moveTo>
                  <a:lnTo>
                    <a:pt x="78" y="87"/>
                  </a:lnTo>
                  <a:lnTo>
                    <a:pt x="72" y="87"/>
                  </a:lnTo>
                  <a:lnTo>
                    <a:pt x="66" y="90"/>
                  </a:lnTo>
                  <a:lnTo>
                    <a:pt x="75" y="90"/>
                  </a:lnTo>
                  <a:close/>
                  <a:moveTo>
                    <a:pt x="86" y="24"/>
                  </a:moveTo>
                  <a:lnTo>
                    <a:pt x="81" y="45"/>
                  </a:lnTo>
                  <a:lnTo>
                    <a:pt x="75" y="37"/>
                  </a:lnTo>
                  <a:lnTo>
                    <a:pt x="78" y="25"/>
                  </a:lnTo>
                  <a:lnTo>
                    <a:pt x="83" y="11"/>
                  </a:lnTo>
                  <a:lnTo>
                    <a:pt x="86" y="24"/>
                  </a:lnTo>
                  <a:close/>
                  <a:moveTo>
                    <a:pt x="43" y="0"/>
                  </a:moveTo>
                  <a:lnTo>
                    <a:pt x="49" y="11"/>
                  </a:lnTo>
                  <a:lnTo>
                    <a:pt x="41" y="5"/>
                  </a:lnTo>
                  <a:lnTo>
                    <a:pt x="13" y="11"/>
                  </a:lnTo>
                  <a:lnTo>
                    <a:pt x="4" y="11"/>
                  </a:lnTo>
                  <a:lnTo>
                    <a:pt x="0" y="5"/>
                  </a:lnTo>
                  <a:lnTo>
                    <a:pt x="43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86" name="Freeform 225"/>
            <p:cNvSpPr>
              <a:spLocks noChangeAspect="1" noEditPoints="1"/>
            </p:cNvSpPr>
            <p:nvPr/>
          </p:nvSpPr>
          <p:spPr bwMode="gray">
            <a:xfrm>
              <a:off x="3113088" y="3644901"/>
              <a:ext cx="239713" cy="79375"/>
            </a:xfrm>
            <a:custGeom>
              <a:avLst/>
              <a:gdLst>
                <a:gd name="T0" fmla="*/ 10 w 492"/>
                <a:gd name="T1" fmla="*/ 2 h 166"/>
                <a:gd name="T2" fmla="*/ 11 w 492"/>
                <a:gd name="T3" fmla="*/ 2 h 166"/>
                <a:gd name="T4" fmla="*/ 12 w 492"/>
                <a:gd name="T5" fmla="*/ 3 h 166"/>
                <a:gd name="T6" fmla="*/ 12 w 492"/>
                <a:gd name="T7" fmla="*/ 3 h 166"/>
                <a:gd name="T8" fmla="*/ 12 w 492"/>
                <a:gd name="T9" fmla="*/ 3 h 166"/>
                <a:gd name="T10" fmla="*/ 13 w 492"/>
                <a:gd name="T11" fmla="*/ 3 h 166"/>
                <a:gd name="T12" fmla="*/ 14 w 492"/>
                <a:gd name="T13" fmla="*/ 4 h 166"/>
                <a:gd name="T14" fmla="*/ 14 w 492"/>
                <a:gd name="T15" fmla="*/ 4 h 166"/>
                <a:gd name="T16" fmla="*/ 14 w 492"/>
                <a:gd name="T17" fmla="*/ 4 h 166"/>
                <a:gd name="T18" fmla="*/ 13 w 492"/>
                <a:gd name="T19" fmla="*/ 5 h 166"/>
                <a:gd name="T20" fmla="*/ 11 w 492"/>
                <a:gd name="T21" fmla="*/ 4 h 166"/>
                <a:gd name="T22" fmla="*/ 10 w 492"/>
                <a:gd name="T23" fmla="*/ 5 h 166"/>
                <a:gd name="T24" fmla="*/ 10 w 492"/>
                <a:gd name="T25" fmla="*/ 4 h 166"/>
                <a:gd name="T26" fmla="*/ 10 w 492"/>
                <a:gd name="T27" fmla="*/ 4 h 166"/>
                <a:gd name="T28" fmla="*/ 10 w 492"/>
                <a:gd name="T29" fmla="*/ 4 h 166"/>
                <a:gd name="T30" fmla="*/ 9 w 492"/>
                <a:gd name="T31" fmla="*/ 3 h 166"/>
                <a:gd name="T32" fmla="*/ 9 w 492"/>
                <a:gd name="T33" fmla="*/ 3 h 166"/>
                <a:gd name="T34" fmla="*/ 8 w 492"/>
                <a:gd name="T35" fmla="*/ 2 h 166"/>
                <a:gd name="T36" fmla="*/ 7 w 492"/>
                <a:gd name="T37" fmla="*/ 2 h 166"/>
                <a:gd name="T38" fmla="*/ 6 w 492"/>
                <a:gd name="T39" fmla="*/ 2 h 166"/>
                <a:gd name="T40" fmla="*/ 4 w 492"/>
                <a:gd name="T41" fmla="*/ 2 h 166"/>
                <a:gd name="T42" fmla="*/ 4 w 492"/>
                <a:gd name="T43" fmla="*/ 1 h 166"/>
                <a:gd name="T44" fmla="*/ 4 w 492"/>
                <a:gd name="T45" fmla="*/ 1 h 166"/>
                <a:gd name="T46" fmla="*/ 4 w 492"/>
                <a:gd name="T47" fmla="*/ 1 h 166"/>
                <a:gd name="T48" fmla="*/ 3 w 492"/>
                <a:gd name="T49" fmla="*/ 1 h 166"/>
                <a:gd name="T50" fmla="*/ 2 w 492"/>
                <a:gd name="T51" fmla="*/ 1 h 166"/>
                <a:gd name="T52" fmla="*/ 2 w 492"/>
                <a:gd name="T53" fmla="*/ 2 h 166"/>
                <a:gd name="T54" fmla="*/ 1 w 492"/>
                <a:gd name="T55" fmla="*/ 2 h 166"/>
                <a:gd name="T56" fmla="*/ 0 w 492"/>
                <a:gd name="T57" fmla="*/ 2 h 166"/>
                <a:gd name="T58" fmla="*/ 1 w 492"/>
                <a:gd name="T59" fmla="*/ 2 h 166"/>
                <a:gd name="T60" fmla="*/ 1 w 492"/>
                <a:gd name="T61" fmla="*/ 1 h 166"/>
                <a:gd name="T62" fmla="*/ 2 w 492"/>
                <a:gd name="T63" fmla="*/ 1 h 166"/>
                <a:gd name="T64" fmla="*/ 3 w 492"/>
                <a:gd name="T65" fmla="*/ 0 h 166"/>
                <a:gd name="T66" fmla="*/ 4 w 492"/>
                <a:gd name="T67" fmla="*/ 0 h 166"/>
                <a:gd name="T68" fmla="*/ 6 w 492"/>
                <a:gd name="T69" fmla="*/ 0 h 166"/>
                <a:gd name="T70" fmla="*/ 7 w 492"/>
                <a:gd name="T71" fmla="*/ 1 h 166"/>
                <a:gd name="T72" fmla="*/ 8 w 492"/>
                <a:gd name="T73" fmla="*/ 1 h 166"/>
                <a:gd name="T74" fmla="*/ 8 w 492"/>
                <a:gd name="T75" fmla="*/ 1 h 166"/>
                <a:gd name="T76" fmla="*/ 9 w 492"/>
                <a:gd name="T77" fmla="*/ 2 h 166"/>
                <a:gd name="T78" fmla="*/ 9 w 492"/>
                <a:gd name="T79" fmla="*/ 2 h 166"/>
                <a:gd name="T80" fmla="*/ 10 w 492"/>
                <a:gd name="T81" fmla="*/ 2 h 166"/>
                <a:gd name="T82" fmla="*/ 3 w 492"/>
                <a:gd name="T83" fmla="*/ 2 h 166"/>
                <a:gd name="T84" fmla="*/ 3 w 492"/>
                <a:gd name="T85" fmla="*/ 2 h 166"/>
                <a:gd name="T86" fmla="*/ 2 w 492"/>
                <a:gd name="T87" fmla="*/ 2 h 166"/>
                <a:gd name="T88" fmla="*/ 2 w 492"/>
                <a:gd name="T89" fmla="*/ 2 h 166"/>
                <a:gd name="T90" fmla="*/ 2 w 492"/>
                <a:gd name="T91" fmla="*/ 2 h 166"/>
                <a:gd name="T92" fmla="*/ 2 w 492"/>
                <a:gd name="T93" fmla="*/ 2 h 166"/>
                <a:gd name="T94" fmla="*/ 3 w 492"/>
                <a:gd name="T95" fmla="*/ 2 h 166"/>
                <a:gd name="T96" fmla="*/ 9 w 492"/>
                <a:gd name="T97" fmla="*/ 1 h 166"/>
                <a:gd name="T98" fmla="*/ 10 w 492"/>
                <a:gd name="T99" fmla="*/ 2 h 166"/>
                <a:gd name="T100" fmla="*/ 10 w 492"/>
                <a:gd name="T101" fmla="*/ 2 h 166"/>
                <a:gd name="T102" fmla="*/ 10 w 492"/>
                <a:gd name="T103" fmla="*/ 2 h 166"/>
                <a:gd name="T104" fmla="*/ 9 w 492"/>
                <a:gd name="T105" fmla="*/ 1 h 166"/>
                <a:gd name="T106" fmla="*/ 8 w 492"/>
                <a:gd name="T107" fmla="*/ 1 h 166"/>
                <a:gd name="T108" fmla="*/ 8 w 492"/>
                <a:gd name="T109" fmla="*/ 1 h 166"/>
                <a:gd name="T110" fmla="*/ 9 w 492"/>
                <a:gd name="T111" fmla="*/ 1 h 166"/>
                <a:gd name="T112" fmla="*/ 9 w 492"/>
                <a:gd name="T113" fmla="*/ 1 h 16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492"/>
                <a:gd name="T172" fmla="*/ 0 h 166"/>
                <a:gd name="T173" fmla="*/ 492 w 492"/>
                <a:gd name="T174" fmla="*/ 166 h 166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492" h="166">
                  <a:moveTo>
                    <a:pt x="353" y="74"/>
                  </a:moveTo>
                  <a:lnTo>
                    <a:pt x="376" y="93"/>
                  </a:lnTo>
                  <a:lnTo>
                    <a:pt x="404" y="102"/>
                  </a:lnTo>
                  <a:lnTo>
                    <a:pt x="422" y="102"/>
                  </a:lnTo>
                  <a:lnTo>
                    <a:pt x="422" y="120"/>
                  </a:lnTo>
                  <a:lnTo>
                    <a:pt x="460" y="122"/>
                  </a:lnTo>
                  <a:lnTo>
                    <a:pt x="480" y="139"/>
                  </a:lnTo>
                  <a:lnTo>
                    <a:pt x="492" y="142"/>
                  </a:lnTo>
                  <a:lnTo>
                    <a:pt x="492" y="147"/>
                  </a:lnTo>
                  <a:lnTo>
                    <a:pt x="441" y="164"/>
                  </a:lnTo>
                  <a:lnTo>
                    <a:pt x="371" y="159"/>
                  </a:lnTo>
                  <a:lnTo>
                    <a:pt x="334" y="166"/>
                  </a:lnTo>
                  <a:lnTo>
                    <a:pt x="329" y="161"/>
                  </a:lnTo>
                  <a:lnTo>
                    <a:pt x="359" y="141"/>
                  </a:lnTo>
                  <a:lnTo>
                    <a:pt x="361" y="132"/>
                  </a:lnTo>
                  <a:lnTo>
                    <a:pt x="316" y="124"/>
                  </a:lnTo>
                  <a:lnTo>
                    <a:pt x="297" y="107"/>
                  </a:lnTo>
                  <a:lnTo>
                    <a:pt x="285" y="82"/>
                  </a:lnTo>
                  <a:lnTo>
                    <a:pt x="231" y="76"/>
                  </a:lnTo>
                  <a:lnTo>
                    <a:pt x="198" y="57"/>
                  </a:lnTo>
                  <a:lnTo>
                    <a:pt x="133" y="51"/>
                  </a:lnTo>
                  <a:lnTo>
                    <a:pt x="127" y="40"/>
                  </a:lnTo>
                  <a:lnTo>
                    <a:pt x="146" y="34"/>
                  </a:lnTo>
                  <a:lnTo>
                    <a:pt x="136" y="28"/>
                  </a:lnTo>
                  <a:lnTo>
                    <a:pt x="97" y="25"/>
                  </a:lnTo>
                  <a:lnTo>
                    <a:pt x="76" y="43"/>
                  </a:lnTo>
                  <a:lnTo>
                    <a:pt x="48" y="51"/>
                  </a:lnTo>
                  <a:lnTo>
                    <a:pt x="19" y="71"/>
                  </a:lnTo>
                  <a:lnTo>
                    <a:pt x="0" y="66"/>
                  </a:lnTo>
                  <a:lnTo>
                    <a:pt x="19" y="57"/>
                  </a:lnTo>
                  <a:lnTo>
                    <a:pt x="25" y="34"/>
                  </a:lnTo>
                  <a:lnTo>
                    <a:pt x="50" y="20"/>
                  </a:lnTo>
                  <a:lnTo>
                    <a:pt x="110" y="2"/>
                  </a:lnTo>
                  <a:lnTo>
                    <a:pt x="147" y="0"/>
                  </a:lnTo>
                  <a:lnTo>
                    <a:pt x="219" y="10"/>
                  </a:lnTo>
                  <a:lnTo>
                    <a:pt x="249" y="36"/>
                  </a:lnTo>
                  <a:lnTo>
                    <a:pt x="288" y="40"/>
                  </a:lnTo>
                  <a:lnTo>
                    <a:pt x="288" y="45"/>
                  </a:lnTo>
                  <a:lnTo>
                    <a:pt x="308" y="52"/>
                  </a:lnTo>
                  <a:lnTo>
                    <a:pt x="319" y="62"/>
                  </a:lnTo>
                  <a:lnTo>
                    <a:pt x="353" y="74"/>
                  </a:lnTo>
                  <a:close/>
                  <a:moveTo>
                    <a:pt x="97" y="64"/>
                  </a:moveTo>
                  <a:lnTo>
                    <a:pt x="102" y="82"/>
                  </a:lnTo>
                  <a:lnTo>
                    <a:pt x="80" y="85"/>
                  </a:lnTo>
                  <a:lnTo>
                    <a:pt x="79" y="77"/>
                  </a:lnTo>
                  <a:lnTo>
                    <a:pt x="85" y="81"/>
                  </a:lnTo>
                  <a:lnTo>
                    <a:pt x="85" y="66"/>
                  </a:lnTo>
                  <a:lnTo>
                    <a:pt x="97" y="64"/>
                  </a:lnTo>
                  <a:close/>
                  <a:moveTo>
                    <a:pt x="317" y="43"/>
                  </a:moveTo>
                  <a:lnTo>
                    <a:pt x="331" y="54"/>
                  </a:lnTo>
                  <a:lnTo>
                    <a:pt x="333" y="60"/>
                  </a:lnTo>
                  <a:lnTo>
                    <a:pt x="325" y="60"/>
                  </a:lnTo>
                  <a:lnTo>
                    <a:pt x="305" y="42"/>
                  </a:lnTo>
                  <a:lnTo>
                    <a:pt x="291" y="39"/>
                  </a:lnTo>
                  <a:lnTo>
                    <a:pt x="286" y="32"/>
                  </a:lnTo>
                  <a:lnTo>
                    <a:pt x="299" y="32"/>
                  </a:lnTo>
                  <a:lnTo>
                    <a:pt x="317" y="4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87" name="Freeform 226"/>
            <p:cNvSpPr>
              <a:spLocks noChangeAspect="1" noEditPoints="1"/>
            </p:cNvSpPr>
            <p:nvPr/>
          </p:nvSpPr>
          <p:spPr bwMode="gray">
            <a:xfrm>
              <a:off x="3348038" y="3716338"/>
              <a:ext cx="61913" cy="50800"/>
            </a:xfrm>
            <a:custGeom>
              <a:avLst/>
              <a:gdLst>
                <a:gd name="T0" fmla="*/ 3 w 128"/>
                <a:gd name="T1" fmla="*/ 3 h 102"/>
                <a:gd name="T2" fmla="*/ 3 w 128"/>
                <a:gd name="T3" fmla="*/ 3 h 102"/>
                <a:gd name="T4" fmla="*/ 3 w 128"/>
                <a:gd name="T5" fmla="*/ 3 h 102"/>
                <a:gd name="T6" fmla="*/ 4 w 128"/>
                <a:gd name="T7" fmla="*/ 2 h 102"/>
                <a:gd name="T8" fmla="*/ 4 w 128"/>
                <a:gd name="T9" fmla="*/ 1 h 102"/>
                <a:gd name="T10" fmla="*/ 3 w 128"/>
                <a:gd name="T11" fmla="*/ 1 h 102"/>
                <a:gd name="T12" fmla="*/ 3 w 128"/>
                <a:gd name="T13" fmla="*/ 1 h 102"/>
                <a:gd name="T14" fmla="*/ 2 w 128"/>
                <a:gd name="T15" fmla="*/ 0 h 102"/>
                <a:gd name="T16" fmla="*/ 1 w 128"/>
                <a:gd name="T17" fmla="*/ 1 h 102"/>
                <a:gd name="T18" fmla="*/ 2 w 128"/>
                <a:gd name="T19" fmla="*/ 1 h 102"/>
                <a:gd name="T20" fmla="*/ 2 w 128"/>
                <a:gd name="T21" fmla="*/ 1 h 102"/>
                <a:gd name="T22" fmla="*/ 2 w 128"/>
                <a:gd name="T23" fmla="*/ 2 h 102"/>
                <a:gd name="T24" fmla="*/ 3 w 128"/>
                <a:gd name="T25" fmla="*/ 2 h 102"/>
                <a:gd name="T26" fmla="*/ 3 w 128"/>
                <a:gd name="T27" fmla="*/ 3 h 102"/>
                <a:gd name="T28" fmla="*/ 2 w 128"/>
                <a:gd name="T29" fmla="*/ 3 h 102"/>
                <a:gd name="T30" fmla="*/ 0 w 128"/>
                <a:gd name="T31" fmla="*/ 3 h 102"/>
                <a:gd name="T32" fmla="*/ 0 w 128"/>
                <a:gd name="T33" fmla="*/ 3 h 102"/>
                <a:gd name="T34" fmla="*/ 1 w 128"/>
                <a:gd name="T35" fmla="*/ 3 h 102"/>
                <a:gd name="T36" fmla="*/ 1 w 128"/>
                <a:gd name="T37" fmla="*/ 3 h 102"/>
                <a:gd name="T38" fmla="*/ 2 w 128"/>
                <a:gd name="T39" fmla="*/ 3 h 102"/>
                <a:gd name="T40" fmla="*/ 3 w 128"/>
                <a:gd name="T41" fmla="*/ 3 h 102"/>
                <a:gd name="T42" fmla="*/ 3 w 128"/>
                <a:gd name="T43" fmla="*/ 3 h 102"/>
                <a:gd name="T44" fmla="*/ 2 w 128"/>
                <a:gd name="T45" fmla="*/ 0 h 102"/>
                <a:gd name="T46" fmla="*/ 2 w 128"/>
                <a:gd name="T47" fmla="*/ 0 h 102"/>
                <a:gd name="T48" fmla="*/ 2 w 128"/>
                <a:gd name="T49" fmla="*/ 0 h 102"/>
                <a:gd name="T50" fmla="*/ 2 w 128"/>
                <a:gd name="T51" fmla="*/ 0 h 102"/>
                <a:gd name="T52" fmla="*/ 2 w 128"/>
                <a:gd name="T53" fmla="*/ 2 h 102"/>
                <a:gd name="T54" fmla="*/ 2 w 128"/>
                <a:gd name="T55" fmla="*/ 2 h 102"/>
                <a:gd name="T56" fmla="*/ 2 w 128"/>
                <a:gd name="T57" fmla="*/ 2 h 102"/>
                <a:gd name="T58" fmla="*/ 2 w 128"/>
                <a:gd name="T59" fmla="*/ 2 h 102"/>
                <a:gd name="T60" fmla="*/ 2 w 128"/>
                <a:gd name="T61" fmla="*/ 2 h 102"/>
                <a:gd name="T62" fmla="*/ 2 w 128"/>
                <a:gd name="T63" fmla="*/ 2 h 102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128"/>
                <a:gd name="T97" fmla="*/ 0 h 102"/>
                <a:gd name="T98" fmla="*/ 128 w 128"/>
                <a:gd name="T99" fmla="*/ 102 h 102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128" h="102">
                  <a:moveTo>
                    <a:pt x="122" y="102"/>
                  </a:moveTo>
                  <a:lnTo>
                    <a:pt x="123" y="88"/>
                  </a:lnTo>
                  <a:lnTo>
                    <a:pt x="118" y="75"/>
                  </a:lnTo>
                  <a:lnTo>
                    <a:pt x="125" y="67"/>
                  </a:lnTo>
                  <a:lnTo>
                    <a:pt x="128" y="46"/>
                  </a:lnTo>
                  <a:lnTo>
                    <a:pt x="120" y="16"/>
                  </a:lnTo>
                  <a:lnTo>
                    <a:pt x="95" y="19"/>
                  </a:lnTo>
                  <a:lnTo>
                    <a:pt x="66" y="9"/>
                  </a:lnTo>
                  <a:lnTo>
                    <a:pt x="44" y="19"/>
                  </a:lnTo>
                  <a:lnTo>
                    <a:pt x="49" y="26"/>
                  </a:lnTo>
                  <a:lnTo>
                    <a:pt x="72" y="29"/>
                  </a:lnTo>
                  <a:lnTo>
                    <a:pt x="76" y="58"/>
                  </a:lnTo>
                  <a:lnTo>
                    <a:pt x="92" y="70"/>
                  </a:lnTo>
                  <a:lnTo>
                    <a:pt x="91" y="76"/>
                  </a:lnTo>
                  <a:lnTo>
                    <a:pt x="55" y="80"/>
                  </a:lnTo>
                  <a:lnTo>
                    <a:pt x="1" y="75"/>
                  </a:lnTo>
                  <a:lnTo>
                    <a:pt x="0" y="82"/>
                  </a:lnTo>
                  <a:lnTo>
                    <a:pt x="26" y="101"/>
                  </a:lnTo>
                  <a:lnTo>
                    <a:pt x="37" y="92"/>
                  </a:lnTo>
                  <a:lnTo>
                    <a:pt x="74" y="99"/>
                  </a:lnTo>
                  <a:lnTo>
                    <a:pt x="101" y="93"/>
                  </a:lnTo>
                  <a:lnTo>
                    <a:pt x="122" y="102"/>
                  </a:lnTo>
                  <a:close/>
                  <a:moveTo>
                    <a:pt x="72" y="0"/>
                  </a:moveTo>
                  <a:lnTo>
                    <a:pt x="78" y="8"/>
                  </a:lnTo>
                  <a:lnTo>
                    <a:pt x="69" y="6"/>
                  </a:lnTo>
                  <a:lnTo>
                    <a:pt x="72" y="0"/>
                  </a:lnTo>
                  <a:close/>
                  <a:moveTo>
                    <a:pt x="63" y="58"/>
                  </a:moveTo>
                  <a:lnTo>
                    <a:pt x="69" y="62"/>
                  </a:lnTo>
                  <a:lnTo>
                    <a:pt x="71" y="68"/>
                  </a:lnTo>
                  <a:lnTo>
                    <a:pt x="54" y="65"/>
                  </a:lnTo>
                  <a:lnTo>
                    <a:pt x="50" y="58"/>
                  </a:lnTo>
                  <a:lnTo>
                    <a:pt x="63" y="5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88" name="Freeform 227"/>
            <p:cNvSpPr>
              <a:spLocks noChangeAspect="1" noEditPoints="1"/>
            </p:cNvSpPr>
            <p:nvPr/>
          </p:nvSpPr>
          <p:spPr bwMode="gray">
            <a:xfrm>
              <a:off x="3606800" y="3781426"/>
              <a:ext cx="44450" cy="84138"/>
            </a:xfrm>
            <a:custGeom>
              <a:avLst/>
              <a:gdLst>
                <a:gd name="T0" fmla="*/ 2 w 92"/>
                <a:gd name="T1" fmla="*/ 4 h 178"/>
                <a:gd name="T2" fmla="*/ 2 w 92"/>
                <a:gd name="T3" fmla="*/ 5 h 178"/>
                <a:gd name="T4" fmla="*/ 2 w 92"/>
                <a:gd name="T5" fmla="*/ 5 h 178"/>
                <a:gd name="T6" fmla="*/ 2 w 92"/>
                <a:gd name="T7" fmla="*/ 4 h 178"/>
                <a:gd name="T8" fmla="*/ 0 w 92"/>
                <a:gd name="T9" fmla="*/ 0 h 178"/>
                <a:gd name="T10" fmla="*/ 0 w 92"/>
                <a:gd name="T11" fmla="*/ 0 h 178"/>
                <a:gd name="T12" fmla="*/ 0 w 92"/>
                <a:gd name="T13" fmla="*/ 0 h 178"/>
                <a:gd name="T14" fmla="*/ 0 w 92"/>
                <a:gd name="T15" fmla="*/ 0 h 178"/>
                <a:gd name="T16" fmla="*/ 2 w 92"/>
                <a:gd name="T17" fmla="*/ 0 h 178"/>
                <a:gd name="T18" fmla="*/ 2 w 92"/>
                <a:gd name="T19" fmla="*/ 1 h 178"/>
                <a:gd name="T20" fmla="*/ 2 w 92"/>
                <a:gd name="T21" fmla="*/ 0 h 178"/>
                <a:gd name="T22" fmla="*/ 2 w 92"/>
                <a:gd name="T23" fmla="*/ 0 h 178"/>
                <a:gd name="T24" fmla="*/ 2 w 92"/>
                <a:gd name="T25" fmla="*/ 1 h 178"/>
                <a:gd name="T26" fmla="*/ 2 w 92"/>
                <a:gd name="T27" fmla="*/ 1 h 178"/>
                <a:gd name="T28" fmla="*/ 2 w 92"/>
                <a:gd name="T29" fmla="*/ 1 h 178"/>
                <a:gd name="T30" fmla="*/ 2 w 92"/>
                <a:gd name="T31" fmla="*/ 2 h 178"/>
                <a:gd name="T32" fmla="*/ 2 w 92"/>
                <a:gd name="T33" fmla="*/ 2 h 178"/>
                <a:gd name="T34" fmla="*/ 2 w 92"/>
                <a:gd name="T35" fmla="*/ 1 h 178"/>
                <a:gd name="T36" fmla="*/ 2 w 92"/>
                <a:gd name="T37" fmla="*/ 1 h 178"/>
                <a:gd name="T38" fmla="*/ 2 w 92"/>
                <a:gd name="T39" fmla="*/ 1 h 178"/>
                <a:gd name="T40" fmla="*/ 2 w 92"/>
                <a:gd name="T41" fmla="*/ 2 h 178"/>
                <a:gd name="T42" fmla="*/ 2 w 92"/>
                <a:gd name="T43" fmla="*/ 3 h 178"/>
                <a:gd name="T44" fmla="*/ 2 w 92"/>
                <a:gd name="T45" fmla="*/ 3 h 178"/>
                <a:gd name="T46" fmla="*/ 2 w 92"/>
                <a:gd name="T47" fmla="*/ 2 h 178"/>
                <a:gd name="T48" fmla="*/ 2 w 92"/>
                <a:gd name="T49" fmla="*/ 2 h 178"/>
                <a:gd name="T50" fmla="*/ 2 w 92"/>
                <a:gd name="T51" fmla="*/ 3 h 178"/>
                <a:gd name="T52" fmla="*/ 2 w 92"/>
                <a:gd name="T53" fmla="*/ 3 h 178"/>
                <a:gd name="T54" fmla="*/ 3 w 92"/>
                <a:gd name="T55" fmla="*/ 4 h 178"/>
                <a:gd name="T56" fmla="*/ 2 w 92"/>
                <a:gd name="T57" fmla="*/ 4 h 178"/>
                <a:gd name="T58" fmla="*/ 2 w 92"/>
                <a:gd name="T59" fmla="*/ 3 h 178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92"/>
                <a:gd name="T91" fmla="*/ 0 h 178"/>
                <a:gd name="T92" fmla="*/ 92 w 92"/>
                <a:gd name="T93" fmla="*/ 178 h 178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92" h="178">
                  <a:moveTo>
                    <a:pt x="89" y="164"/>
                  </a:moveTo>
                  <a:lnTo>
                    <a:pt x="86" y="177"/>
                  </a:lnTo>
                  <a:lnTo>
                    <a:pt x="89" y="178"/>
                  </a:lnTo>
                  <a:lnTo>
                    <a:pt x="89" y="164"/>
                  </a:lnTo>
                  <a:close/>
                  <a:moveTo>
                    <a:pt x="4" y="0"/>
                  </a:moveTo>
                  <a:lnTo>
                    <a:pt x="0" y="0"/>
                  </a:lnTo>
                  <a:lnTo>
                    <a:pt x="3" y="8"/>
                  </a:lnTo>
                  <a:lnTo>
                    <a:pt x="4" y="0"/>
                  </a:lnTo>
                  <a:close/>
                  <a:moveTo>
                    <a:pt x="49" y="14"/>
                  </a:moveTo>
                  <a:lnTo>
                    <a:pt x="49" y="23"/>
                  </a:lnTo>
                  <a:lnTo>
                    <a:pt x="54" y="17"/>
                  </a:lnTo>
                  <a:lnTo>
                    <a:pt x="49" y="14"/>
                  </a:lnTo>
                  <a:close/>
                  <a:moveTo>
                    <a:pt x="67" y="45"/>
                  </a:moveTo>
                  <a:lnTo>
                    <a:pt x="60" y="53"/>
                  </a:lnTo>
                  <a:lnTo>
                    <a:pt x="52" y="51"/>
                  </a:lnTo>
                  <a:lnTo>
                    <a:pt x="51" y="68"/>
                  </a:lnTo>
                  <a:lnTo>
                    <a:pt x="57" y="68"/>
                  </a:lnTo>
                  <a:lnTo>
                    <a:pt x="63" y="60"/>
                  </a:lnTo>
                  <a:lnTo>
                    <a:pt x="74" y="57"/>
                  </a:lnTo>
                  <a:lnTo>
                    <a:pt x="67" y="45"/>
                  </a:lnTo>
                  <a:close/>
                  <a:moveTo>
                    <a:pt x="72" y="87"/>
                  </a:moveTo>
                  <a:lnTo>
                    <a:pt x="69" y="101"/>
                  </a:lnTo>
                  <a:lnTo>
                    <a:pt x="75" y="105"/>
                  </a:lnTo>
                  <a:lnTo>
                    <a:pt x="75" y="90"/>
                  </a:lnTo>
                  <a:lnTo>
                    <a:pt x="72" y="87"/>
                  </a:lnTo>
                  <a:close/>
                  <a:moveTo>
                    <a:pt x="77" y="121"/>
                  </a:moveTo>
                  <a:lnTo>
                    <a:pt x="86" y="128"/>
                  </a:lnTo>
                  <a:lnTo>
                    <a:pt x="92" y="143"/>
                  </a:lnTo>
                  <a:lnTo>
                    <a:pt x="84" y="141"/>
                  </a:lnTo>
                  <a:lnTo>
                    <a:pt x="77" y="12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89" name="Freeform 228"/>
            <p:cNvSpPr>
              <a:spLocks noChangeAspect="1" noEditPoints="1"/>
            </p:cNvSpPr>
            <p:nvPr/>
          </p:nvSpPr>
          <p:spPr bwMode="gray">
            <a:xfrm>
              <a:off x="3155950" y="3959226"/>
              <a:ext cx="128588" cy="55563"/>
            </a:xfrm>
            <a:custGeom>
              <a:avLst/>
              <a:gdLst>
                <a:gd name="T0" fmla="*/ 7 w 267"/>
                <a:gd name="T1" fmla="*/ 3 h 111"/>
                <a:gd name="T2" fmla="*/ 7 w 267"/>
                <a:gd name="T3" fmla="*/ 3 h 111"/>
                <a:gd name="T4" fmla="*/ 7 w 267"/>
                <a:gd name="T5" fmla="*/ 3 h 111"/>
                <a:gd name="T6" fmla="*/ 8 w 267"/>
                <a:gd name="T7" fmla="*/ 2 h 111"/>
                <a:gd name="T8" fmla="*/ 7 w 267"/>
                <a:gd name="T9" fmla="*/ 2 h 111"/>
                <a:gd name="T10" fmla="*/ 7 w 267"/>
                <a:gd name="T11" fmla="*/ 2 h 111"/>
                <a:gd name="T12" fmla="*/ 6 w 267"/>
                <a:gd name="T13" fmla="*/ 1 h 111"/>
                <a:gd name="T14" fmla="*/ 5 w 267"/>
                <a:gd name="T15" fmla="*/ 0 h 111"/>
                <a:gd name="T16" fmla="*/ 4 w 267"/>
                <a:gd name="T17" fmla="*/ 0 h 111"/>
                <a:gd name="T18" fmla="*/ 4 w 267"/>
                <a:gd name="T19" fmla="*/ 1 h 111"/>
                <a:gd name="T20" fmla="*/ 4 w 267"/>
                <a:gd name="T21" fmla="*/ 1 h 111"/>
                <a:gd name="T22" fmla="*/ 4 w 267"/>
                <a:gd name="T23" fmla="*/ 1 h 111"/>
                <a:gd name="T24" fmla="*/ 4 w 267"/>
                <a:gd name="T25" fmla="*/ 1 h 111"/>
                <a:gd name="T26" fmla="*/ 2 w 267"/>
                <a:gd name="T27" fmla="*/ 1 h 111"/>
                <a:gd name="T28" fmla="*/ 2 w 267"/>
                <a:gd name="T29" fmla="*/ 1 h 111"/>
                <a:gd name="T30" fmla="*/ 1 w 267"/>
                <a:gd name="T31" fmla="*/ 1 h 111"/>
                <a:gd name="T32" fmla="*/ 1 w 267"/>
                <a:gd name="T33" fmla="*/ 0 h 111"/>
                <a:gd name="T34" fmla="*/ 1 w 267"/>
                <a:gd name="T35" fmla="*/ 0 h 111"/>
                <a:gd name="T36" fmla="*/ 0 w 267"/>
                <a:gd name="T37" fmla="*/ 0 h 111"/>
                <a:gd name="T38" fmla="*/ 0 w 267"/>
                <a:gd name="T39" fmla="*/ 0 h 111"/>
                <a:gd name="T40" fmla="*/ 0 w 267"/>
                <a:gd name="T41" fmla="*/ 1 h 111"/>
                <a:gd name="T42" fmla="*/ 0 w 267"/>
                <a:gd name="T43" fmla="*/ 1 h 111"/>
                <a:gd name="T44" fmla="*/ 0 w 267"/>
                <a:gd name="T45" fmla="*/ 2 h 111"/>
                <a:gd name="T46" fmla="*/ 0 w 267"/>
                <a:gd name="T47" fmla="*/ 2 h 111"/>
                <a:gd name="T48" fmla="*/ 0 w 267"/>
                <a:gd name="T49" fmla="*/ 2 h 111"/>
                <a:gd name="T50" fmla="*/ 0 w 267"/>
                <a:gd name="T51" fmla="*/ 2 h 111"/>
                <a:gd name="T52" fmla="*/ 2 w 267"/>
                <a:gd name="T53" fmla="*/ 2 h 111"/>
                <a:gd name="T54" fmla="*/ 2 w 267"/>
                <a:gd name="T55" fmla="*/ 3 h 111"/>
                <a:gd name="T56" fmla="*/ 2 w 267"/>
                <a:gd name="T57" fmla="*/ 3 h 111"/>
                <a:gd name="T58" fmla="*/ 3 w 267"/>
                <a:gd name="T59" fmla="*/ 3 h 111"/>
                <a:gd name="T60" fmla="*/ 3 w 267"/>
                <a:gd name="T61" fmla="*/ 3 h 111"/>
                <a:gd name="T62" fmla="*/ 4 w 267"/>
                <a:gd name="T63" fmla="*/ 3 h 111"/>
                <a:gd name="T64" fmla="*/ 3 w 267"/>
                <a:gd name="T65" fmla="*/ 3 h 111"/>
                <a:gd name="T66" fmla="*/ 3 w 267"/>
                <a:gd name="T67" fmla="*/ 2 h 111"/>
                <a:gd name="T68" fmla="*/ 4 w 267"/>
                <a:gd name="T69" fmla="*/ 2 h 111"/>
                <a:gd name="T70" fmla="*/ 5 w 267"/>
                <a:gd name="T71" fmla="*/ 1 h 111"/>
                <a:gd name="T72" fmla="*/ 5 w 267"/>
                <a:gd name="T73" fmla="*/ 1 h 111"/>
                <a:gd name="T74" fmla="*/ 6 w 267"/>
                <a:gd name="T75" fmla="*/ 1 h 111"/>
                <a:gd name="T76" fmla="*/ 6 w 267"/>
                <a:gd name="T77" fmla="*/ 2 h 111"/>
                <a:gd name="T78" fmla="*/ 6 w 267"/>
                <a:gd name="T79" fmla="*/ 2 h 111"/>
                <a:gd name="T80" fmla="*/ 6 w 267"/>
                <a:gd name="T81" fmla="*/ 2 h 111"/>
                <a:gd name="T82" fmla="*/ 6 w 267"/>
                <a:gd name="T83" fmla="*/ 2 h 111"/>
                <a:gd name="T84" fmla="*/ 6 w 267"/>
                <a:gd name="T85" fmla="*/ 3 h 111"/>
                <a:gd name="T86" fmla="*/ 6 w 267"/>
                <a:gd name="T87" fmla="*/ 3 h 111"/>
                <a:gd name="T88" fmla="*/ 7 w 267"/>
                <a:gd name="T89" fmla="*/ 3 h 111"/>
                <a:gd name="T90" fmla="*/ 2 w 267"/>
                <a:gd name="T91" fmla="*/ 3 h 111"/>
                <a:gd name="T92" fmla="*/ 2 w 267"/>
                <a:gd name="T93" fmla="*/ 3 h 111"/>
                <a:gd name="T94" fmla="*/ 2 w 267"/>
                <a:gd name="T95" fmla="*/ 3 h 111"/>
                <a:gd name="T96" fmla="*/ 2 w 267"/>
                <a:gd name="T97" fmla="*/ 3 h 111"/>
                <a:gd name="T98" fmla="*/ 2 w 267"/>
                <a:gd name="T99" fmla="*/ 3 h 111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267"/>
                <a:gd name="T151" fmla="*/ 0 h 111"/>
                <a:gd name="T152" fmla="*/ 267 w 267"/>
                <a:gd name="T153" fmla="*/ 111 h 111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267" h="111">
                  <a:moveTo>
                    <a:pt x="235" y="107"/>
                  </a:moveTo>
                  <a:lnTo>
                    <a:pt x="244" y="91"/>
                  </a:lnTo>
                  <a:lnTo>
                    <a:pt x="252" y="93"/>
                  </a:lnTo>
                  <a:lnTo>
                    <a:pt x="267" y="74"/>
                  </a:lnTo>
                  <a:lnTo>
                    <a:pt x="255" y="54"/>
                  </a:lnTo>
                  <a:lnTo>
                    <a:pt x="258" y="46"/>
                  </a:lnTo>
                  <a:lnTo>
                    <a:pt x="225" y="15"/>
                  </a:lnTo>
                  <a:lnTo>
                    <a:pt x="176" y="0"/>
                  </a:lnTo>
                  <a:lnTo>
                    <a:pt x="153" y="1"/>
                  </a:lnTo>
                  <a:lnTo>
                    <a:pt x="149" y="22"/>
                  </a:lnTo>
                  <a:lnTo>
                    <a:pt x="141" y="25"/>
                  </a:lnTo>
                  <a:lnTo>
                    <a:pt x="139" y="17"/>
                  </a:lnTo>
                  <a:lnTo>
                    <a:pt x="132" y="17"/>
                  </a:lnTo>
                  <a:lnTo>
                    <a:pt x="85" y="37"/>
                  </a:lnTo>
                  <a:lnTo>
                    <a:pt x="60" y="29"/>
                  </a:lnTo>
                  <a:lnTo>
                    <a:pt x="40" y="29"/>
                  </a:lnTo>
                  <a:lnTo>
                    <a:pt x="32" y="6"/>
                  </a:lnTo>
                  <a:lnTo>
                    <a:pt x="20" y="0"/>
                  </a:lnTo>
                  <a:lnTo>
                    <a:pt x="12" y="0"/>
                  </a:lnTo>
                  <a:lnTo>
                    <a:pt x="6" y="6"/>
                  </a:lnTo>
                  <a:lnTo>
                    <a:pt x="5" y="18"/>
                  </a:lnTo>
                  <a:lnTo>
                    <a:pt x="14" y="25"/>
                  </a:lnTo>
                  <a:lnTo>
                    <a:pt x="6" y="51"/>
                  </a:lnTo>
                  <a:lnTo>
                    <a:pt x="0" y="59"/>
                  </a:lnTo>
                  <a:lnTo>
                    <a:pt x="5" y="68"/>
                  </a:lnTo>
                  <a:lnTo>
                    <a:pt x="12" y="59"/>
                  </a:lnTo>
                  <a:lnTo>
                    <a:pt x="57" y="68"/>
                  </a:lnTo>
                  <a:lnTo>
                    <a:pt x="77" y="93"/>
                  </a:lnTo>
                  <a:lnTo>
                    <a:pt x="93" y="86"/>
                  </a:lnTo>
                  <a:lnTo>
                    <a:pt x="100" y="111"/>
                  </a:lnTo>
                  <a:lnTo>
                    <a:pt x="115" y="111"/>
                  </a:lnTo>
                  <a:lnTo>
                    <a:pt x="134" y="98"/>
                  </a:lnTo>
                  <a:lnTo>
                    <a:pt x="119" y="77"/>
                  </a:lnTo>
                  <a:lnTo>
                    <a:pt x="119" y="68"/>
                  </a:lnTo>
                  <a:lnTo>
                    <a:pt x="142" y="56"/>
                  </a:lnTo>
                  <a:lnTo>
                    <a:pt x="161" y="34"/>
                  </a:lnTo>
                  <a:lnTo>
                    <a:pt x="174" y="29"/>
                  </a:lnTo>
                  <a:lnTo>
                    <a:pt x="203" y="43"/>
                  </a:lnTo>
                  <a:lnTo>
                    <a:pt x="212" y="54"/>
                  </a:lnTo>
                  <a:lnTo>
                    <a:pt x="225" y="52"/>
                  </a:lnTo>
                  <a:lnTo>
                    <a:pt x="230" y="56"/>
                  </a:lnTo>
                  <a:lnTo>
                    <a:pt x="218" y="66"/>
                  </a:lnTo>
                  <a:lnTo>
                    <a:pt x="216" y="77"/>
                  </a:lnTo>
                  <a:lnTo>
                    <a:pt x="221" y="93"/>
                  </a:lnTo>
                  <a:lnTo>
                    <a:pt x="235" y="107"/>
                  </a:lnTo>
                  <a:close/>
                  <a:moveTo>
                    <a:pt x="57" y="88"/>
                  </a:moveTo>
                  <a:lnTo>
                    <a:pt x="52" y="100"/>
                  </a:lnTo>
                  <a:lnTo>
                    <a:pt x="59" y="107"/>
                  </a:lnTo>
                  <a:lnTo>
                    <a:pt x="60" y="90"/>
                  </a:lnTo>
                  <a:lnTo>
                    <a:pt x="57" y="8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90" name="Freeform 229"/>
            <p:cNvSpPr>
              <a:spLocks noChangeAspect="1" noEditPoints="1"/>
            </p:cNvSpPr>
            <p:nvPr/>
          </p:nvSpPr>
          <p:spPr bwMode="gray">
            <a:xfrm>
              <a:off x="2366963" y="3403601"/>
              <a:ext cx="704850" cy="442913"/>
            </a:xfrm>
            <a:custGeom>
              <a:avLst/>
              <a:gdLst>
                <a:gd name="T0" fmla="*/ 7 w 1450"/>
                <a:gd name="T1" fmla="*/ 2 h 908"/>
                <a:gd name="T2" fmla="*/ 8 w 1450"/>
                <a:gd name="T3" fmla="*/ 6 h 908"/>
                <a:gd name="T4" fmla="*/ 10 w 1450"/>
                <a:gd name="T5" fmla="*/ 8 h 908"/>
                <a:gd name="T6" fmla="*/ 12 w 1450"/>
                <a:gd name="T7" fmla="*/ 10 h 908"/>
                <a:gd name="T8" fmla="*/ 13 w 1450"/>
                <a:gd name="T9" fmla="*/ 11 h 908"/>
                <a:gd name="T10" fmla="*/ 15 w 1450"/>
                <a:gd name="T11" fmla="*/ 14 h 908"/>
                <a:gd name="T12" fmla="*/ 17 w 1450"/>
                <a:gd name="T13" fmla="*/ 17 h 908"/>
                <a:gd name="T14" fmla="*/ 17 w 1450"/>
                <a:gd name="T15" fmla="*/ 19 h 908"/>
                <a:gd name="T16" fmla="*/ 21 w 1450"/>
                <a:gd name="T17" fmla="*/ 22 h 908"/>
                <a:gd name="T18" fmla="*/ 27 w 1450"/>
                <a:gd name="T19" fmla="*/ 24 h 908"/>
                <a:gd name="T20" fmla="*/ 31 w 1450"/>
                <a:gd name="T21" fmla="*/ 24 h 908"/>
                <a:gd name="T22" fmla="*/ 35 w 1450"/>
                <a:gd name="T23" fmla="*/ 26 h 908"/>
                <a:gd name="T24" fmla="*/ 35 w 1450"/>
                <a:gd name="T25" fmla="*/ 22 h 908"/>
                <a:gd name="T26" fmla="*/ 39 w 1450"/>
                <a:gd name="T27" fmla="*/ 22 h 908"/>
                <a:gd name="T28" fmla="*/ 40 w 1450"/>
                <a:gd name="T29" fmla="*/ 21 h 908"/>
                <a:gd name="T30" fmla="*/ 40 w 1450"/>
                <a:gd name="T31" fmla="*/ 20 h 908"/>
                <a:gd name="T32" fmla="*/ 41 w 1450"/>
                <a:gd name="T33" fmla="*/ 18 h 908"/>
                <a:gd name="T34" fmla="*/ 40 w 1450"/>
                <a:gd name="T35" fmla="*/ 17 h 908"/>
                <a:gd name="T36" fmla="*/ 37 w 1450"/>
                <a:gd name="T37" fmla="*/ 19 h 908"/>
                <a:gd name="T38" fmla="*/ 35 w 1450"/>
                <a:gd name="T39" fmla="*/ 21 h 908"/>
                <a:gd name="T40" fmla="*/ 32 w 1450"/>
                <a:gd name="T41" fmla="*/ 21 h 908"/>
                <a:gd name="T42" fmla="*/ 30 w 1450"/>
                <a:gd name="T43" fmla="*/ 20 h 908"/>
                <a:gd name="T44" fmla="*/ 28 w 1450"/>
                <a:gd name="T45" fmla="*/ 17 h 908"/>
                <a:gd name="T46" fmla="*/ 27 w 1450"/>
                <a:gd name="T47" fmla="*/ 14 h 908"/>
                <a:gd name="T48" fmla="*/ 28 w 1450"/>
                <a:gd name="T49" fmla="*/ 11 h 908"/>
                <a:gd name="T50" fmla="*/ 28 w 1450"/>
                <a:gd name="T51" fmla="*/ 10 h 908"/>
                <a:gd name="T52" fmla="*/ 25 w 1450"/>
                <a:gd name="T53" fmla="*/ 9 h 908"/>
                <a:gd name="T54" fmla="*/ 23 w 1450"/>
                <a:gd name="T55" fmla="*/ 6 h 908"/>
                <a:gd name="T56" fmla="*/ 20 w 1450"/>
                <a:gd name="T57" fmla="*/ 6 h 908"/>
                <a:gd name="T58" fmla="*/ 17 w 1450"/>
                <a:gd name="T59" fmla="*/ 3 h 908"/>
                <a:gd name="T60" fmla="*/ 14 w 1450"/>
                <a:gd name="T61" fmla="*/ 1 h 908"/>
                <a:gd name="T62" fmla="*/ 8 w 1450"/>
                <a:gd name="T63" fmla="*/ 1 h 908"/>
                <a:gd name="T64" fmla="*/ 3 w 1450"/>
                <a:gd name="T65" fmla="*/ 0 h 908"/>
                <a:gd name="T66" fmla="*/ 3 w 1450"/>
                <a:gd name="T67" fmla="*/ 4 h 908"/>
                <a:gd name="T68" fmla="*/ 6 w 1450"/>
                <a:gd name="T69" fmla="*/ 6 h 908"/>
                <a:gd name="T70" fmla="*/ 5 w 1450"/>
                <a:gd name="T71" fmla="*/ 8 h 908"/>
                <a:gd name="T72" fmla="*/ 5 w 1450"/>
                <a:gd name="T73" fmla="*/ 8 h 908"/>
                <a:gd name="T74" fmla="*/ 7 w 1450"/>
                <a:gd name="T75" fmla="*/ 9 h 908"/>
                <a:gd name="T76" fmla="*/ 8 w 1450"/>
                <a:gd name="T77" fmla="*/ 12 h 908"/>
                <a:gd name="T78" fmla="*/ 9 w 1450"/>
                <a:gd name="T79" fmla="*/ 12 h 908"/>
                <a:gd name="T80" fmla="*/ 12 w 1450"/>
                <a:gd name="T81" fmla="*/ 14 h 908"/>
                <a:gd name="T82" fmla="*/ 10 w 1450"/>
                <a:gd name="T83" fmla="*/ 13 h 908"/>
                <a:gd name="T84" fmla="*/ 10 w 1450"/>
                <a:gd name="T85" fmla="*/ 11 h 908"/>
                <a:gd name="T86" fmla="*/ 9 w 1450"/>
                <a:gd name="T87" fmla="*/ 10 h 908"/>
                <a:gd name="T88" fmla="*/ 7 w 1450"/>
                <a:gd name="T89" fmla="*/ 7 h 908"/>
                <a:gd name="T90" fmla="*/ 6 w 1450"/>
                <a:gd name="T91" fmla="*/ 5 h 908"/>
                <a:gd name="T92" fmla="*/ 5 w 1450"/>
                <a:gd name="T93" fmla="*/ 2 h 908"/>
                <a:gd name="T94" fmla="*/ 42 w 1450"/>
                <a:gd name="T95" fmla="*/ 18 h 908"/>
                <a:gd name="T96" fmla="*/ 8 w 1450"/>
                <a:gd name="T97" fmla="*/ 6 h 908"/>
                <a:gd name="T98" fmla="*/ 7 w 1450"/>
                <a:gd name="T99" fmla="*/ 6 h 908"/>
                <a:gd name="T100" fmla="*/ 4 w 1450"/>
                <a:gd name="T101" fmla="*/ 7 h 908"/>
                <a:gd name="T102" fmla="*/ 28 w 1450"/>
                <a:gd name="T103" fmla="*/ 11 h 908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w 1450"/>
                <a:gd name="T157" fmla="*/ 0 h 908"/>
                <a:gd name="T158" fmla="*/ 1450 w 1450"/>
                <a:gd name="T159" fmla="*/ 908 h 908"/>
              </a:gdLst>
              <a:ahLst/>
              <a:cxnLst>
                <a:cxn ang="T104">
                  <a:pos x="T0" y="T1"/>
                </a:cxn>
                <a:cxn ang="T105">
                  <a:pos x="T2" y="T3"/>
                </a:cxn>
                <a:cxn ang="T106">
                  <a:pos x="T4" y="T5"/>
                </a:cxn>
                <a:cxn ang="T107">
                  <a:pos x="T6" y="T7"/>
                </a:cxn>
                <a:cxn ang="T108">
                  <a:pos x="T8" y="T9"/>
                </a:cxn>
                <a:cxn ang="T109">
                  <a:pos x="T10" y="T11"/>
                </a:cxn>
                <a:cxn ang="T110">
                  <a:pos x="T12" y="T13"/>
                </a:cxn>
                <a:cxn ang="T111">
                  <a:pos x="T14" y="T15"/>
                </a:cxn>
                <a:cxn ang="T112">
                  <a:pos x="T16" y="T17"/>
                </a:cxn>
                <a:cxn ang="T113">
                  <a:pos x="T18" y="T19"/>
                </a:cxn>
                <a:cxn ang="T114">
                  <a:pos x="T20" y="T21"/>
                </a:cxn>
                <a:cxn ang="T115">
                  <a:pos x="T22" y="T23"/>
                </a:cxn>
                <a:cxn ang="T116">
                  <a:pos x="T24" y="T25"/>
                </a:cxn>
                <a:cxn ang="T117">
                  <a:pos x="T26" y="T27"/>
                </a:cxn>
                <a:cxn ang="T118">
                  <a:pos x="T28" y="T29"/>
                </a:cxn>
                <a:cxn ang="T119">
                  <a:pos x="T30" y="T31"/>
                </a:cxn>
                <a:cxn ang="T120">
                  <a:pos x="T32" y="T33"/>
                </a:cxn>
                <a:cxn ang="T121">
                  <a:pos x="T34" y="T35"/>
                </a:cxn>
                <a:cxn ang="T122">
                  <a:pos x="T36" y="T37"/>
                </a:cxn>
                <a:cxn ang="T123">
                  <a:pos x="T38" y="T39"/>
                </a:cxn>
                <a:cxn ang="T124">
                  <a:pos x="T40" y="T41"/>
                </a:cxn>
                <a:cxn ang="T125">
                  <a:pos x="T42" y="T43"/>
                </a:cxn>
                <a:cxn ang="T126">
                  <a:pos x="T44" y="T45"/>
                </a:cxn>
                <a:cxn ang="T127">
                  <a:pos x="T46" y="T47"/>
                </a:cxn>
                <a:cxn ang="T128">
                  <a:pos x="T48" y="T49"/>
                </a:cxn>
                <a:cxn ang="T129">
                  <a:pos x="T50" y="T51"/>
                </a:cxn>
                <a:cxn ang="T130">
                  <a:pos x="T52" y="T53"/>
                </a:cxn>
                <a:cxn ang="T131">
                  <a:pos x="T54" y="T55"/>
                </a:cxn>
                <a:cxn ang="T132">
                  <a:pos x="T56" y="T57"/>
                </a:cxn>
                <a:cxn ang="T133">
                  <a:pos x="T58" y="T59"/>
                </a:cxn>
                <a:cxn ang="T134">
                  <a:pos x="T60" y="T61"/>
                </a:cxn>
                <a:cxn ang="T135">
                  <a:pos x="T62" y="T63"/>
                </a:cxn>
                <a:cxn ang="T136">
                  <a:pos x="T64" y="T65"/>
                </a:cxn>
                <a:cxn ang="T137">
                  <a:pos x="T66" y="T67"/>
                </a:cxn>
                <a:cxn ang="T138">
                  <a:pos x="T68" y="T69"/>
                </a:cxn>
                <a:cxn ang="T139">
                  <a:pos x="T70" y="T71"/>
                </a:cxn>
                <a:cxn ang="T140">
                  <a:pos x="T72" y="T73"/>
                </a:cxn>
                <a:cxn ang="T141">
                  <a:pos x="T74" y="T75"/>
                </a:cxn>
                <a:cxn ang="T142">
                  <a:pos x="T76" y="T77"/>
                </a:cxn>
                <a:cxn ang="T143">
                  <a:pos x="T78" y="T79"/>
                </a:cxn>
                <a:cxn ang="T144">
                  <a:pos x="T80" y="T81"/>
                </a:cxn>
                <a:cxn ang="T145">
                  <a:pos x="T82" y="T83"/>
                </a:cxn>
                <a:cxn ang="T146">
                  <a:pos x="T84" y="T85"/>
                </a:cxn>
                <a:cxn ang="T147">
                  <a:pos x="T86" y="T87"/>
                </a:cxn>
                <a:cxn ang="T148">
                  <a:pos x="T88" y="T89"/>
                </a:cxn>
                <a:cxn ang="T149">
                  <a:pos x="T90" y="T91"/>
                </a:cxn>
                <a:cxn ang="T150">
                  <a:pos x="T92" y="T93"/>
                </a:cxn>
                <a:cxn ang="T151">
                  <a:pos x="T94" y="T95"/>
                </a:cxn>
                <a:cxn ang="T152">
                  <a:pos x="T96" y="T97"/>
                </a:cxn>
                <a:cxn ang="T153">
                  <a:pos x="T98" y="T99"/>
                </a:cxn>
                <a:cxn ang="T154">
                  <a:pos x="T100" y="T101"/>
                </a:cxn>
                <a:cxn ang="T155">
                  <a:pos x="T102" y="T103"/>
                </a:cxn>
              </a:cxnLst>
              <a:rect l="T156" t="T157" r="T158" b="T159"/>
              <a:pathLst>
                <a:path w="1450" h="908">
                  <a:moveTo>
                    <a:pt x="159" y="45"/>
                  </a:moveTo>
                  <a:lnTo>
                    <a:pt x="190" y="63"/>
                  </a:lnTo>
                  <a:lnTo>
                    <a:pt x="207" y="63"/>
                  </a:lnTo>
                  <a:lnTo>
                    <a:pt x="214" y="74"/>
                  </a:lnTo>
                  <a:lnTo>
                    <a:pt x="238" y="82"/>
                  </a:lnTo>
                  <a:lnTo>
                    <a:pt x="243" y="110"/>
                  </a:lnTo>
                  <a:lnTo>
                    <a:pt x="258" y="148"/>
                  </a:lnTo>
                  <a:lnTo>
                    <a:pt x="268" y="156"/>
                  </a:lnTo>
                  <a:lnTo>
                    <a:pt x="274" y="177"/>
                  </a:lnTo>
                  <a:lnTo>
                    <a:pt x="280" y="184"/>
                  </a:lnTo>
                  <a:lnTo>
                    <a:pt x="297" y="214"/>
                  </a:lnTo>
                  <a:lnTo>
                    <a:pt x="334" y="249"/>
                  </a:lnTo>
                  <a:lnTo>
                    <a:pt x="356" y="257"/>
                  </a:lnTo>
                  <a:lnTo>
                    <a:pt x="354" y="272"/>
                  </a:lnTo>
                  <a:lnTo>
                    <a:pt x="361" y="285"/>
                  </a:lnTo>
                  <a:lnTo>
                    <a:pt x="382" y="299"/>
                  </a:lnTo>
                  <a:lnTo>
                    <a:pt x="395" y="317"/>
                  </a:lnTo>
                  <a:lnTo>
                    <a:pt x="407" y="317"/>
                  </a:lnTo>
                  <a:lnTo>
                    <a:pt x="422" y="333"/>
                  </a:lnTo>
                  <a:lnTo>
                    <a:pt x="412" y="356"/>
                  </a:lnTo>
                  <a:lnTo>
                    <a:pt x="418" y="373"/>
                  </a:lnTo>
                  <a:lnTo>
                    <a:pt x="433" y="368"/>
                  </a:lnTo>
                  <a:lnTo>
                    <a:pt x="433" y="382"/>
                  </a:lnTo>
                  <a:lnTo>
                    <a:pt x="455" y="392"/>
                  </a:lnTo>
                  <a:lnTo>
                    <a:pt x="463" y="390"/>
                  </a:lnTo>
                  <a:lnTo>
                    <a:pt x="480" y="405"/>
                  </a:lnTo>
                  <a:lnTo>
                    <a:pt x="481" y="426"/>
                  </a:lnTo>
                  <a:lnTo>
                    <a:pt x="526" y="460"/>
                  </a:lnTo>
                  <a:lnTo>
                    <a:pt x="531" y="473"/>
                  </a:lnTo>
                  <a:lnTo>
                    <a:pt x="537" y="477"/>
                  </a:lnTo>
                  <a:lnTo>
                    <a:pt x="551" y="498"/>
                  </a:lnTo>
                  <a:lnTo>
                    <a:pt x="583" y="526"/>
                  </a:lnTo>
                  <a:lnTo>
                    <a:pt x="590" y="558"/>
                  </a:lnTo>
                  <a:lnTo>
                    <a:pt x="597" y="565"/>
                  </a:lnTo>
                  <a:lnTo>
                    <a:pt x="607" y="590"/>
                  </a:lnTo>
                  <a:lnTo>
                    <a:pt x="605" y="602"/>
                  </a:lnTo>
                  <a:lnTo>
                    <a:pt x="597" y="612"/>
                  </a:lnTo>
                  <a:lnTo>
                    <a:pt x="603" y="624"/>
                  </a:lnTo>
                  <a:lnTo>
                    <a:pt x="586" y="634"/>
                  </a:lnTo>
                  <a:lnTo>
                    <a:pt x="597" y="661"/>
                  </a:lnTo>
                  <a:lnTo>
                    <a:pt x="627" y="688"/>
                  </a:lnTo>
                  <a:lnTo>
                    <a:pt x="647" y="693"/>
                  </a:lnTo>
                  <a:lnTo>
                    <a:pt x="668" y="709"/>
                  </a:lnTo>
                  <a:lnTo>
                    <a:pt x="688" y="734"/>
                  </a:lnTo>
                  <a:lnTo>
                    <a:pt x="739" y="749"/>
                  </a:lnTo>
                  <a:lnTo>
                    <a:pt x="756" y="751"/>
                  </a:lnTo>
                  <a:lnTo>
                    <a:pt x="803" y="786"/>
                  </a:lnTo>
                  <a:lnTo>
                    <a:pt x="894" y="819"/>
                  </a:lnTo>
                  <a:lnTo>
                    <a:pt x="902" y="817"/>
                  </a:lnTo>
                  <a:lnTo>
                    <a:pt x="930" y="837"/>
                  </a:lnTo>
                  <a:lnTo>
                    <a:pt x="958" y="848"/>
                  </a:lnTo>
                  <a:lnTo>
                    <a:pt x="981" y="849"/>
                  </a:lnTo>
                  <a:lnTo>
                    <a:pt x="1004" y="859"/>
                  </a:lnTo>
                  <a:lnTo>
                    <a:pt x="1021" y="859"/>
                  </a:lnTo>
                  <a:lnTo>
                    <a:pt x="1071" y="832"/>
                  </a:lnTo>
                  <a:lnTo>
                    <a:pt x="1100" y="835"/>
                  </a:lnTo>
                  <a:lnTo>
                    <a:pt x="1139" y="852"/>
                  </a:lnTo>
                  <a:lnTo>
                    <a:pt x="1199" y="908"/>
                  </a:lnTo>
                  <a:lnTo>
                    <a:pt x="1205" y="890"/>
                  </a:lnTo>
                  <a:lnTo>
                    <a:pt x="1203" y="883"/>
                  </a:lnTo>
                  <a:lnTo>
                    <a:pt x="1232" y="835"/>
                  </a:lnTo>
                  <a:lnTo>
                    <a:pt x="1278" y="834"/>
                  </a:lnTo>
                  <a:lnTo>
                    <a:pt x="1279" y="822"/>
                  </a:lnTo>
                  <a:lnTo>
                    <a:pt x="1265" y="803"/>
                  </a:lnTo>
                  <a:lnTo>
                    <a:pt x="1230" y="775"/>
                  </a:lnTo>
                  <a:lnTo>
                    <a:pt x="1259" y="775"/>
                  </a:lnTo>
                  <a:lnTo>
                    <a:pt x="1259" y="751"/>
                  </a:lnTo>
                  <a:lnTo>
                    <a:pt x="1303" y="751"/>
                  </a:lnTo>
                  <a:lnTo>
                    <a:pt x="1338" y="751"/>
                  </a:lnTo>
                  <a:lnTo>
                    <a:pt x="1354" y="749"/>
                  </a:lnTo>
                  <a:lnTo>
                    <a:pt x="1367" y="726"/>
                  </a:lnTo>
                  <a:lnTo>
                    <a:pt x="1375" y="724"/>
                  </a:lnTo>
                  <a:lnTo>
                    <a:pt x="1386" y="705"/>
                  </a:lnTo>
                  <a:lnTo>
                    <a:pt x="1391" y="707"/>
                  </a:lnTo>
                  <a:lnTo>
                    <a:pt x="1389" y="721"/>
                  </a:lnTo>
                  <a:lnTo>
                    <a:pt x="1396" y="724"/>
                  </a:lnTo>
                  <a:lnTo>
                    <a:pt x="1396" y="744"/>
                  </a:lnTo>
                  <a:lnTo>
                    <a:pt x="1400" y="741"/>
                  </a:lnTo>
                  <a:lnTo>
                    <a:pt x="1414" y="684"/>
                  </a:lnTo>
                  <a:lnTo>
                    <a:pt x="1408" y="676"/>
                  </a:lnTo>
                  <a:lnTo>
                    <a:pt x="1414" y="671"/>
                  </a:lnTo>
                  <a:lnTo>
                    <a:pt x="1414" y="667"/>
                  </a:lnTo>
                  <a:lnTo>
                    <a:pt x="1408" y="662"/>
                  </a:lnTo>
                  <a:lnTo>
                    <a:pt x="1426" y="624"/>
                  </a:lnTo>
                  <a:lnTo>
                    <a:pt x="1443" y="607"/>
                  </a:lnTo>
                  <a:lnTo>
                    <a:pt x="1447" y="590"/>
                  </a:lnTo>
                  <a:lnTo>
                    <a:pt x="1440" y="573"/>
                  </a:lnTo>
                  <a:lnTo>
                    <a:pt x="1414" y="569"/>
                  </a:lnTo>
                  <a:lnTo>
                    <a:pt x="1403" y="580"/>
                  </a:lnTo>
                  <a:lnTo>
                    <a:pt x="1403" y="569"/>
                  </a:lnTo>
                  <a:lnTo>
                    <a:pt x="1389" y="566"/>
                  </a:lnTo>
                  <a:lnTo>
                    <a:pt x="1352" y="578"/>
                  </a:lnTo>
                  <a:lnTo>
                    <a:pt x="1312" y="582"/>
                  </a:lnTo>
                  <a:lnTo>
                    <a:pt x="1284" y="594"/>
                  </a:lnTo>
                  <a:lnTo>
                    <a:pt x="1276" y="644"/>
                  </a:lnTo>
                  <a:lnTo>
                    <a:pt x="1262" y="681"/>
                  </a:lnTo>
                  <a:lnTo>
                    <a:pt x="1241" y="696"/>
                  </a:lnTo>
                  <a:lnTo>
                    <a:pt x="1242" y="712"/>
                  </a:lnTo>
                  <a:lnTo>
                    <a:pt x="1227" y="721"/>
                  </a:lnTo>
                  <a:lnTo>
                    <a:pt x="1215" y="721"/>
                  </a:lnTo>
                  <a:lnTo>
                    <a:pt x="1211" y="712"/>
                  </a:lnTo>
                  <a:lnTo>
                    <a:pt x="1190" y="710"/>
                  </a:lnTo>
                  <a:lnTo>
                    <a:pt x="1186" y="712"/>
                  </a:lnTo>
                  <a:lnTo>
                    <a:pt x="1165" y="721"/>
                  </a:lnTo>
                  <a:lnTo>
                    <a:pt x="1125" y="726"/>
                  </a:lnTo>
                  <a:lnTo>
                    <a:pt x="1106" y="735"/>
                  </a:lnTo>
                  <a:lnTo>
                    <a:pt x="1094" y="735"/>
                  </a:lnTo>
                  <a:lnTo>
                    <a:pt x="1071" y="713"/>
                  </a:lnTo>
                  <a:lnTo>
                    <a:pt x="1057" y="713"/>
                  </a:lnTo>
                  <a:lnTo>
                    <a:pt x="1037" y="704"/>
                  </a:lnTo>
                  <a:lnTo>
                    <a:pt x="1018" y="687"/>
                  </a:lnTo>
                  <a:lnTo>
                    <a:pt x="1004" y="650"/>
                  </a:lnTo>
                  <a:lnTo>
                    <a:pt x="981" y="622"/>
                  </a:lnTo>
                  <a:lnTo>
                    <a:pt x="969" y="602"/>
                  </a:lnTo>
                  <a:lnTo>
                    <a:pt x="966" y="594"/>
                  </a:lnTo>
                  <a:lnTo>
                    <a:pt x="971" y="583"/>
                  </a:lnTo>
                  <a:lnTo>
                    <a:pt x="969" y="574"/>
                  </a:lnTo>
                  <a:lnTo>
                    <a:pt x="954" y="558"/>
                  </a:lnTo>
                  <a:lnTo>
                    <a:pt x="947" y="541"/>
                  </a:lnTo>
                  <a:lnTo>
                    <a:pt x="950" y="481"/>
                  </a:lnTo>
                  <a:lnTo>
                    <a:pt x="942" y="418"/>
                  </a:lnTo>
                  <a:lnTo>
                    <a:pt x="953" y="402"/>
                  </a:lnTo>
                  <a:lnTo>
                    <a:pt x="954" y="385"/>
                  </a:lnTo>
                  <a:lnTo>
                    <a:pt x="969" y="384"/>
                  </a:lnTo>
                  <a:lnTo>
                    <a:pt x="975" y="376"/>
                  </a:lnTo>
                  <a:lnTo>
                    <a:pt x="978" y="363"/>
                  </a:lnTo>
                  <a:lnTo>
                    <a:pt x="969" y="371"/>
                  </a:lnTo>
                  <a:lnTo>
                    <a:pt x="975" y="356"/>
                  </a:lnTo>
                  <a:lnTo>
                    <a:pt x="976" y="354"/>
                  </a:lnTo>
                  <a:lnTo>
                    <a:pt x="961" y="356"/>
                  </a:lnTo>
                  <a:lnTo>
                    <a:pt x="945" y="348"/>
                  </a:lnTo>
                  <a:lnTo>
                    <a:pt x="922" y="346"/>
                  </a:lnTo>
                  <a:lnTo>
                    <a:pt x="899" y="337"/>
                  </a:lnTo>
                  <a:lnTo>
                    <a:pt x="885" y="329"/>
                  </a:lnTo>
                  <a:lnTo>
                    <a:pt x="869" y="308"/>
                  </a:lnTo>
                  <a:lnTo>
                    <a:pt x="857" y="266"/>
                  </a:lnTo>
                  <a:lnTo>
                    <a:pt x="842" y="257"/>
                  </a:lnTo>
                  <a:lnTo>
                    <a:pt x="835" y="241"/>
                  </a:lnTo>
                  <a:lnTo>
                    <a:pt x="822" y="228"/>
                  </a:lnTo>
                  <a:lnTo>
                    <a:pt x="805" y="189"/>
                  </a:lnTo>
                  <a:lnTo>
                    <a:pt x="778" y="160"/>
                  </a:lnTo>
                  <a:lnTo>
                    <a:pt x="769" y="152"/>
                  </a:lnTo>
                  <a:lnTo>
                    <a:pt x="724" y="150"/>
                  </a:lnTo>
                  <a:lnTo>
                    <a:pt x="713" y="155"/>
                  </a:lnTo>
                  <a:lnTo>
                    <a:pt x="692" y="198"/>
                  </a:lnTo>
                  <a:lnTo>
                    <a:pt x="673" y="192"/>
                  </a:lnTo>
                  <a:lnTo>
                    <a:pt x="636" y="167"/>
                  </a:lnTo>
                  <a:lnTo>
                    <a:pt x="624" y="150"/>
                  </a:lnTo>
                  <a:lnTo>
                    <a:pt x="611" y="108"/>
                  </a:lnTo>
                  <a:lnTo>
                    <a:pt x="586" y="93"/>
                  </a:lnTo>
                  <a:lnTo>
                    <a:pt x="563" y="67"/>
                  </a:lnTo>
                  <a:lnTo>
                    <a:pt x="552" y="62"/>
                  </a:lnTo>
                  <a:lnTo>
                    <a:pt x="548" y="51"/>
                  </a:lnTo>
                  <a:lnTo>
                    <a:pt x="534" y="45"/>
                  </a:lnTo>
                  <a:lnTo>
                    <a:pt x="498" y="45"/>
                  </a:lnTo>
                  <a:lnTo>
                    <a:pt x="459" y="45"/>
                  </a:lnTo>
                  <a:lnTo>
                    <a:pt x="458" y="70"/>
                  </a:lnTo>
                  <a:lnTo>
                    <a:pt x="382" y="70"/>
                  </a:lnTo>
                  <a:lnTo>
                    <a:pt x="334" y="70"/>
                  </a:lnTo>
                  <a:lnTo>
                    <a:pt x="268" y="45"/>
                  </a:lnTo>
                  <a:lnTo>
                    <a:pt x="202" y="21"/>
                  </a:lnTo>
                  <a:lnTo>
                    <a:pt x="158" y="4"/>
                  </a:lnTo>
                  <a:lnTo>
                    <a:pt x="158" y="0"/>
                  </a:lnTo>
                  <a:lnTo>
                    <a:pt x="126" y="3"/>
                  </a:lnTo>
                  <a:lnTo>
                    <a:pt x="92" y="6"/>
                  </a:lnTo>
                  <a:lnTo>
                    <a:pt x="53" y="8"/>
                  </a:lnTo>
                  <a:lnTo>
                    <a:pt x="79" y="46"/>
                  </a:lnTo>
                  <a:lnTo>
                    <a:pt x="79" y="60"/>
                  </a:lnTo>
                  <a:lnTo>
                    <a:pt x="102" y="99"/>
                  </a:lnTo>
                  <a:lnTo>
                    <a:pt x="109" y="124"/>
                  </a:lnTo>
                  <a:lnTo>
                    <a:pt x="114" y="122"/>
                  </a:lnTo>
                  <a:lnTo>
                    <a:pt x="122" y="156"/>
                  </a:lnTo>
                  <a:lnTo>
                    <a:pt x="148" y="175"/>
                  </a:lnTo>
                  <a:lnTo>
                    <a:pt x="155" y="175"/>
                  </a:lnTo>
                  <a:lnTo>
                    <a:pt x="197" y="224"/>
                  </a:lnTo>
                  <a:lnTo>
                    <a:pt x="198" y="248"/>
                  </a:lnTo>
                  <a:lnTo>
                    <a:pt x="192" y="252"/>
                  </a:lnTo>
                  <a:lnTo>
                    <a:pt x="193" y="260"/>
                  </a:lnTo>
                  <a:lnTo>
                    <a:pt x="187" y="257"/>
                  </a:lnTo>
                  <a:lnTo>
                    <a:pt x="173" y="261"/>
                  </a:lnTo>
                  <a:lnTo>
                    <a:pt x="155" y="260"/>
                  </a:lnTo>
                  <a:lnTo>
                    <a:pt x="155" y="265"/>
                  </a:lnTo>
                  <a:lnTo>
                    <a:pt x="159" y="265"/>
                  </a:lnTo>
                  <a:lnTo>
                    <a:pt x="176" y="275"/>
                  </a:lnTo>
                  <a:lnTo>
                    <a:pt x="181" y="289"/>
                  </a:lnTo>
                  <a:lnTo>
                    <a:pt x="197" y="294"/>
                  </a:lnTo>
                  <a:lnTo>
                    <a:pt x="221" y="312"/>
                  </a:lnTo>
                  <a:lnTo>
                    <a:pt x="231" y="314"/>
                  </a:lnTo>
                  <a:lnTo>
                    <a:pt x="241" y="303"/>
                  </a:lnTo>
                  <a:lnTo>
                    <a:pt x="244" y="319"/>
                  </a:lnTo>
                  <a:lnTo>
                    <a:pt x="254" y="333"/>
                  </a:lnTo>
                  <a:lnTo>
                    <a:pt x="275" y="342"/>
                  </a:lnTo>
                  <a:lnTo>
                    <a:pt x="286" y="365"/>
                  </a:lnTo>
                  <a:lnTo>
                    <a:pt x="288" y="390"/>
                  </a:lnTo>
                  <a:lnTo>
                    <a:pt x="282" y="416"/>
                  </a:lnTo>
                  <a:lnTo>
                    <a:pt x="286" y="410"/>
                  </a:lnTo>
                  <a:lnTo>
                    <a:pt x="288" y="416"/>
                  </a:lnTo>
                  <a:lnTo>
                    <a:pt x="299" y="418"/>
                  </a:lnTo>
                  <a:lnTo>
                    <a:pt x="302" y="426"/>
                  </a:lnTo>
                  <a:lnTo>
                    <a:pt x="311" y="427"/>
                  </a:lnTo>
                  <a:lnTo>
                    <a:pt x="319" y="439"/>
                  </a:lnTo>
                  <a:lnTo>
                    <a:pt x="363" y="472"/>
                  </a:lnTo>
                  <a:lnTo>
                    <a:pt x="373" y="481"/>
                  </a:lnTo>
                  <a:lnTo>
                    <a:pt x="385" y="509"/>
                  </a:lnTo>
                  <a:lnTo>
                    <a:pt x="405" y="495"/>
                  </a:lnTo>
                  <a:lnTo>
                    <a:pt x="410" y="483"/>
                  </a:lnTo>
                  <a:lnTo>
                    <a:pt x="407" y="477"/>
                  </a:lnTo>
                  <a:lnTo>
                    <a:pt x="393" y="455"/>
                  </a:lnTo>
                  <a:lnTo>
                    <a:pt x="375" y="439"/>
                  </a:lnTo>
                  <a:lnTo>
                    <a:pt x="367" y="446"/>
                  </a:lnTo>
                  <a:lnTo>
                    <a:pt x="358" y="439"/>
                  </a:lnTo>
                  <a:lnTo>
                    <a:pt x="351" y="424"/>
                  </a:lnTo>
                  <a:lnTo>
                    <a:pt x="351" y="410"/>
                  </a:lnTo>
                  <a:lnTo>
                    <a:pt x="341" y="393"/>
                  </a:lnTo>
                  <a:lnTo>
                    <a:pt x="341" y="379"/>
                  </a:lnTo>
                  <a:lnTo>
                    <a:pt x="325" y="363"/>
                  </a:lnTo>
                  <a:lnTo>
                    <a:pt x="322" y="339"/>
                  </a:lnTo>
                  <a:lnTo>
                    <a:pt x="312" y="317"/>
                  </a:lnTo>
                  <a:lnTo>
                    <a:pt x="300" y="311"/>
                  </a:lnTo>
                  <a:lnTo>
                    <a:pt x="305" y="325"/>
                  </a:lnTo>
                  <a:lnTo>
                    <a:pt x="299" y="319"/>
                  </a:lnTo>
                  <a:lnTo>
                    <a:pt x="294" y="300"/>
                  </a:lnTo>
                  <a:lnTo>
                    <a:pt x="283" y="292"/>
                  </a:lnTo>
                  <a:lnTo>
                    <a:pt x="278" y="275"/>
                  </a:lnTo>
                  <a:lnTo>
                    <a:pt x="261" y="258"/>
                  </a:lnTo>
                  <a:lnTo>
                    <a:pt x="254" y="229"/>
                  </a:lnTo>
                  <a:lnTo>
                    <a:pt x="246" y="224"/>
                  </a:lnTo>
                  <a:lnTo>
                    <a:pt x="238" y="206"/>
                  </a:lnTo>
                  <a:lnTo>
                    <a:pt x="226" y="203"/>
                  </a:lnTo>
                  <a:lnTo>
                    <a:pt x="217" y="182"/>
                  </a:lnTo>
                  <a:lnTo>
                    <a:pt x="192" y="158"/>
                  </a:lnTo>
                  <a:lnTo>
                    <a:pt x="185" y="158"/>
                  </a:lnTo>
                  <a:lnTo>
                    <a:pt x="173" y="136"/>
                  </a:lnTo>
                  <a:lnTo>
                    <a:pt x="168" y="96"/>
                  </a:lnTo>
                  <a:lnTo>
                    <a:pt x="163" y="84"/>
                  </a:lnTo>
                  <a:lnTo>
                    <a:pt x="159" y="45"/>
                  </a:lnTo>
                  <a:close/>
                  <a:moveTo>
                    <a:pt x="1450" y="619"/>
                  </a:moveTo>
                  <a:lnTo>
                    <a:pt x="1443" y="620"/>
                  </a:lnTo>
                  <a:lnTo>
                    <a:pt x="1439" y="633"/>
                  </a:lnTo>
                  <a:lnTo>
                    <a:pt x="1450" y="619"/>
                  </a:lnTo>
                  <a:close/>
                  <a:moveTo>
                    <a:pt x="269" y="195"/>
                  </a:moveTo>
                  <a:lnTo>
                    <a:pt x="271" y="187"/>
                  </a:lnTo>
                  <a:lnTo>
                    <a:pt x="277" y="189"/>
                  </a:lnTo>
                  <a:lnTo>
                    <a:pt x="280" y="209"/>
                  </a:lnTo>
                  <a:lnTo>
                    <a:pt x="269" y="207"/>
                  </a:lnTo>
                  <a:lnTo>
                    <a:pt x="269" y="195"/>
                  </a:lnTo>
                  <a:close/>
                  <a:moveTo>
                    <a:pt x="241" y="198"/>
                  </a:moveTo>
                  <a:lnTo>
                    <a:pt x="238" y="198"/>
                  </a:lnTo>
                  <a:lnTo>
                    <a:pt x="221" y="170"/>
                  </a:lnTo>
                  <a:lnTo>
                    <a:pt x="241" y="198"/>
                  </a:lnTo>
                  <a:close/>
                  <a:moveTo>
                    <a:pt x="0" y="198"/>
                  </a:moveTo>
                  <a:lnTo>
                    <a:pt x="2" y="190"/>
                  </a:lnTo>
                  <a:lnTo>
                    <a:pt x="3" y="206"/>
                  </a:lnTo>
                  <a:lnTo>
                    <a:pt x="0" y="198"/>
                  </a:lnTo>
                  <a:close/>
                  <a:moveTo>
                    <a:pt x="144" y="248"/>
                  </a:moveTo>
                  <a:lnTo>
                    <a:pt x="139" y="243"/>
                  </a:lnTo>
                  <a:lnTo>
                    <a:pt x="146" y="231"/>
                  </a:lnTo>
                  <a:lnTo>
                    <a:pt x="144" y="248"/>
                  </a:lnTo>
                  <a:close/>
                  <a:moveTo>
                    <a:pt x="964" y="387"/>
                  </a:moveTo>
                  <a:lnTo>
                    <a:pt x="967" y="396"/>
                  </a:lnTo>
                  <a:lnTo>
                    <a:pt x="962" y="401"/>
                  </a:lnTo>
                  <a:lnTo>
                    <a:pt x="961" y="393"/>
                  </a:lnTo>
                  <a:lnTo>
                    <a:pt x="964" y="38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91" name="Freeform 230"/>
            <p:cNvSpPr>
              <a:spLocks noChangeAspect="1"/>
            </p:cNvSpPr>
            <p:nvPr/>
          </p:nvSpPr>
          <p:spPr bwMode="gray">
            <a:xfrm>
              <a:off x="3205163" y="4146551"/>
              <a:ext cx="125413" cy="139700"/>
            </a:xfrm>
            <a:custGeom>
              <a:avLst/>
              <a:gdLst>
                <a:gd name="T0" fmla="*/ 7 w 260"/>
                <a:gd name="T1" fmla="*/ 2 h 289"/>
                <a:gd name="T2" fmla="*/ 6 w 260"/>
                <a:gd name="T3" fmla="*/ 1 h 289"/>
                <a:gd name="T4" fmla="*/ 6 w 260"/>
                <a:gd name="T5" fmla="*/ 2 h 289"/>
                <a:gd name="T6" fmla="*/ 5 w 260"/>
                <a:gd name="T7" fmla="*/ 2 h 289"/>
                <a:gd name="T8" fmla="*/ 4 w 260"/>
                <a:gd name="T9" fmla="*/ 1 h 289"/>
                <a:gd name="T10" fmla="*/ 4 w 260"/>
                <a:gd name="T11" fmla="*/ 1 h 289"/>
                <a:gd name="T12" fmla="*/ 3 w 260"/>
                <a:gd name="T13" fmla="*/ 1 h 289"/>
                <a:gd name="T14" fmla="*/ 2 w 260"/>
                <a:gd name="T15" fmla="*/ 0 h 289"/>
                <a:gd name="T16" fmla="*/ 2 w 260"/>
                <a:gd name="T17" fmla="*/ 1 h 289"/>
                <a:gd name="T18" fmla="*/ 1 w 260"/>
                <a:gd name="T19" fmla="*/ 1 h 289"/>
                <a:gd name="T20" fmla="*/ 1 w 260"/>
                <a:gd name="T21" fmla="*/ 1 h 289"/>
                <a:gd name="T22" fmla="*/ 1 w 260"/>
                <a:gd name="T23" fmla="*/ 2 h 289"/>
                <a:gd name="T24" fmla="*/ 1 w 260"/>
                <a:gd name="T25" fmla="*/ 2 h 289"/>
                <a:gd name="T26" fmla="*/ 1 w 260"/>
                <a:gd name="T27" fmla="*/ 3 h 289"/>
                <a:gd name="T28" fmla="*/ 0 w 260"/>
                <a:gd name="T29" fmla="*/ 3 h 289"/>
                <a:gd name="T30" fmla="*/ 0 w 260"/>
                <a:gd name="T31" fmla="*/ 5 h 289"/>
                <a:gd name="T32" fmla="*/ 1 w 260"/>
                <a:gd name="T33" fmla="*/ 5 h 289"/>
                <a:gd name="T34" fmla="*/ 1 w 260"/>
                <a:gd name="T35" fmla="*/ 5 h 289"/>
                <a:gd name="T36" fmla="*/ 1 w 260"/>
                <a:gd name="T37" fmla="*/ 5 h 289"/>
                <a:gd name="T38" fmla="*/ 1 w 260"/>
                <a:gd name="T39" fmla="*/ 6 h 289"/>
                <a:gd name="T40" fmla="*/ 1 w 260"/>
                <a:gd name="T41" fmla="*/ 6 h 289"/>
                <a:gd name="T42" fmla="*/ 1 w 260"/>
                <a:gd name="T43" fmla="*/ 7 h 289"/>
                <a:gd name="T44" fmla="*/ 0 w 260"/>
                <a:gd name="T45" fmla="*/ 7 h 289"/>
                <a:gd name="T46" fmla="*/ 1 w 260"/>
                <a:gd name="T47" fmla="*/ 8 h 289"/>
                <a:gd name="T48" fmla="*/ 1 w 260"/>
                <a:gd name="T49" fmla="*/ 8 h 289"/>
                <a:gd name="T50" fmla="*/ 1 w 260"/>
                <a:gd name="T51" fmla="*/ 8 h 289"/>
                <a:gd name="T52" fmla="*/ 2 w 260"/>
                <a:gd name="T53" fmla="*/ 8 h 289"/>
                <a:gd name="T54" fmla="*/ 2 w 260"/>
                <a:gd name="T55" fmla="*/ 8 h 289"/>
                <a:gd name="T56" fmla="*/ 2 w 260"/>
                <a:gd name="T57" fmla="*/ 8 h 289"/>
                <a:gd name="T58" fmla="*/ 3 w 260"/>
                <a:gd name="T59" fmla="*/ 8 h 289"/>
                <a:gd name="T60" fmla="*/ 3 w 260"/>
                <a:gd name="T61" fmla="*/ 7 h 289"/>
                <a:gd name="T62" fmla="*/ 3 w 260"/>
                <a:gd name="T63" fmla="*/ 6 h 289"/>
                <a:gd name="T64" fmla="*/ 3 w 260"/>
                <a:gd name="T65" fmla="*/ 6 h 289"/>
                <a:gd name="T66" fmla="*/ 4 w 260"/>
                <a:gd name="T67" fmla="*/ 6 h 289"/>
                <a:gd name="T68" fmla="*/ 5 w 260"/>
                <a:gd name="T69" fmla="*/ 5 h 289"/>
                <a:gd name="T70" fmla="*/ 7 w 260"/>
                <a:gd name="T71" fmla="*/ 4 h 289"/>
                <a:gd name="T72" fmla="*/ 7 w 260"/>
                <a:gd name="T73" fmla="*/ 3 h 289"/>
                <a:gd name="T74" fmla="*/ 7 w 260"/>
                <a:gd name="T75" fmla="*/ 3 h 289"/>
                <a:gd name="T76" fmla="*/ 7 w 260"/>
                <a:gd name="T77" fmla="*/ 2 h 289"/>
                <a:gd name="T78" fmla="*/ 7 w 260"/>
                <a:gd name="T79" fmla="*/ 2 h 289"/>
                <a:gd name="T80" fmla="*/ 7 w 260"/>
                <a:gd name="T81" fmla="*/ 2 h 289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w 260"/>
                <a:gd name="T124" fmla="*/ 0 h 289"/>
                <a:gd name="T125" fmla="*/ 260 w 260"/>
                <a:gd name="T126" fmla="*/ 289 h 289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T123" t="T124" r="T125" b="T126"/>
              <a:pathLst>
                <a:path w="260" h="289">
                  <a:moveTo>
                    <a:pt x="254" y="66"/>
                  </a:moveTo>
                  <a:lnTo>
                    <a:pt x="220" y="46"/>
                  </a:lnTo>
                  <a:lnTo>
                    <a:pt x="209" y="52"/>
                  </a:lnTo>
                  <a:lnTo>
                    <a:pt x="164" y="52"/>
                  </a:lnTo>
                  <a:lnTo>
                    <a:pt x="156" y="37"/>
                  </a:lnTo>
                  <a:lnTo>
                    <a:pt x="147" y="29"/>
                  </a:lnTo>
                  <a:lnTo>
                    <a:pt x="119" y="15"/>
                  </a:lnTo>
                  <a:lnTo>
                    <a:pt x="89" y="0"/>
                  </a:lnTo>
                  <a:lnTo>
                    <a:pt x="56" y="23"/>
                  </a:lnTo>
                  <a:lnTo>
                    <a:pt x="37" y="23"/>
                  </a:lnTo>
                  <a:lnTo>
                    <a:pt x="34" y="29"/>
                  </a:lnTo>
                  <a:lnTo>
                    <a:pt x="35" y="55"/>
                  </a:lnTo>
                  <a:lnTo>
                    <a:pt x="22" y="76"/>
                  </a:lnTo>
                  <a:lnTo>
                    <a:pt x="18" y="94"/>
                  </a:lnTo>
                  <a:lnTo>
                    <a:pt x="0" y="110"/>
                  </a:lnTo>
                  <a:lnTo>
                    <a:pt x="0" y="167"/>
                  </a:lnTo>
                  <a:lnTo>
                    <a:pt x="23" y="182"/>
                  </a:lnTo>
                  <a:lnTo>
                    <a:pt x="42" y="162"/>
                  </a:lnTo>
                  <a:lnTo>
                    <a:pt x="47" y="181"/>
                  </a:lnTo>
                  <a:lnTo>
                    <a:pt x="42" y="204"/>
                  </a:lnTo>
                  <a:lnTo>
                    <a:pt x="20" y="219"/>
                  </a:lnTo>
                  <a:lnTo>
                    <a:pt x="25" y="240"/>
                  </a:lnTo>
                  <a:lnTo>
                    <a:pt x="9" y="250"/>
                  </a:lnTo>
                  <a:lnTo>
                    <a:pt x="15" y="270"/>
                  </a:lnTo>
                  <a:lnTo>
                    <a:pt x="34" y="266"/>
                  </a:lnTo>
                  <a:lnTo>
                    <a:pt x="40" y="270"/>
                  </a:lnTo>
                  <a:lnTo>
                    <a:pt x="54" y="270"/>
                  </a:lnTo>
                  <a:lnTo>
                    <a:pt x="64" y="289"/>
                  </a:lnTo>
                  <a:lnTo>
                    <a:pt x="79" y="287"/>
                  </a:lnTo>
                  <a:lnTo>
                    <a:pt x="94" y="275"/>
                  </a:lnTo>
                  <a:lnTo>
                    <a:pt x="99" y="242"/>
                  </a:lnTo>
                  <a:lnTo>
                    <a:pt x="111" y="224"/>
                  </a:lnTo>
                  <a:lnTo>
                    <a:pt x="122" y="225"/>
                  </a:lnTo>
                  <a:lnTo>
                    <a:pt x="128" y="207"/>
                  </a:lnTo>
                  <a:lnTo>
                    <a:pt x="193" y="181"/>
                  </a:lnTo>
                  <a:lnTo>
                    <a:pt x="233" y="140"/>
                  </a:lnTo>
                  <a:lnTo>
                    <a:pt x="252" y="106"/>
                  </a:lnTo>
                  <a:lnTo>
                    <a:pt x="260" y="106"/>
                  </a:lnTo>
                  <a:lnTo>
                    <a:pt x="241" y="74"/>
                  </a:lnTo>
                  <a:lnTo>
                    <a:pt x="243" y="68"/>
                  </a:lnTo>
                  <a:lnTo>
                    <a:pt x="254" y="6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92" name="Freeform 231"/>
            <p:cNvSpPr>
              <a:spLocks noChangeAspect="1"/>
            </p:cNvSpPr>
            <p:nvPr/>
          </p:nvSpPr>
          <p:spPr bwMode="gray">
            <a:xfrm>
              <a:off x="3244850" y="3897313"/>
              <a:ext cx="273050" cy="371475"/>
            </a:xfrm>
            <a:custGeom>
              <a:avLst/>
              <a:gdLst>
                <a:gd name="T0" fmla="*/ 12 w 559"/>
                <a:gd name="T1" fmla="*/ 21 h 763"/>
                <a:gd name="T2" fmla="*/ 12 w 559"/>
                <a:gd name="T3" fmla="*/ 22 h 763"/>
                <a:gd name="T4" fmla="*/ 11 w 559"/>
                <a:gd name="T5" fmla="*/ 21 h 763"/>
                <a:gd name="T6" fmla="*/ 12 w 559"/>
                <a:gd name="T7" fmla="*/ 20 h 763"/>
                <a:gd name="T8" fmla="*/ 10 w 559"/>
                <a:gd name="T9" fmla="*/ 20 h 763"/>
                <a:gd name="T10" fmla="*/ 9 w 559"/>
                <a:gd name="T11" fmla="*/ 20 h 763"/>
                <a:gd name="T12" fmla="*/ 8 w 559"/>
                <a:gd name="T13" fmla="*/ 19 h 763"/>
                <a:gd name="T14" fmla="*/ 7 w 559"/>
                <a:gd name="T15" fmla="*/ 19 h 763"/>
                <a:gd name="T16" fmla="*/ 6 w 559"/>
                <a:gd name="T17" fmla="*/ 18 h 763"/>
                <a:gd name="T18" fmla="*/ 6 w 559"/>
                <a:gd name="T19" fmla="*/ 17 h 763"/>
                <a:gd name="T20" fmla="*/ 4 w 559"/>
                <a:gd name="T21" fmla="*/ 16 h 763"/>
                <a:gd name="T22" fmla="*/ 2 w 559"/>
                <a:gd name="T23" fmla="*/ 16 h 763"/>
                <a:gd name="T24" fmla="*/ 2 w 559"/>
                <a:gd name="T25" fmla="*/ 16 h 763"/>
                <a:gd name="T26" fmla="*/ 0 w 559"/>
                <a:gd name="T27" fmla="*/ 15 h 763"/>
                <a:gd name="T28" fmla="*/ 0 w 559"/>
                <a:gd name="T29" fmla="*/ 14 h 763"/>
                <a:gd name="T30" fmla="*/ 1 w 559"/>
                <a:gd name="T31" fmla="*/ 13 h 763"/>
                <a:gd name="T32" fmla="*/ 2 w 559"/>
                <a:gd name="T33" fmla="*/ 12 h 763"/>
                <a:gd name="T34" fmla="*/ 3 w 559"/>
                <a:gd name="T35" fmla="*/ 11 h 763"/>
                <a:gd name="T36" fmla="*/ 2 w 559"/>
                <a:gd name="T37" fmla="*/ 11 h 763"/>
                <a:gd name="T38" fmla="*/ 2 w 559"/>
                <a:gd name="T39" fmla="*/ 9 h 763"/>
                <a:gd name="T40" fmla="*/ 2 w 559"/>
                <a:gd name="T41" fmla="*/ 8 h 763"/>
                <a:gd name="T42" fmla="*/ 2 w 559"/>
                <a:gd name="T43" fmla="*/ 7 h 763"/>
                <a:gd name="T44" fmla="*/ 2 w 559"/>
                <a:gd name="T45" fmla="*/ 6 h 763"/>
                <a:gd name="T46" fmla="*/ 2 w 559"/>
                <a:gd name="T47" fmla="*/ 5 h 763"/>
                <a:gd name="T48" fmla="*/ 3 w 559"/>
                <a:gd name="T49" fmla="*/ 6 h 763"/>
                <a:gd name="T50" fmla="*/ 3 w 559"/>
                <a:gd name="T51" fmla="*/ 5 h 763"/>
                <a:gd name="T52" fmla="*/ 4 w 559"/>
                <a:gd name="T53" fmla="*/ 4 h 763"/>
                <a:gd name="T54" fmla="*/ 5 w 559"/>
                <a:gd name="T55" fmla="*/ 2 h 763"/>
                <a:gd name="T56" fmla="*/ 6 w 559"/>
                <a:gd name="T57" fmla="*/ 2 h 763"/>
                <a:gd name="T58" fmla="*/ 6 w 559"/>
                <a:gd name="T59" fmla="*/ 2 h 763"/>
                <a:gd name="T60" fmla="*/ 8 w 559"/>
                <a:gd name="T61" fmla="*/ 1 h 763"/>
                <a:gd name="T62" fmla="*/ 9 w 559"/>
                <a:gd name="T63" fmla="*/ 0 h 763"/>
                <a:gd name="T64" fmla="*/ 10 w 559"/>
                <a:gd name="T65" fmla="*/ 0 h 763"/>
                <a:gd name="T66" fmla="*/ 10 w 559"/>
                <a:gd name="T67" fmla="*/ 0 h 763"/>
                <a:gd name="T68" fmla="*/ 10 w 559"/>
                <a:gd name="T69" fmla="*/ 1 h 763"/>
                <a:gd name="T70" fmla="*/ 9 w 559"/>
                <a:gd name="T71" fmla="*/ 2 h 763"/>
                <a:gd name="T72" fmla="*/ 8 w 559"/>
                <a:gd name="T73" fmla="*/ 4 h 763"/>
                <a:gd name="T74" fmla="*/ 8 w 559"/>
                <a:gd name="T75" fmla="*/ 4 h 763"/>
                <a:gd name="T76" fmla="*/ 9 w 559"/>
                <a:gd name="T77" fmla="*/ 6 h 763"/>
                <a:gd name="T78" fmla="*/ 10 w 559"/>
                <a:gd name="T79" fmla="*/ 7 h 763"/>
                <a:gd name="T80" fmla="*/ 11 w 559"/>
                <a:gd name="T81" fmla="*/ 7 h 763"/>
                <a:gd name="T82" fmla="*/ 13 w 559"/>
                <a:gd name="T83" fmla="*/ 9 h 763"/>
                <a:gd name="T84" fmla="*/ 14 w 559"/>
                <a:gd name="T85" fmla="*/ 9 h 763"/>
                <a:gd name="T86" fmla="*/ 15 w 559"/>
                <a:gd name="T87" fmla="*/ 8 h 763"/>
                <a:gd name="T88" fmla="*/ 15 w 559"/>
                <a:gd name="T89" fmla="*/ 10 h 763"/>
                <a:gd name="T90" fmla="*/ 15 w 559"/>
                <a:gd name="T91" fmla="*/ 11 h 763"/>
                <a:gd name="T92" fmla="*/ 16 w 559"/>
                <a:gd name="T93" fmla="*/ 12 h 763"/>
                <a:gd name="T94" fmla="*/ 16 w 559"/>
                <a:gd name="T95" fmla="*/ 13 h 763"/>
                <a:gd name="T96" fmla="*/ 16 w 559"/>
                <a:gd name="T97" fmla="*/ 15 h 763"/>
                <a:gd name="T98" fmla="*/ 15 w 559"/>
                <a:gd name="T99" fmla="*/ 14 h 763"/>
                <a:gd name="T100" fmla="*/ 14 w 559"/>
                <a:gd name="T101" fmla="*/ 14 h 763"/>
                <a:gd name="T102" fmla="*/ 12 w 559"/>
                <a:gd name="T103" fmla="*/ 14 h 763"/>
                <a:gd name="T104" fmla="*/ 13 w 559"/>
                <a:gd name="T105" fmla="*/ 15 h 763"/>
                <a:gd name="T106" fmla="*/ 13 w 559"/>
                <a:gd name="T107" fmla="*/ 16 h 763"/>
                <a:gd name="T108" fmla="*/ 12 w 559"/>
                <a:gd name="T109" fmla="*/ 16 h 763"/>
                <a:gd name="T110" fmla="*/ 13 w 559"/>
                <a:gd name="T111" fmla="*/ 17 h 763"/>
                <a:gd name="T112" fmla="*/ 13 w 559"/>
                <a:gd name="T113" fmla="*/ 19 h 763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559"/>
                <a:gd name="T172" fmla="*/ 0 h 763"/>
                <a:gd name="T173" fmla="*/ 559 w 559"/>
                <a:gd name="T174" fmla="*/ 763 h 763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559" h="763">
                  <a:moveTo>
                    <a:pt x="434" y="668"/>
                  </a:moveTo>
                  <a:lnTo>
                    <a:pt x="425" y="713"/>
                  </a:lnTo>
                  <a:lnTo>
                    <a:pt x="415" y="763"/>
                  </a:lnTo>
                  <a:lnTo>
                    <a:pt x="398" y="749"/>
                  </a:lnTo>
                  <a:lnTo>
                    <a:pt x="386" y="746"/>
                  </a:lnTo>
                  <a:lnTo>
                    <a:pt x="386" y="738"/>
                  </a:lnTo>
                  <a:lnTo>
                    <a:pt x="410" y="705"/>
                  </a:lnTo>
                  <a:lnTo>
                    <a:pt x="402" y="692"/>
                  </a:lnTo>
                  <a:lnTo>
                    <a:pt x="368" y="676"/>
                  </a:lnTo>
                  <a:lnTo>
                    <a:pt x="352" y="684"/>
                  </a:lnTo>
                  <a:lnTo>
                    <a:pt x="327" y="676"/>
                  </a:lnTo>
                  <a:lnTo>
                    <a:pt x="307" y="688"/>
                  </a:lnTo>
                  <a:lnTo>
                    <a:pt x="275" y="684"/>
                  </a:lnTo>
                  <a:lnTo>
                    <a:pt x="266" y="675"/>
                  </a:lnTo>
                  <a:lnTo>
                    <a:pt x="266" y="658"/>
                  </a:lnTo>
                  <a:lnTo>
                    <a:pt x="253" y="655"/>
                  </a:lnTo>
                  <a:lnTo>
                    <a:pt x="244" y="628"/>
                  </a:lnTo>
                  <a:lnTo>
                    <a:pt x="225" y="622"/>
                  </a:lnTo>
                  <a:lnTo>
                    <a:pt x="210" y="597"/>
                  </a:lnTo>
                  <a:lnTo>
                    <a:pt x="193" y="583"/>
                  </a:lnTo>
                  <a:lnTo>
                    <a:pt x="170" y="577"/>
                  </a:lnTo>
                  <a:lnTo>
                    <a:pt x="136" y="557"/>
                  </a:lnTo>
                  <a:lnTo>
                    <a:pt x="125" y="563"/>
                  </a:lnTo>
                  <a:lnTo>
                    <a:pt x="80" y="563"/>
                  </a:lnTo>
                  <a:lnTo>
                    <a:pt x="72" y="548"/>
                  </a:lnTo>
                  <a:lnTo>
                    <a:pt x="63" y="540"/>
                  </a:lnTo>
                  <a:lnTo>
                    <a:pt x="35" y="526"/>
                  </a:lnTo>
                  <a:lnTo>
                    <a:pt x="5" y="511"/>
                  </a:lnTo>
                  <a:lnTo>
                    <a:pt x="0" y="498"/>
                  </a:lnTo>
                  <a:lnTo>
                    <a:pt x="7" y="490"/>
                  </a:lnTo>
                  <a:lnTo>
                    <a:pt x="17" y="489"/>
                  </a:lnTo>
                  <a:lnTo>
                    <a:pt x="22" y="458"/>
                  </a:lnTo>
                  <a:lnTo>
                    <a:pt x="61" y="447"/>
                  </a:lnTo>
                  <a:lnTo>
                    <a:pt x="68" y="424"/>
                  </a:lnTo>
                  <a:lnTo>
                    <a:pt x="94" y="396"/>
                  </a:lnTo>
                  <a:lnTo>
                    <a:pt x="94" y="390"/>
                  </a:lnTo>
                  <a:lnTo>
                    <a:pt x="83" y="396"/>
                  </a:lnTo>
                  <a:lnTo>
                    <a:pt x="71" y="393"/>
                  </a:lnTo>
                  <a:lnTo>
                    <a:pt x="77" y="367"/>
                  </a:lnTo>
                  <a:lnTo>
                    <a:pt x="69" y="323"/>
                  </a:lnTo>
                  <a:lnTo>
                    <a:pt x="75" y="311"/>
                  </a:lnTo>
                  <a:lnTo>
                    <a:pt x="72" y="275"/>
                  </a:lnTo>
                  <a:lnTo>
                    <a:pt x="60" y="260"/>
                  </a:lnTo>
                  <a:lnTo>
                    <a:pt x="49" y="237"/>
                  </a:lnTo>
                  <a:lnTo>
                    <a:pt x="58" y="221"/>
                  </a:lnTo>
                  <a:lnTo>
                    <a:pt x="66" y="223"/>
                  </a:lnTo>
                  <a:lnTo>
                    <a:pt x="81" y="204"/>
                  </a:lnTo>
                  <a:lnTo>
                    <a:pt x="69" y="184"/>
                  </a:lnTo>
                  <a:lnTo>
                    <a:pt x="72" y="176"/>
                  </a:lnTo>
                  <a:lnTo>
                    <a:pt x="100" y="204"/>
                  </a:lnTo>
                  <a:lnTo>
                    <a:pt x="98" y="176"/>
                  </a:lnTo>
                  <a:lnTo>
                    <a:pt x="120" y="161"/>
                  </a:lnTo>
                  <a:lnTo>
                    <a:pt x="134" y="142"/>
                  </a:lnTo>
                  <a:lnTo>
                    <a:pt x="153" y="133"/>
                  </a:lnTo>
                  <a:lnTo>
                    <a:pt x="156" y="89"/>
                  </a:lnTo>
                  <a:lnTo>
                    <a:pt x="183" y="65"/>
                  </a:lnTo>
                  <a:lnTo>
                    <a:pt x="196" y="68"/>
                  </a:lnTo>
                  <a:lnTo>
                    <a:pt x="204" y="65"/>
                  </a:lnTo>
                  <a:lnTo>
                    <a:pt x="208" y="76"/>
                  </a:lnTo>
                  <a:lnTo>
                    <a:pt x="222" y="52"/>
                  </a:lnTo>
                  <a:lnTo>
                    <a:pt x="244" y="54"/>
                  </a:lnTo>
                  <a:lnTo>
                    <a:pt x="264" y="47"/>
                  </a:lnTo>
                  <a:lnTo>
                    <a:pt x="309" y="28"/>
                  </a:lnTo>
                  <a:lnTo>
                    <a:pt x="320" y="9"/>
                  </a:lnTo>
                  <a:lnTo>
                    <a:pt x="330" y="9"/>
                  </a:lnTo>
                  <a:lnTo>
                    <a:pt x="330" y="3"/>
                  </a:lnTo>
                  <a:lnTo>
                    <a:pt x="340" y="0"/>
                  </a:lnTo>
                  <a:lnTo>
                    <a:pt x="361" y="9"/>
                  </a:lnTo>
                  <a:lnTo>
                    <a:pt x="361" y="17"/>
                  </a:lnTo>
                  <a:lnTo>
                    <a:pt x="352" y="26"/>
                  </a:lnTo>
                  <a:lnTo>
                    <a:pt x="327" y="34"/>
                  </a:lnTo>
                  <a:lnTo>
                    <a:pt x="295" y="71"/>
                  </a:lnTo>
                  <a:lnTo>
                    <a:pt x="284" y="89"/>
                  </a:lnTo>
                  <a:lnTo>
                    <a:pt x="275" y="128"/>
                  </a:lnTo>
                  <a:lnTo>
                    <a:pt x="261" y="150"/>
                  </a:lnTo>
                  <a:lnTo>
                    <a:pt x="283" y="152"/>
                  </a:lnTo>
                  <a:lnTo>
                    <a:pt x="288" y="172"/>
                  </a:lnTo>
                  <a:lnTo>
                    <a:pt x="303" y="195"/>
                  </a:lnTo>
                  <a:lnTo>
                    <a:pt x="307" y="232"/>
                  </a:lnTo>
                  <a:lnTo>
                    <a:pt x="324" y="243"/>
                  </a:lnTo>
                  <a:lnTo>
                    <a:pt x="351" y="250"/>
                  </a:lnTo>
                  <a:lnTo>
                    <a:pt x="388" y="245"/>
                  </a:lnTo>
                  <a:lnTo>
                    <a:pt x="411" y="254"/>
                  </a:lnTo>
                  <a:lnTo>
                    <a:pt x="444" y="292"/>
                  </a:lnTo>
                  <a:lnTo>
                    <a:pt x="464" y="289"/>
                  </a:lnTo>
                  <a:lnTo>
                    <a:pt x="491" y="294"/>
                  </a:lnTo>
                  <a:lnTo>
                    <a:pt x="516" y="286"/>
                  </a:lnTo>
                  <a:lnTo>
                    <a:pt x="530" y="288"/>
                  </a:lnTo>
                  <a:lnTo>
                    <a:pt x="533" y="299"/>
                  </a:lnTo>
                  <a:lnTo>
                    <a:pt x="518" y="328"/>
                  </a:lnTo>
                  <a:lnTo>
                    <a:pt x="513" y="362"/>
                  </a:lnTo>
                  <a:lnTo>
                    <a:pt x="518" y="388"/>
                  </a:lnTo>
                  <a:lnTo>
                    <a:pt x="533" y="401"/>
                  </a:lnTo>
                  <a:lnTo>
                    <a:pt x="541" y="419"/>
                  </a:lnTo>
                  <a:lnTo>
                    <a:pt x="518" y="444"/>
                  </a:lnTo>
                  <a:lnTo>
                    <a:pt x="539" y="465"/>
                  </a:lnTo>
                  <a:lnTo>
                    <a:pt x="559" y="512"/>
                  </a:lnTo>
                  <a:lnTo>
                    <a:pt x="549" y="520"/>
                  </a:lnTo>
                  <a:lnTo>
                    <a:pt x="544" y="494"/>
                  </a:lnTo>
                  <a:lnTo>
                    <a:pt x="532" y="480"/>
                  </a:lnTo>
                  <a:lnTo>
                    <a:pt x="508" y="489"/>
                  </a:lnTo>
                  <a:lnTo>
                    <a:pt x="496" y="481"/>
                  </a:lnTo>
                  <a:lnTo>
                    <a:pt x="490" y="494"/>
                  </a:lnTo>
                  <a:lnTo>
                    <a:pt x="422" y="494"/>
                  </a:lnTo>
                  <a:lnTo>
                    <a:pt x="422" y="523"/>
                  </a:lnTo>
                  <a:lnTo>
                    <a:pt x="428" y="526"/>
                  </a:lnTo>
                  <a:lnTo>
                    <a:pt x="445" y="524"/>
                  </a:lnTo>
                  <a:lnTo>
                    <a:pt x="454" y="545"/>
                  </a:lnTo>
                  <a:lnTo>
                    <a:pt x="436" y="543"/>
                  </a:lnTo>
                  <a:lnTo>
                    <a:pt x="411" y="549"/>
                  </a:lnTo>
                  <a:lnTo>
                    <a:pt x="411" y="580"/>
                  </a:lnTo>
                  <a:lnTo>
                    <a:pt x="432" y="599"/>
                  </a:lnTo>
                  <a:lnTo>
                    <a:pt x="440" y="630"/>
                  </a:lnTo>
                  <a:lnTo>
                    <a:pt x="434" y="66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93" name="Freeform 232"/>
            <p:cNvSpPr>
              <a:spLocks noChangeAspect="1"/>
            </p:cNvSpPr>
            <p:nvPr/>
          </p:nvSpPr>
          <p:spPr bwMode="gray">
            <a:xfrm>
              <a:off x="3194050" y="4176713"/>
              <a:ext cx="280988" cy="411163"/>
            </a:xfrm>
            <a:custGeom>
              <a:avLst/>
              <a:gdLst>
                <a:gd name="T0" fmla="*/ 15 w 575"/>
                <a:gd name="T1" fmla="*/ 24 h 843"/>
                <a:gd name="T2" fmla="*/ 16 w 575"/>
                <a:gd name="T3" fmla="*/ 24 h 843"/>
                <a:gd name="T4" fmla="*/ 16 w 575"/>
                <a:gd name="T5" fmla="*/ 22 h 843"/>
                <a:gd name="T6" fmla="*/ 16 w 575"/>
                <a:gd name="T7" fmla="*/ 21 h 843"/>
                <a:gd name="T8" fmla="*/ 16 w 575"/>
                <a:gd name="T9" fmla="*/ 20 h 843"/>
                <a:gd name="T10" fmla="*/ 16 w 575"/>
                <a:gd name="T11" fmla="*/ 19 h 843"/>
                <a:gd name="T12" fmla="*/ 17 w 575"/>
                <a:gd name="T13" fmla="*/ 16 h 843"/>
                <a:gd name="T14" fmla="*/ 15 w 575"/>
                <a:gd name="T15" fmla="*/ 15 h 843"/>
                <a:gd name="T16" fmla="*/ 14 w 575"/>
                <a:gd name="T17" fmla="*/ 12 h 843"/>
                <a:gd name="T18" fmla="*/ 13 w 575"/>
                <a:gd name="T19" fmla="*/ 13 h 843"/>
                <a:gd name="T20" fmla="*/ 12 w 575"/>
                <a:gd name="T21" fmla="*/ 13 h 843"/>
                <a:gd name="T22" fmla="*/ 11 w 575"/>
                <a:gd name="T23" fmla="*/ 12 h 843"/>
                <a:gd name="T24" fmla="*/ 10 w 575"/>
                <a:gd name="T25" fmla="*/ 10 h 843"/>
                <a:gd name="T26" fmla="*/ 11 w 575"/>
                <a:gd name="T27" fmla="*/ 9 h 843"/>
                <a:gd name="T28" fmla="*/ 12 w 575"/>
                <a:gd name="T29" fmla="*/ 7 h 843"/>
                <a:gd name="T30" fmla="*/ 14 w 575"/>
                <a:gd name="T31" fmla="*/ 6 h 843"/>
                <a:gd name="T32" fmla="*/ 15 w 575"/>
                <a:gd name="T33" fmla="*/ 6 h 843"/>
                <a:gd name="T34" fmla="*/ 14 w 575"/>
                <a:gd name="T35" fmla="*/ 5 h 843"/>
                <a:gd name="T36" fmla="*/ 15 w 575"/>
                <a:gd name="T37" fmla="*/ 4 h 843"/>
                <a:gd name="T38" fmla="*/ 14 w 575"/>
                <a:gd name="T39" fmla="*/ 3 h 843"/>
                <a:gd name="T40" fmla="*/ 13 w 575"/>
                <a:gd name="T41" fmla="*/ 3 h 843"/>
                <a:gd name="T42" fmla="*/ 11 w 575"/>
                <a:gd name="T43" fmla="*/ 3 h 843"/>
                <a:gd name="T44" fmla="*/ 11 w 575"/>
                <a:gd name="T45" fmla="*/ 2 h 843"/>
                <a:gd name="T46" fmla="*/ 10 w 575"/>
                <a:gd name="T47" fmla="*/ 2 h 843"/>
                <a:gd name="T48" fmla="*/ 9 w 575"/>
                <a:gd name="T49" fmla="*/ 1 h 843"/>
                <a:gd name="T50" fmla="*/ 8 w 575"/>
                <a:gd name="T51" fmla="*/ 0 h 843"/>
                <a:gd name="T52" fmla="*/ 8 w 575"/>
                <a:gd name="T53" fmla="*/ 0 h 843"/>
                <a:gd name="T54" fmla="*/ 8 w 575"/>
                <a:gd name="T55" fmla="*/ 1 h 843"/>
                <a:gd name="T56" fmla="*/ 6 w 575"/>
                <a:gd name="T57" fmla="*/ 3 h 843"/>
                <a:gd name="T58" fmla="*/ 4 w 575"/>
                <a:gd name="T59" fmla="*/ 5 h 843"/>
                <a:gd name="T60" fmla="*/ 3 w 575"/>
                <a:gd name="T61" fmla="*/ 5 h 843"/>
                <a:gd name="T62" fmla="*/ 3 w 575"/>
                <a:gd name="T63" fmla="*/ 6 h 843"/>
                <a:gd name="T64" fmla="*/ 2 w 575"/>
                <a:gd name="T65" fmla="*/ 6 h 843"/>
                <a:gd name="T66" fmla="*/ 2 w 575"/>
                <a:gd name="T67" fmla="*/ 6 h 843"/>
                <a:gd name="T68" fmla="*/ 1 w 575"/>
                <a:gd name="T69" fmla="*/ 6 h 843"/>
                <a:gd name="T70" fmla="*/ 1 w 575"/>
                <a:gd name="T71" fmla="*/ 4 h 843"/>
                <a:gd name="T72" fmla="*/ 0 w 575"/>
                <a:gd name="T73" fmla="*/ 7 h 843"/>
                <a:gd name="T74" fmla="*/ 0 w 575"/>
                <a:gd name="T75" fmla="*/ 8 h 843"/>
                <a:gd name="T76" fmla="*/ 2 w 575"/>
                <a:gd name="T77" fmla="*/ 9 h 843"/>
                <a:gd name="T78" fmla="*/ 3 w 575"/>
                <a:gd name="T79" fmla="*/ 11 h 843"/>
                <a:gd name="T80" fmla="*/ 5 w 575"/>
                <a:gd name="T81" fmla="*/ 14 h 843"/>
                <a:gd name="T82" fmla="*/ 5 w 575"/>
                <a:gd name="T83" fmla="*/ 16 h 843"/>
                <a:gd name="T84" fmla="*/ 6 w 575"/>
                <a:gd name="T85" fmla="*/ 18 h 843"/>
                <a:gd name="T86" fmla="*/ 6 w 575"/>
                <a:gd name="T87" fmla="*/ 19 h 843"/>
                <a:gd name="T88" fmla="*/ 8 w 575"/>
                <a:gd name="T89" fmla="*/ 21 h 843"/>
                <a:gd name="T90" fmla="*/ 12 w 575"/>
                <a:gd name="T91" fmla="*/ 22 h 843"/>
                <a:gd name="T92" fmla="*/ 14 w 575"/>
                <a:gd name="T93" fmla="*/ 24 h 843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575"/>
                <a:gd name="T142" fmla="*/ 0 h 843"/>
                <a:gd name="T143" fmla="*/ 575 w 575"/>
                <a:gd name="T144" fmla="*/ 843 h 843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575" h="843">
                  <a:moveTo>
                    <a:pt x="493" y="843"/>
                  </a:moveTo>
                  <a:lnTo>
                    <a:pt x="504" y="834"/>
                  </a:lnTo>
                  <a:lnTo>
                    <a:pt x="524" y="833"/>
                  </a:lnTo>
                  <a:lnTo>
                    <a:pt x="538" y="811"/>
                  </a:lnTo>
                  <a:lnTo>
                    <a:pt x="532" y="800"/>
                  </a:lnTo>
                  <a:lnTo>
                    <a:pt x="563" y="760"/>
                  </a:lnTo>
                  <a:lnTo>
                    <a:pt x="561" y="749"/>
                  </a:lnTo>
                  <a:lnTo>
                    <a:pt x="546" y="732"/>
                  </a:lnTo>
                  <a:lnTo>
                    <a:pt x="546" y="714"/>
                  </a:lnTo>
                  <a:lnTo>
                    <a:pt x="557" y="698"/>
                  </a:lnTo>
                  <a:lnTo>
                    <a:pt x="548" y="675"/>
                  </a:lnTo>
                  <a:lnTo>
                    <a:pt x="563" y="664"/>
                  </a:lnTo>
                  <a:lnTo>
                    <a:pt x="563" y="587"/>
                  </a:lnTo>
                  <a:lnTo>
                    <a:pt x="575" y="567"/>
                  </a:lnTo>
                  <a:lnTo>
                    <a:pt x="532" y="497"/>
                  </a:lnTo>
                  <a:lnTo>
                    <a:pt x="506" y="503"/>
                  </a:lnTo>
                  <a:lnTo>
                    <a:pt x="495" y="497"/>
                  </a:lnTo>
                  <a:lnTo>
                    <a:pt x="495" y="421"/>
                  </a:lnTo>
                  <a:lnTo>
                    <a:pt x="465" y="444"/>
                  </a:lnTo>
                  <a:lnTo>
                    <a:pt x="442" y="453"/>
                  </a:lnTo>
                  <a:lnTo>
                    <a:pt x="421" y="449"/>
                  </a:lnTo>
                  <a:lnTo>
                    <a:pt x="408" y="430"/>
                  </a:lnTo>
                  <a:lnTo>
                    <a:pt x="380" y="426"/>
                  </a:lnTo>
                  <a:lnTo>
                    <a:pt x="385" y="407"/>
                  </a:lnTo>
                  <a:lnTo>
                    <a:pt x="354" y="376"/>
                  </a:lnTo>
                  <a:lnTo>
                    <a:pt x="343" y="342"/>
                  </a:lnTo>
                  <a:lnTo>
                    <a:pt x="359" y="303"/>
                  </a:lnTo>
                  <a:lnTo>
                    <a:pt x="377" y="296"/>
                  </a:lnTo>
                  <a:lnTo>
                    <a:pt x="379" y="266"/>
                  </a:lnTo>
                  <a:lnTo>
                    <a:pt x="404" y="228"/>
                  </a:lnTo>
                  <a:lnTo>
                    <a:pt x="442" y="206"/>
                  </a:lnTo>
                  <a:lnTo>
                    <a:pt x="497" y="189"/>
                  </a:lnTo>
                  <a:lnTo>
                    <a:pt x="514" y="191"/>
                  </a:lnTo>
                  <a:lnTo>
                    <a:pt x="519" y="186"/>
                  </a:lnTo>
                  <a:lnTo>
                    <a:pt x="502" y="172"/>
                  </a:lnTo>
                  <a:lnTo>
                    <a:pt x="490" y="169"/>
                  </a:lnTo>
                  <a:lnTo>
                    <a:pt x="490" y="161"/>
                  </a:lnTo>
                  <a:lnTo>
                    <a:pt x="514" y="128"/>
                  </a:lnTo>
                  <a:lnTo>
                    <a:pt x="506" y="115"/>
                  </a:lnTo>
                  <a:lnTo>
                    <a:pt x="472" y="99"/>
                  </a:lnTo>
                  <a:lnTo>
                    <a:pt x="456" y="107"/>
                  </a:lnTo>
                  <a:lnTo>
                    <a:pt x="431" y="99"/>
                  </a:lnTo>
                  <a:lnTo>
                    <a:pt x="411" y="111"/>
                  </a:lnTo>
                  <a:lnTo>
                    <a:pt x="379" y="107"/>
                  </a:lnTo>
                  <a:lnTo>
                    <a:pt x="370" y="98"/>
                  </a:lnTo>
                  <a:lnTo>
                    <a:pt x="370" y="81"/>
                  </a:lnTo>
                  <a:lnTo>
                    <a:pt x="357" y="78"/>
                  </a:lnTo>
                  <a:lnTo>
                    <a:pt x="348" y="51"/>
                  </a:lnTo>
                  <a:lnTo>
                    <a:pt x="329" y="45"/>
                  </a:lnTo>
                  <a:lnTo>
                    <a:pt x="314" y="20"/>
                  </a:lnTo>
                  <a:lnTo>
                    <a:pt x="297" y="6"/>
                  </a:lnTo>
                  <a:lnTo>
                    <a:pt x="274" y="0"/>
                  </a:lnTo>
                  <a:lnTo>
                    <a:pt x="263" y="2"/>
                  </a:lnTo>
                  <a:lnTo>
                    <a:pt x="261" y="8"/>
                  </a:lnTo>
                  <a:lnTo>
                    <a:pt x="280" y="40"/>
                  </a:lnTo>
                  <a:lnTo>
                    <a:pt x="272" y="40"/>
                  </a:lnTo>
                  <a:lnTo>
                    <a:pt x="253" y="74"/>
                  </a:lnTo>
                  <a:lnTo>
                    <a:pt x="213" y="115"/>
                  </a:lnTo>
                  <a:lnTo>
                    <a:pt x="148" y="141"/>
                  </a:lnTo>
                  <a:lnTo>
                    <a:pt x="142" y="159"/>
                  </a:lnTo>
                  <a:lnTo>
                    <a:pt x="131" y="158"/>
                  </a:lnTo>
                  <a:lnTo>
                    <a:pt x="119" y="176"/>
                  </a:lnTo>
                  <a:lnTo>
                    <a:pt x="114" y="209"/>
                  </a:lnTo>
                  <a:lnTo>
                    <a:pt x="99" y="221"/>
                  </a:lnTo>
                  <a:lnTo>
                    <a:pt x="84" y="223"/>
                  </a:lnTo>
                  <a:lnTo>
                    <a:pt x="74" y="204"/>
                  </a:lnTo>
                  <a:lnTo>
                    <a:pt x="60" y="204"/>
                  </a:lnTo>
                  <a:lnTo>
                    <a:pt x="54" y="200"/>
                  </a:lnTo>
                  <a:lnTo>
                    <a:pt x="35" y="204"/>
                  </a:lnTo>
                  <a:lnTo>
                    <a:pt x="29" y="184"/>
                  </a:lnTo>
                  <a:lnTo>
                    <a:pt x="45" y="174"/>
                  </a:lnTo>
                  <a:lnTo>
                    <a:pt x="40" y="153"/>
                  </a:lnTo>
                  <a:lnTo>
                    <a:pt x="0" y="196"/>
                  </a:lnTo>
                  <a:lnTo>
                    <a:pt x="6" y="237"/>
                  </a:lnTo>
                  <a:lnTo>
                    <a:pt x="18" y="251"/>
                  </a:lnTo>
                  <a:lnTo>
                    <a:pt x="8" y="266"/>
                  </a:lnTo>
                  <a:lnTo>
                    <a:pt x="59" y="308"/>
                  </a:lnTo>
                  <a:lnTo>
                    <a:pt x="72" y="323"/>
                  </a:lnTo>
                  <a:lnTo>
                    <a:pt x="84" y="353"/>
                  </a:lnTo>
                  <a:lnTo>
                    <a:pt x="109" y="379"/>
                  </a:lnTo>
                  <a:lnTo>
                    <a:pt x="142" y="460"/>
                  </a:lnTo>
                  <a:lnTo>
                    <a:pt x="156" y="484"/>
                  </a:lnTo>
                  <a:lnTo>
                    <a:pt x="165" y="523"/>
                  </a:lnTo>
                  <a:lnTo>
                    <a:pt x="181" y="537"/>
                  </a:lnTo>
                  <a:lnTo>
                    <a:pt x="213" y="596"/>
                  </a:lnTo>
                  <a:lnTo>
                    <a:pt x="224" y="610"/>
                  </a:lnTo>
                  <a:lnTo>
                    <a:pt x="229" y="631"/>
                  </a:lnTo>
                  <a:lnTo>
                    <a:pt x="223" y="641"/>
                  </a:lnTo>
                  <a:lnTo>
                    <a:pt x="226" y="655"/>
                  </a:lnTo>
                  <a:lnTo>
                    <a:pt x="278" y="706"/>
                  </a:lnTo>
                  <a:lnTo>
                    <a:pt x="343" y="746"/>
                  </a:lnTo>
                  <a:lnTo>
                    <a:pt x="411" y="775"/>
                  </a:lnTo>
                  <a:lnTo>
                    <a:pt x="439" y="795"/>
                  </a:lnTo>
                  <a:lnTo>
                    <a:pt x="470" y="829"/>
                  </a:lnTo>
                  <a:lnTo>
                    <a:pt x="493" y="84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94" name="Freeform 233"/>
            <p:cNvSpPr>
              <a:spLocks noChangeAspect="1"/>
            </p:cNvSpPr>
            <p:nvPr/>
          </p:nvSpPr>
          <p:spPr bwMode="gray">
            <a:xfrm>
              <a:off x="3613150" y="4611688"/>
              <a:ext cx="187325" cy="201613"/>
            </a:xfrm>
            <a:custGeom>
              <a:avLst/>
              <a:gdLst>
                <a:gd name="T0" fmla="*/ 0 w 388"/>
                <a:gd name="T1" fmla="*/ 5 h 411"/>
                <a:gd name="T2" fmla="*/ 1 w 388"/>
                <a:gd name="T3" fmla="*/ 3 h 411"/>
                <a:gd name="T4" fmla="*/ 1 w 388"/>
                <a:gd name="T5" fmla="*/ 2 h 411"/>
                <a:gd name="T6" fmla="*/ 1 w 388"/>
                <a:gd name="T7" fmla="*/ 1 h 411"/>
                <a:gd name="T8" fmla="*/ 1 w 388"/>
                <a:gd name="T9" fmla="*/ 1 h 411"/>
                <a:gd name="T10" fmla="*/ 4 w 388"/>
                <a:gd name="T11" fmla="*/ 0 h 411"/>
                <a:gd name="T12" fmla="*/ 5 w 388"/>
                <a:gd name="T13" fmla="*/ 0 h 411"/>
                <a:gd name="T14" fmla="*/ 5 w 388"/>
                <a:gd name="T15" fmla="*/ 0 h 411"/>
                <a:gd name="T16" fmla="*/ 6 w 388"/>
                <a:gd name="T17" fmla="*/ 1 h 411"/>
                <a:gd name="T18" fmla="*/ 6 w 388"/>
                <a:gd name="T19" fmla="*/ 2 h 411"/>
                <a:gd name="T20" fmla="*/ 6 w 388"/>
                <a:gd name="T21" fmla="*/ 2 h 411"/>
                <a:gd name="T22" fmla="*/ 6 w 388"/>
                <a:gd name="T23" fmla="*/ 4 h 411"/>
                <a:gd name="T24" fmla="*/ 6 w 388"/>
                <a:gd name="T25" fmla="*/ 4 h 411"/>
                <a:gd name="T26" fmla="*/ 7 w 388"/>
                <a:gd name="T27" fmla="*/ 4 h 411"/>
                <a:gd name="T28" fmla="*/ 8 w 388"/>
                <a:gd name="T29" fmla="*/ 4 h 411"/>
                <a:gd name="T30" fmla="*/ 9 w 388"/>
                <a:gd name="T31" fmla="*/ 5 h 411"/>
                <a:gd name="T32" fmla="*/ 9 w 388"/>
                <a:gd name="T33" fmla="*/ 5 h 411"/>
                <a:gd name="T34" fmla="*/ 9 w 388"/>
                <a:gd name="T35" fmla="*/ 6 h 411"/>
                <a:gd name="T36" fmla="*/ 9 w 388"/>
                <a:gd name="T37" fmla="*/ 7 h 411"/>
                <a:gd name="T38" fmla="*/ 10 w 388"/>
                <a:gd name="T39" fmla="*/ 7 h 411"/>
                <a:gd name="T40" fmla="*/ 11 w 388"/>
                <a:gd name="T41" fmla="*/ 7 h 411"/>
                <a:gd name="T42" fmla="*/ 11 w 388"/>
                <a:gd name="T43" fmla="*/ 7 h 411"/>
                <a:gd name="T44" fmla="*/ 11 w 388"/>
                <a:gd name="T45" fmla="*/ 8 h 411"/>
                <a:gd name="T46" fmla="*/ 11 w 388"/>
                <a:gd name="T47" fmla="*/ 9 h 411"/>
                <a:gd name="T48" fmla="*/ 10 w 388"/>
                <a:gd name="T49" fmla="*/ 11 h 411"/>
                <a:gd name="T50" fmla="*/ 9 w 388"/>
                <a:gd name="T51" fmla="*/ 12 h 411"/>
                <a:gd name="T52" fmla="*/ 8 w 388"/>
                <a:gd name="T53" fmla="*/ 12 h 411"/>
                <a:gd name="T54" fmla="*/ 7 w 388"/>
                <a:gd name="T55" fmla="*/ 12 h 411"/>
                <a:gd name="T56" fmla="*/ 6 w 388"/>
                <a:gd name="T57" fmla="*/ 12 h 411"/>
                <a:gd name="T58" fmla="*/ 6 w 388"/>
                <a:gd name="T59" fmla="*/ 11 h 411"/>
                <a:gd name="T60" fmla="*/ 6 w 388"/>
                <a:gd name="T61" fmla="*/ 11 h 411"/>
                <a:gd name="T62" fmla="*/ 6 w 388"/>
                <a:gd name="T63" fmla="*/ 10 h 411"/>
                <a:gd name="T64" fmla="*/ 6 w 388"/>
                <a:gd name="T65" fmla="*/ 9 h 411"/>
                <a:gd name="T66" fmla="*/ 5 w 388"/>
                <a:gd name="T67" fmla="*/ 8 h 411"/>
                <a:gd name="T68" fmla="*/ 4 w 388"/>
                <a:gd name="T69" fmla="*/ 7 h 411"/>
                <a:gd name="T70" fmla="*/ 2 w 388"/>
                <a:gd name="T71" fmla="*/ 7 h 411"/>
                <a:gd name="T72" fmla="*/ 2 w 388"/>
                <a:gd name="T73" fmla="*/ 6 h 411"/>
                <a:gd name="T74" fmla="*/ 1 w 388"/>
                <a:gd name="T75" fmla="*/ 6 h 411"/>
                <a:gd name="T76" fmla="*/ 0 w 388"/>
                <a:gd name="T77" fmla="*/ 5 h 411"/>
                <a:gd name="T78" fmla="*/ 0 w 388"/>
                <a:gd name="T79" fmla="*/ 5 h 411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388"/>
                <a:gd name="T121" fmla="*/ 0 h 411"/>
                <a:gd name="T122" fmla="*/ 388 w 388"/>
                <a:gd name="T123" fmla="*/ 411 h 411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388" h="411">
                  <a:moveTo>
                    <a:pt x="0" y="151"/>
                  </a:moveTo>
                  <a:lnTo>
                    <a:pt x="17" y="105"/>
                  </a:lnTo>
                  <a:lnTo>
                    <a:pt x="17" y="71"/>
                  </a:lnTo>
                  <a:lnTo>
                    <a:pt x="34" y="43"/>
                  </a:lnTo>
                  <a:lnTo>
                    <a:pt x="40" y="26"/>
                  </a:lnTo>
                  <a:lnTo>
                    <a:pt x="129" y="0"/>
                  </a:lnTo>
                  <a:lnTo>
                    <a:pt x="168" y="0"/>
                  </a:lnTo>
                  <a:lnTo>
                    <a:pt x="188" y="10"/>
                  </a:lnTo>
                  <a:lnTo>
                    <a:pt x="215" y="43"/>
                  </a:lnTo>
                  <a:lnTo>
                    <a:pt x="213" y="49"/>
                  </a:lnTo>
                  <a:lnTo>
                    <a:pt x="221" y="63"/>
                  </a:lnTo>
                  <a:lnTo>
                    <a:pt x="221" y="131"/>
                  </a:lnTo>
                  <a:lnTo>
                    <a:pt x="224" y="137"/>
                  </a:lnTo>
                  <a:lnTo>
                    <a:pt x="263" y="149"/>
                  </a:lnTo>
                  <a:lnTo>
                    <a:pt x="294" y="142"/>
                  </a:lnTo>
                  <a:lnTo>
                    <a:pt x="318" y="152"/>
                  </a:lnTo>
                  <a:lnTo>
                    <a:pt x="326" y="164"/>
                  </a:lnTo>
                  <a:lnTo>
                    <a:pt x="329" y="215"/>
                  </a:lnTo>
                  <a:lnTo>
                    <a:pt x="335" y="225"/>
                  </a:lnTo>
                  <a:lnTo>
                    <a:pt x="348" y="232"/>
                  </a:lnTo>
                  <a:lnTo>
                    <a:pt x="378" y="227"/>
                  </a:lnTo>
                  <a:lnTo>
                    <a:pt x="383" y="232"/>
                  </a:lnTo>
                  <a:lnTo>
                    <a:pt x="388" y="259"/>
                  </a:lnTo>
                  <a:lnTo>
                    <a:pt x="380" y="315"/>
                  </a:lnTo>
                  <a:lnTo>
                    <a:pt x="371" y="360"/>
                  </a:lnTo>
                  <a:lnTo>
                    <a:pt x="326" y="403"/>
                  </a:lnTo>
                  <a:lnTo>
                    <a:pt x="273" y="411"/>
                  </a:lnTo>
                  <a:lnTo>
                    <a:pt x="246" y="399"/>
                  </a:lnTo>
                  <a:lnTo>
                    <a:pt x="201" y="394"/>
                  </a:lnTo>
                  <a:lnTo>
                    <a:pt x="201" y="383"/>
                  </a:lnTo>
                  <a:lnTo>
                    <a:pt x="202" y="371"/>
                  </a:lnTo>
                  <a:lnTo>
                    <a:pt x="230" y="321"/>
                  </a:lnTo>
                  <a:lnTo>
                    <a:pt x="227" y="301"/>
                  </a:lnTo>
                  <a:lnTo>
                    <a:pt x="193" y="276"/>
                  </a:lnTo>
                  <a:lnTo>
                    <a:pt x="141" y="245"/>
                  </a:lnTo>
                  <a:lnTo>
                    <a:pt x="86" y="233"/>
                  </a:lnTo>
                  <a:lnTo>
                    <a:pt x="77" y="216"/>
                  </a:lnTo>
                  <a:lnTo>
                    <a:pt x="43" y="193"/>
                  </a:lnTo>
                  <a:lnTo>
                    <a:pt x="14" y="156"/>
                  </a:lnTo>
                  <a:lnTo>
                    <a:pt x="0" y="15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95" name="Freeform 234"/>
            <p:cNvSpPr>
              <a:spLocks noChangeAspect="1"/>
            </p:cNvSpPr>
            <p:nvPr/>
          </p:nvSpPr>
          <p:spPr bwMode="gray">
            <a:xfrm>
              <a:off x="3708400" y="4878388"/>
              <a:ext cx="117475" cy="128588"/>
            </a:xfrm>
            <a:custGeom>
              <a:avLst/>
              <a:gdLst>
                <a:gd name="T0" fmla="*/ 1 w 246"/>
                <a:gd name="T1" fmla="*/ 0 h 263"/>
                <a:gd name="T2" fmla="*/ 1 w 246"/>
                <a:gd name="T3" fmla="*/ 1 h 263"/>
                <a:gd name="T4" fmla="*/ 1 w 246"/>
                <a:gd name="T5" fmla="*/ 2 h 263"/>
                <a:gd name="T6" fmla="*/ 1 w 246"/>
                <a:gd name="T7" fmla="*/ 3 h 263"/>
                <a:gd name="T8" fmla="*/ 1 w 246"/>
                <a:gd name="T9" fmla="*/ 4 h 263"/>
                <a:gd name="T10" fmla="*/ 0 w 246"/>
                <a:gd name="T11" fmla="*/ 5 h 263"/>
                <a:gd name="T12" fmla="*/ 0 w 246"/>
                <a:gd name="T13" fmla="*/ 6 h 263"/>
                <a:gd name="T14" fmla="*/ 0 w 246"/>
                <a:gd name="T15" fmla="*/ 6 h 263"/>
                <a:gd name="T16" fmla="*/ 1 w 246"/>
                <a:gd name="T17" fmla="*/ 7 h 263"/>
                <a:gd name="T18" fmla="*/ 2 w 246"/>
                <a:gd name="T19" fmla="*/ 7 h 263"/>
                <a:gd name="T20" fmla="*/ 3 w 246"/>
                <a:gd name="T21" fmla="*/ 7 h 263"/>
                <a:gd name="T22" fmla="*/ 4 w 246"/>
                <a:gd name="T23" fmla="*/ 7 h 263"/>
                <a:gd name="T24" fmla="*/ 5 w 246"/>
                <a:gd name="T25" fmla="*/ 8 h 263"/>
                <a:gd name="T26" fmla="*/ 5 w 246"/>
                <a:gd name="T27" fmla="*/ 7 h 263"/>
                <a:gd name="T28" fmla="*/ 6 w 246"/>
                <a:gd name="T29" fmla="*/ 6 h 263"/>
                <a:gd name="T30" fmla="*/ 6 w 246"/>
                <a:gd name="T31" fmla="*/ 6 h 263"/>
                <a:gd name="T32" fmla="*/ 6 w 246"/>
                <a:gd name="T33" fmla="*/ 5 h 263"/>
                <a:gd name="T34" fmla="*/ 7 w 246"/>
                <a:gd name="T35" fmla="*/ 4 h 263"/>
                <a:gd name="T36" fmla="*/ 6 w 246"/>
                <a:gd name="T37" fmla="*/ 4 h 263"/>
                <a:gd name="T38" fmla="*/ 6 w 246"/>
                <a:gd name="T39" fmla="*/ 3 h 263"/>
                <a:gd name="T40" fmla="*/ 5 w 246"/>
                <a:gd name="T41" fmla="*/ 2 h 263"/>
                <a:gd name="T42" fmla="*/ 5 w 246"/>
                <a:gd name="T43" fmla="*/ 2 h 263"/>
                <a:gd name="T44" fmla="*/ 4 w 246"/>
                <a:gd name="T45" fmla="*/ 2 h 263"/>
                <a:gd name="T46" fmla="*/ 4 w 246"/>
                <a:gd name="T47" fmla="*/ 1 h 263"/>
                <a:gd name="T48" fmla="*/ 3 w 246"/>
                <a:gd name="T49" fmla="*/ 2 h 263"/>
                <a:gd name="T50" fmla="*/ 3 w 246"/>
                <a:gd name="T51" fmla="*/ 2 h 263"/>
                <a:gd name="T52" fmla="*/ 3 w 246"/>
                <a:gd name="T53" fmla="*/ 1 h 263"/>
                <a:gd name="T54" fmla="*/ 2 w 246"/>
                <a:gd name="T55" fmla="*/ 0 h 263"/>
                <a:gd name="T56" fmla="*/ 2 w 246"/>
                <a:gd name="T57" fmla="*/ 0 h 263"/>
                <a:gd name="T58" fmla="*/ 2 w 246"/>
                <a:gd name="T59" fmla="*/ 0 h 263"/>
                <a:gd name="T60" fmla="*/ 1 w 246"/>
                <a:gd name="T61" fmla="*/ 0 h 263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w 246"/>
                <a:gd name="T94" fmla="*/ 0 h 263"/>
                <a:gd name="T95" fmla="*/ 246 w 246"/>
                <a:gd name="T96" fmla="*/ 263 h 263"/>
              </a:gdLst>
              <a:ahLst/>
              <a:cxnLst>
                <a:cxn ang="T62">
                  <a:pos x="T0" y="T1"/>
                </a:cxn>
                <a:cxn ang="T63">
                  <a:pos x="T2" y="T3"/>
                </a:cxn>
                <a:cxn ang="T64">
                  <a:pos x="T4" y="T5"/>
                </a:cxn>
                <a:cxn ang="T65">
                  <a:pos x="T6" y="T7"/>
                </a:cxn>
                <a:cxn ang="T66">
                  <a:pos x="T8" y="T9"/>
                </a:cxn>
                <a:cxn ang="T67">
                  <a:pos x="T10" y="T11"/>
                </a:cxn>
                <a:cxn ang="T68">
                  <a:pos x="T12" y="T13"/>
                </a:cxn>
                <a:cxn ang="T69">
                  <a:pos x="T14" y="T15"/>
                </a:cxn>
                <a:cxn ang="T70">
                  <a:pos x="T16" y="T17"/>
                </a:cxn>
                <a:cxn ang="T71">
                  <a:pos x="T18" y="T19"/>
                </a:cxn>
                <a:cxn ang="T72">
                  <a:pos x="T20" y="T21"/>
                </a:cxn>
                <a:cxn ang="T73">
                  <a:pos x="T22" y="T23"/>
                </a:cxn>
                <a:cxn ang="T74">
                  <a:pos x="T24" y="T25"/>
                </a:cxn>
                <a:cxn ang="T75">
                  <a:pos x="T26" y="T27"/>
                </a:cxn>
                <a:cxn ang="T76">
                  <a:pos x="T28" y="T29"/>
                </a:cxn>
                <a:cxn ang="T77">
                  <a:pos x="T30" y="T31"/>
                </a:cxn>
                <a:cxn ang="T78">
                  <a:pos x="T32" y="T33"/>
                </a:cxn>
                <a:cxn ang="T79">
                  <a:pos x="T34" y="T35"/>
                </a:cxn>
                <a:cxn ang="T80">
                  <a:pos x="T36" y="T37"/>
                </a:cxn>
                <a:cxn ang="T81">
                  <a:pos x="T38" y="T39"/>
                </a:cxn>
                <a:cxn ang="T82">
                  <a:pos x="T40" y="T41"/>
                </a:cxn>
                <a:cxn ang="T83">
                  <a:pos x="T42" y="T43"/>
                </a:cxn>
                <a:cxn ang="T84">
                  <a:pos x="T44" y="T45"/>
                </a:cxn>
                <a:cxn ang="T85">
                  <a:pos x="T46" y="T47"/>
                </a:cxn>
                <a:cxn ang="T86">
                  <a:pos x="T48" y="T49"/>
                </a:cxn>
                <a:cxn ang="T87">
                  <a:pos x="T50" y="T51"/>
                </a:cxn>
                <a:cxn ang="T88">
                  <a:pos x="T52" y="T53"/>
                </a:cxn>
                <a:cxn ang="T89">
                  <a:pos x="T54" y="T55"/>
                </a:cxn>
                <a:cxn ang="T90">
                  <a:pos x="T56" y="T57"/>
                </a:cxn>
                <a:cxn ang="T91">
                  <a:pos x="T58" y="T59"/>
                </a:cxn>
                <a:cxn ang="T92">
                  <a:pos x="T60" y="T61"/>
                </a:cxn>
              </a:cxnLst>
              <a:rect l="T93" t="T94" r="T95" b="T96"/>
              <a:pathLst>
                <a:path w="246" h="263">
                  <a:moveTo>
                    <a:pt x="39" y="8"/>
                  </a:moveTo>
                  <a:lnTo>
                    <a:pt x="28" y="21"/>
                  </a:lnTo>
                  <a:lnTo>
                    <a:pt x="26" y="72"/>
                  </a:lnTo>
                  <a:lnTo>
                    <a:pt x="17" y="100"/>
                  </a:lnTo>
                  <a:lnTo>
                    <a:pt x="16" y="151"/>
                  </a:lnTo>
                  <a:lnTo>
                    <a:pt x="5" y="176"/>
                  </a:lnTo>
                  <a:lnTo>
                    <a:pt x="0" y="210"/>
                  </a:lnTo>
                  <a:lnTo>
                    <a:pt x="8" y="213"/>
                  </a:lnTo>
                  <a:lnTo>
                    <a:pt x="25" y="235"/>
                  </a:lnTo>
                  <a:lnTo>
                    <a:pt x="57" y="238"/>
                  </a:lnTo>
                  <a:lnTo>
                    <a:pt x="104" y="258"/>
                  </a:lnTo>
                  <a:lnTo>
                    <a:pt x="136" y="257"/>
                  </a:lnTo>
                  <a:lnTo>
                    <a:pt x="165" y="263"/>
                  </a:lnTo>
                  <a:lnTo>
                    <a:pt x="198" y="246"/>
                  </a:lnTo>
                  <a:lnTo>
                    <a:pt x="232" y="198"/>
                  </a:lnTo>
                  <a:lnTo>
                    <a:pt x="229" y="190"/>
                  </a:lnTo>
                  <a:lnTo>
                    <a:pt x="231" y="165"/>
                  </a:lnTo>
                  <a:lnTo>
                    <a:pt x="246" y="143"/>
                  </a:lnTo>
                  <a:lnTo>
                    <a:pt x="224" y="125"/>
                  </a:lnTo>
                  <a:lnTo>
                    <a:pt x="215" y="99"/>
                  </a:lnTo>
                  <a:lnTo>
                    <a:pt x="192" y="89"/>
                  </a:lnTo>
                  <a:lnTo>
                    <a:pt x="178" y="72"/>
                  </a:lnTo>
                  <a:lnTo>
                    <a:pt x="152" y="62"/>
                  </a:lnTo>
                  <a:lnTo>
                    <a:pt x="135" y="40"/>
                  </a:lnTo>
                  <a:lnTo>
                    <a:pt x="122" y="48"/>
                  </a:lnTo>
                  <a:lnTo>
                    <a:pt x="113" y="48"/>
                  </a:lnTo>
                  <a:lnTo>
                    <a:pt x="107" y="28"/>
                  </a:lnTo>
                  <a:lnTo>
                    <a:pt x="77" y="1"/>
                  </a:lnTo>
                  <a:lnTo>
                    <a:pt x="67" y="0"/>
                  </a:lnTo>
                  <a:lnTo>
                    <a:pt x="53" y="9"/>
                  </a:lnTo>
                  <a:lnTo>
                    <a:pt x="39" y="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96" name="Freeform 235"/>
            <p:cNvSpPr>
              <a:spLocks noChangeAspect="1"/>
            </p:cNvSpPr>
            <p:nvPr/>
          </p:nvSpPr>
          <p:spPr bwMode="gray">
            <a:xfrm>
              <a:off x="3452813" y="4391026"/>
              <a:ext cx="273050" cy="307975"/>
            </a:xfrm>
            <a:custGeom>
              <a:avLst/>
              <a:gdLst>
                <a:gd name="T0" fmla="*/ 2 w 554"/>
                <a:gd name="T1" fmla="*/ 2 h 635"/>
                <a:gd name="T2" fmla="*/ 4 w 554"/>
                <a:gd name="T3" fmla="*/ 0 h 635"/>
                <a:gd name="T4" fmla="*/ 6 w 554"/>
                <a:gd name="T5" fmla="*/ 0 h 635"/>
                <a:gd name="T6" fmla="*/ 6 w 554"/>
                <a:gd name="T7" fmla="*/ 2 h 635"/>
                <a:gd name="T8" fmla="*/ 6 w 554"/>
                <a:gd name="T9" fmla="*/ 3 h 635"/>
                <a:gd name="T10" fmla="*/ 9 w 554"/>
                <a:gd name="T11" fmla="*/ 4 h 635"/>
                <a:gd name="T12" fmla="*/ 10 w 554"/>
                <a:gd name="T13" fmla="*/ 5 h 635"/>
                <a:gd name="T14" fmla="*/ 12 w 554"/>
                <a:gd name="T15" fmla="*/ 5 h 635"/>
                <a:gd name="T16" fmla="*/ 13 w 554"/>
                <a:gd name="T17" fmla="*/ 6 h 635"/>
                <a:gd name="T18" fmla="*/ 13 w 554"/>
                <a:gd name="T19" fmla="*/ 7 h 635"/>
                <a:gd name="T20" fmla="*/ 13 w 554"/>
                <a:gd name="T21" fmla="*/ 9 h 635"/>
                <a:gd name="T22" fmla="*/ 16 w 554"/>
                <a:gd name="T23" fmla="*/ 10 h 635"/>
                <a:gd name="T24" fmla="*/ 16 w 554"/>
                <a:gd name="T25" fmla="*/ 10 h 635"/>
                <a:gd name="T26" fmla="*/ 16 w 554"/>
                <a:gd name="T27" fmla="*/ 13 h 635"/>
                <a:gd name="T28" fmla="*/ 16 w 554"/>
                <a:gd name="T29" fmla="*/ 14 h 635"/>
                <a:gd name="T30" fmla="*/ 15 w 554"/>
                <a:gd name="T31" fmla="*/ 13 h 635"/>
                <a:gd name="T32" fmla="*/ 13 w 554"/>
                <a:gd name="T33" fmla="*/ 13 h 635"/>
                <a:gd name="T34" fmla="*/ 11 w 554"/>
                <a:gd name="T35" fmla="*/ 14 h 635"/>
                <a:gd name="T36" fmla="*/ 10 w 554"/>
                <a:gd name="T37" fmla="*/ 16 h 635"/>
                <a:gd name="T38" fmla="*/ 9 w 554"/>
                <a:gd name="T39" fmla="*/ 17 h 635"/>
                <a:gd name="T40" fmla="*/ 7 w 554"/>
                <a:gd name="T41" fmla="*/ 18 h 635"/>
                <a:gd name="T42" fmla="*/ 5 w 554"/>
                <a:gd name="T43" fmla="*/ 17 h 635"/>
                <a:gd name="T44" fmla="*/ 3 w 554"/>
                <a:gd name="T45" fmla="*/ 18 h 635"/>
                <a:gd name="T46" fmla="*/ 2 w 554"/>
                <a:gd name="T47" fmla="*/ 18 h 635"/>
                <a:gd name="T48" fmla="*/ 2 w 554"/>
                <a:gd name="T49" fmla="*/ 15 h 635"/>
                <a:gd name="T50" fmla="*/ 1 w 554"/>
                <a:gd name="T51" fmla="*/ 14 h 635"/>
                <a:gd name="T52" fmla="*/ 2 w 554"/>
                <a:gd name="T53" fmla="*/ 14 h 635"/>
                <a:gd name="T54" fmla="*/ 1 w 554"/>
                <a:gd name="T55" fmla="*/ 13 h 635"/>
                <a:gd name="T56" fmla="*/ 0 w 554"/>
                <a:gd name="T57" fmla="*/ 11 h 635"/>
                <a:gd name="T58" fmla="*/ 1 w 554"/>
                <a:gd name="T59" fmla="*/ 9 h 635"/>
                <a:gd name="T60" fmla="*/ 0 w 554"/>
                <a:gd name="T61" fmla="*/ 8 h 635"/>
                <a:gd name="T62" fmla="*/ 1 w 554"/>
                <a:gd name="T63" fmla="*/ 7 h 635"/>
                <a:gd name="T64" fmla="*/ 1 w 554"/>
                <a:gd name="T65" fmla="*/ 6 h 635"/>
                <a:gd name="T66" fmla="*/ 1 w 554"/>
                <a:gd name="T67" fmla="*/ 4 h 635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554"/>
                <a:gd name="T103" fmla="*/ 0 h 635"/>
                <a:gd name="T104" fmla="*/ 554 w 554"/>
                <a:gd name="T105" fmla="*/ 635 h 635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554" h="635">
                  <a:moveTo>
                    <a:pt x="0" y="59"/>
                  </a:moveTo>
                  <a:lnTo>
                    <a:pt x="60" y="63"/>
                  </a:lnTo>
                  <a:lnTo>
                    <a:pt x="99" y="46"/>
                  </a:lnTo>
                  <a:lnTo>
                    <a:pt x="139" y="6"/>
                  </a:lnTo>
                  <a:lnTo>
                    <a:pt x="195" y="0"/>
                  </a:lnTo>
                  <a:lnTo>
                    <a:pt x="204" y="9"/>
                  </a:lnTo>
                  <a:lnTo>
                    <a:pt x="206" y="23"/>
                  </a:lnTo>
                  <a:lnTo>
                    <a:pt x="206" y="51"/>
                  </a:lnTo>
                  <a:lnTo>
                    <a:pt x="198" y="74"/>
                  </a:lnTo>
                  <a:lnTo>
                    <a:pt x="210" y="105"/>
                  </a:lnTo>
                  <a:lnTo>
                    <a:pt x="240" y="127"/>
                  </a:lnTo>
                  <a:lnTo>
                    <a:pt x="294" y="136"/>
                  </a:lnTo>
                  <a:lnTo>
                    <a:pt x="308" y="150"/>
                  </a:lnTo>
                  <a:lnTo>
                    <a:pt x="346" y="163"/>
                  </a:lnTo>
                  <a:lnTo>
                    <a:pt x="365" y="178"/>
                  </a:lnTo>
                  <a:lnTo>
                    <a:pt x="396" y="178"/>
                  </a:lnTo>
                  <a:lnTo>
                    <a:pt x="410" y="186"/>
                  </a:lnTo>
                  <a:lnTo>
                    <a:pt x="422" y="200"/>
                  </a:lnTo>
                  <a:lnTo>
                    <a:pt x="433" y="237"/>
                  </a:lnTo>
                  <a:lnTo>
                    <a:pt x="430" y="257"/>
                  </a:lnTo>
                  <a:lnTo>
                    <a:pt x="424" y="263"/>
                  </a:lnTo>
                  <a:lnTo>
                    <a:pt x="442" y="310"/>
                  </a:lnTo>
                  <a:lnTo>
                    <a:pt x="523" y="317"/>
                  </a:lnTo>
                  <a:lnTo>
                    <a:pt x="518" y="340"/>
                  </a:lnTo>
                  <a:lnTo>
                    <a:pt x="523" y="357"/>
                  </a:lnTo>
                  <a:lnTo>
                    <a:pt x="540" y="364"/>
                  </a:lnTo>
                  <a:lnTo>
                    <a:pt x="554" y="399"/>
                  </a:lnTo>
                  <a:lnTo>
                    <a:pt x="552" y="446"/>
                  </a:lnTo>
                  <a:lnTo>
                    <a:pt x="543" y="472"/>
                  </a:lnTo>
                  <a:lnTo>
                    <a:pt x="546" y="492"/>
                  </a:lnTo>
                  <a:lnTo>
                    <a:pt x="537" y="497"/>
                  </a:lnTo>
                  <a:lnTo>
                    <a:pt x="510" y="464"/>
                  </a:lnTo>
                  <a:lnTo>
                    <a:pt x="490" y="454"/>
                  </a:lnTo>
                  <a:lnTo>
                    <a:pt x="451" y="454"/>
                  </a:lnTo>
                  <a:lnTo>
                    <a:pt x="362" y="480"/>
                  </a:lnTo>
                  <a:lnTo>
                    <a:pt x="356" y="497"/>
                  </a:lnTo>
                  <a:lnTo>
                    <a:pt x="339" y="525"/>
                  </a:lnTo>
                  <a:lnTo>
                    <a:pt x="339" y="559"/>
                  </a:lnTo>
                  <a:lnTo>
                    <a:pt x="322" y="605"/>
                  </a:lnTo>
                  <a:lnTo>
                    <a:pt x="303" y="593"/>
                  </a:lnTo>
                  <a:lnTo>
                    <a:pt x="258" y="589"/>
                  </a:lnTo>
                  <a:lnTo>
                    <a:pt x="248" y="623"/>
                  </a:lnTo>
                  <a:lnTo>
                    <a:pt x="227" y="602"/>
                  </a:lnTo>
                  <a:lnTo>
                    <a:pt x="178" y="594"/>
                  </a:lnTo>
                  <a:lnTo>
                    <a:pt x="164" y="579"/>
                  </a:lnTo>
                  <a:lnTo>
                    <a:pt x="116" y="631"/>
                  </a:lnTo>
                  <a:lnTo>
                    <a:pt x="93" y="635"/>
                  </a:lnTo>
                  <a:lnTo>
                    <a:pt x="80" y="630"/>
                  </a:lnTo>
                  <a:lnTo>
                    <a:pt x="63" y="537"/>
                  </a:lnTo>
                  <a:lnTo>
                    <a:pt x="50" y="523"/>
                  </a:lnTo>
                  <a:lnTo>
                    <a:pt x="50" y="509"/>
                  </a:lnTo>
                  <a:lnTo>
                    <a:pt x="42" y="503"/>
                  </a:lnTo>
                  <a:lnTo>
                    <a:pt x="43" y="488"/>
                  </a:lnTo>
                  <a:lnTo>
                    <a:pt x="51" y="481"/>
                  </a:lnTo>
                  <a:lnTo>
                    <a:pt x="53" y="458"/>
                  </a:lnTo>
                  <a:lnTo>
                    <a:pt x="31" y="437"/>
                  </a:lnTo>
                  <a:lnTo>
                    <a:pt x="25" y="395"/>
                  </a:lnTo>
                  <a:lnTo>
                    <a:pt x="6" y="373"/>
                  </a:lnTo>
                  <a:lnTo>
                    <a:pt x="0" y="362"/>
                  </a:lnTo>
                  <a:lnTo>
                    <a:pt x="31" y="322"/>
                  </a:lnTo>
                  <a:lnTo>
                    <a:pt x="29" y="311"/>
                  </a:lnTo>
                  <a:lnTo>
                    <a:pt x="14" y="294"/>
                  </a:lnTo>
                  <a:lnTo>
                    <a:pt x="14" y="276"/>
                  </a:lnTo>
                  <a:lnTo>
                    <a:pt x="25" y="260"/>
                  </a:lnTo>
                  <a:lnTo>
                    <a:pt x="16" y="237"/>
                  </a:lnTo>
                  <a:lnTo>
                    <a:pt x="31" y="226"/>
                  </a:lnTo>
                  <a:lnTo>
                    <a:pt x="31" y="149"/>
                  </a:lnTo>
                  <a:lnTo>
                    <a:pt x="43" y="129"/>
                  </a:lnTo>
                  <a:lnTo>
                    <a:pt x="0" y="5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97" name="Freeform 236"/>
            <p:cNvSpPr>
              <a:spLocks noChangeAspect="1"/>
            </p:cNvSpPr>
            <p:nvPr/>
          </p:nvSpPr>
          <p:spPr bwMode="gray">
            <a:xfrm>
              <a:off x="4162425" y="5610226"/>
              <a:ext cx="52388" cy="34925"/>
            </a:xfrm>
            <a:custGeom>
              <a:avLst/>
              <a:gdLst>
                <a:gd name="T0" fmla="*/ 0 w 107"/>
                <a:gd name="T1" fmla="*/ 0 h 71"/>
                <a:gd name="T2" fmla="*/ 1 w 107"/>
                <a:gd name="T3" fmla="*/ 0 h 71"/>
                <a:gd name="T4" fmla="*/ 2 w 107"/>
                <a:gd name="T5" fmla="*/ 0 h 71"/>
                <a:gd name="T6" fmla="*/ 2 w 107"/>
                <a:gd name="T7" fmla="*/ 1 h 71"/>
                <a:gd name="T8" fmla="*/ 2 w 107"/>
                <a:gd name="T9" fmla="*/ 1 h 71"/>
                <a:gd name="T10" fmla="*/ 3 w 107"/>
                <a:gd name="T11" fmla="*/ 2 h 71"/>
                <a:gd name="T12" fmla="*/ 3 w 107"/>
                <a:gd name="T13" fmla="*/ 2 h 71"/>
                <a:gd name="T14" fmla="*/ 3 w 107"/>
                <a:gd name="T15" fmla="*/ 2 h 71"/>
                <a:gd name="T16" fmla="*/ 2 w 107"/>
                <a:gd name="T17" fmla="*/ 1 h 71"/>
                <a:gd name="T18" fmla="*/ 1 w 107"/>
                <a:gd name="T19" fmla="*/ 1 h 71"/>
                <a:gd name="T20" fmla="*/ 1 w 107"/>
                <a:gd name="T21" fmla="*/ 0 h 71"/>
                <a:gd name="T22" fmla="*/ 1 w 107"/>
                <a:gd name="T23" fmla="*/ 1 h 71"/>
                <a:gd name="T24" fmla="*/ 1 w 107"/>
                <a:gd name="T25" fmla="*/ 0 h 71"/>
                <a:gd name="T26" fmla="*/ 0 w 107"/>
                <a:gd name="T27" fmla="*/ 0 h 71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107"/>
                <a:gd name="T43" fmla="*/ 0 h 71"/>
                <a:gd name="T44" fmla="*/ 107 w 107"/>
                <a:gd name="T45" fmla="*/ 71 h 71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107" h="71">
                  <a:moveTo>
                    <a:pt x="0" y="6"/>
                  </a:moveTo>
                  <a:lnTo>
                    <a:pt x="32" y="0"/>
                  </a:lnTo>
                  <a:lnTo>
                    <a:pt x="62" y="14"/>
                  </a:lnTo>
                  <a:lnTo>
                    <a:pt x="73" y="27"/>
                  </a:lnTo>
                  <a:lnTo>
                    <a:pt x="85" y="27"/>
                  </a:lnTo>
                  <a:lnTo>
                    <a:pt x="104" y="49"/>
                  </a:lnTo>
                  <a:lnTo>
                    <a:pt x="107" y="63"/>
                  </a:lnTo>
                  <a:lnTo>
                    <a:pt x="91" y="71"/>
                  </a:lnTo>
                  <a:lnTo>
                    <a:pt x="71" y="41"/>
                  </a:lnTo>
                  <a:lnTo>
                    <a:pt x="34" y="24"/>
                  </a:lnTo>
                  <a:lnTo>
                    <a:pt x="34" y="14"/>
                  </a:lnTo>
                  <a:lnTo>
                    <a:pt x="17" y="15"/>
                  </a:lnTo>
                  <a:lnTo>
                    <a:pt x="15" y="7"/>
                  </a:lnTo>
                  <a:lnTo>
                    <a:pt x="0" y="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98" name="Freeform 237"/>
            <p:cNvSpPr>
              <a:spLocks noChangeAspect="1"/>
            </p:cNvSpPr>
            <p:nvPr/>
          </p:nvSpPr>
          <p:spPr bwMode="gray">
            <a:xfrm>
              <a:off x="3716338" y="4043363"/>
              <a:ext cx="92075" cy="88900"/>
            </a:xfrm>
            <a:custGeom>
              <a:avLst/>
              <a:gdLst>
                <a:gd name="T0" fmla="*/ 5 w 192"/>
                <a:gd name="T1" fmla="*/ 4 h 187"/>
                <a:gd name="T2" fmla="*/ 4 w 192"/>
                <a:gd name="T3" fmla="*/ 4 h 187"/>
                <a:gd name="T4" fmla="*/ 3 w 192"/>
                <a:gd name="T5" fmla="*/ 4 h 187"/>
                <a:gd name="T6" fmla="*/ 3 w 192"/>
                <a:gd name="T7" fmla="*/ 4 h 187"/>
                <a:gd name="T8" fmla="*/ 3 w 192"/>
                <a:gd name="T9" fmla="*/ 4 h 187"/>
                <a:gd name="T10" fmla="*/ 3 w 192"/>
                <a:gd name="T11" fmla="*/ 5 h 187"/>
                <a:gd name="T12" fmla="*/ 2 w 192"/>
                <a:gd name="T13" fmla="*/ 5 h 187"/>
                <a:gd name="T14" fmla="*/ 2 w 192"/>
                <a:gd name="T15" fmla="*/ 4 h 187"/>
                <a:gd name="T16" fmla="*/ 1 w 192"/>
                <a:gd name="T17" fmla="*/ 3 h 187"/>
                <a:gd name="T18" fmla="*/ 1 w 192"/>
                <a:gd name="T19" fmla="*/ 3 h 187"/>
                <a:gd name="T20" fmla="*/ 0 w 192"/>
                <a:gd name="T21" fmla="*/ 2 h 187"/>
                <a:gd name="T22" fmla="*/ 0 w 192"/>
                <a:gd name="T23" fmla="*/ 1 h 187"/>
                <a:gd name="T24" fmla="*/ 1 w 192"/>
                <a:gd name="T25" fmla="*/ 1 h 187"/>
                <a:gd name="T26" fmla="*/ 1 w 192"/>
                <a:gd name="T27" fmla="*/ 1 h 187"/>
                <a:gd name="T28" fmla="*/ 1 w 192"/>
                <a:gd name="T29" fmla="*/ 1 h 187"/>
                <a:gd name="T30" fmla="*/ 2 w 192"/>
                <a:gd name="T31" fmla="*/ 0 h 187"/>
                <a:gd name="T32" fmla="*/ 2 w 192"/>
                <a:gd name="T33" fmla="*/ 0 h 187"/>
                <a:gd name="T34" fmla="*/ 2 w 192"/>
                <a:gd name="T35" fmla="*/ 0 h 187"/>
                <a:gd name="T36" fmla="*/ 4 w 192"/>
                <a:gd name="T37" fmla="*/ 0 h 187"/>
                <a:gd name="T38" fmla="*/ 5 w 192"/>
                <a:gd name="T39" fmla="*/ 0 h 187"/>
                <a:gd name="T40" fmla="*/ 5 w 192"/>
                <a:gd name="T41" fmla="*/ 1 h 187"/>
                <a:gd name="T42" fmla="*/ 5 w 192"/>
                <a:gd name="T43" fmla="*/ 1 h 187"/>
                <a:gd name="T44" fmla="*/ 5 w 192"/>
                <a:gd name="T45" fmla="*/ 2 h 187"/>
                <a:gd name="T46" fmla="*/ 5 w 192"/>
                <a:gd name="T47" fmla="*/ 3 h 187"/>
                <a:gd name="T48" fmla="*/ 5 w 192"/>
                <a:gd name="T49" fmla="*/ 4 h 187"/>
                <a:gd name="T50" fmla="*/ 5 w 192"/>
                <a:gd name="T51" fmla="*/ 4 h 187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w 192"/>
                <a:gd name="T79" fmla="*/ 0 h 187"/>
                <a:gd name="T80" fmla="*/ 192 w 192"/>
                <a:gd name="T81" fmla="*/ 187 h 187"/>
              </a:gdLst>
              <a:ahLst/>
              <a:cxnLst>
                <a:cxn ang="T52">
                  <a:pos x="T0" y="T1"/>
                </a:cxn>
                <a:cxn ang="T53">
                  <a:pos x="T2" y="T3"/>
                </a:cxn>
                <a:cxn ang="T54">
                  <a:pos x="T4" y="T5"/>
                </a:cxn>
                <a:cxn ang="T55">
                  <a:pos x="T6" y="T7"/>
                </a:cxn>
                <a:cxn ang="T56">
                  <a:pos x="T8" y="T9"/>
                </a:cxn>
                <a:cxn ang="T57">
                  <a:pos x="T10" y="T11"/>
                </a:cxn>
                <a:cxn ang="T58">
                  <a:pos x="T12" y="T13"/>
                </a:cxn>
                <a:cxn ang="T59">
                  <a:pos x="T14" y="T15"/>
                </a:cxn>
                <a:cxn ang="T60">
                  <a:pos x="T16" y="T17"/>
                </a:cxn>
                <a:cxn ang="T61">
                  <a:pos x="T18" y="T19"/>
                </a:cxn>
                <a:cxn ang="T62">
                  <a:pos x="T20" y="T21"/>
                </a:cxn>
                <a:cxn ang="T63">
                  <a:pos x="T22" y="T23"/>
                </a:cxn>
                <a:cxn ang="T64">
                  <a:pos x="T24" y="T25"/>
                </a:cxn>
                <a:cxn ang="T65">
                  <a:pos x="T26" y="T27"/>
                </a:cxn>
                <a:cxn ang="T66">
                  <a:pos x="T28" y="T29"/>
                </a:cxn>
                <a:cxn ang="T67">
                  <a:pos x="T30" y="T31"/>
                </a:cxn>
                <a:cxn ang="T68">
                  <a:pos x="T32" y="T33"/>
                </a:cxn>
                <a:cxn ang="T69">
                  <a:pos x="T34" y="T35"/>
                </a:cxn>
                <a:cxn ang="T70">
                  <a:pos x="T36" y="T37"/>
                </a:cxn>
                <a:cxn ang="T71">
                  <a:pos x="T38" y="T39"/>
                </a:cxn>
                <a:cxn ang="T72">
                  <a:pos x="T40" y="T41"/>
                </a:cxn>
                <a:cxn ang="T73">
                  <a:pos x="T42" y="T43"/>
                </a:cxn>
                <a:cxn ang="T74">
                  <a:pos x="T44" y="T45"/>
                </a:cxn>
                <a:cxn ang="T75">
                  <a:pos x="T46" y="T47"/>
                </a:cxn>
                <a:cxn ang="T76">
                  <a:pos x="T48" y="T49"/>
                </a:cxn>
                <a:cxn ang="T77">
                  <a:pos x="T50" y="T51"/>
                </a:cxn>
              </a:cxnLst>
              <a:rect l="T78" t="T79" r="T80" b="T81"/>
              <a:pathLst>
                <a:path w="192" h="187">
                  <a:moveTo>
                    <a:pt x="172" y="167"/>
                  </a:moveTo>
                  <a:lnTo>
                    <a:pt x="146" y="158"/>
                  </a:lnTo>
                  <a:lnTo>
                    <a:pt x="127" y="163"/>
                  </a:lnTo>
                  <a:lnTo>
                    <a:pt x="110" y="160"/>
                  </a:lnTo>
                  <a:lnTo>
                    <a:pt x="105" y="163"/>
                  </a:lnTo>
                  <a:lnTo>
                    <a:pt x="104" y="187"/>
                  </a:lnTo>
                  <a:lnTo>
                    <a:pt x="79" y="181"/>
                  </a:lnTo>
                  <a:lnTo>
                    <a:pt x="56" y="160"/>
                  </a:lnTo>
                  <a:lnTo>
                    <a:pt x="40" y="121"/>
                  </a:lnTo>
                  <a:lnTo>
                    <a:pt x="26" y="118"/>
                  </a:lnTo>
                  <a:lnTo>
                    <a:pt x="0" y="85"/>
                  </a:lnTo>
                  <a:lnTo>
                    <a:pt x="11" y="50"/>
                  </a:lnTo>
                  <a:lnTo>
                    <a:pt x="34" y="43"/>
                  </a:lnTo>
                  <a:lnTo>
                    <a:pt x="40" y="34"/>
                  </a:lnTo>
                  <a:lnTo>
                    <a:pt x="38" y="23"/>
                  </a:lnTo>
                  <a:lnTo>
                    <a:pt x="50" y="6"/>
                  </a:lnTo>
                  <a:lnTo>
                    <a:pt x="56" y="0"/>
                  </a:lnTo>
                  <a:lnTo>
                    <a:pt x="81" y="6"/>
                  </a:lnTo>
                  <a:lnTo>
                    <a:pt x="148" y="0"/>
                  </a:lnTo>
                  <a:lnTo>
                    <a:pt x="190" y="9"/>
                  </a:lnTo>
                  <a:lnTo>
                    <a:pt x="190" y="20"/>
                  </a:lnTo>
                  <a:lnTo>
                    <a:pt x="175" y="43"/>
                  </a:lnTo>
                  <a:lnTo>
                    <a:pt x="177" y="77"/>
                  </a:lnTo>
                  <a:lnTo>
                    <a:pt x="192" y="105"/>
                  </a:lnTo>
                  <a:lnTo>
                    <a:pt x="186" y="153"/>
                  </a:lnTo>
                  <a:lnTo>
                    <a:pt x="172" y="16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899" name="Freeform 238"/>
            <p:cNvSpPr>
              <a:spLocks noChangeAspect="1"/>
            </p:cNvSpPr>
            <p:nvPr/>
          </p:nvSpPr>
          <p:spPr bwMode="gray">
            <a:xfrm>
              <a:off x="3644900" y="3989388"/>
              <a:ext cx="109538" cy="157163"/>
            </a:xfrm>
            <a:custGeom>
              <a:avLst/>
              <a:gdLst>
                <a:gd name="T0" fmla="*/ 6 w 224"/>
                <a:gd name="T1" fmla="*/ 8 h 324"/>
                <a:gd name="T2" fmla="*/ 6 w 224"/>
                <a:gd name="T3" fmla="*/ 8 h 324"/>
                <a:gd name="T4" fmla="*/ 6 w 224"/>
                <a:gd name="T5" fmla="*/ 8 h 324"/>
                <a:gd name="T6" fmla="*/ 5 w 224"/>
                <a:gd name="T7" fmla="*/ 9 h 324"/>
                <a:gd name="T8" fmla="*/ 4 w 224"/>
                <a:gd name="T9" fmla="*/ 9 h 324"/>
                <a:gd name="T10" fmla="*/ 4 w 224"/>
                <a:gd name="T11" fmla="*/ 9 h 324"/>
                <a:gd name="T12" fmla="*/ 3 w 224"/>
                <a:gd name="T13" fmla="*/ 9 h 324"/>
                <a:gd name="T14" fmla="*/ 3 w 224"/>
                <a:gd name="T15" fmla="*/ 9 h 324"/>
                <a:gd name="T16" fmla="*/ 2 w 224"/>
                <a:gd name="T17" fmla="*/ 9 h 324"/>
                <a:gd name="T18" fmla="*/ 2 w 224"/>
                <a:gd name="T19" fmla="*/ 8 h 324"/>
                <a:gd name="T20" fmla="*/ 2 w 224"/>
                <a:gd name="T21" fmla="*/ 8 h 324"/>
                <a:gd name="T22" fmla="*/ 2 w 224"/>
                <a:gd name="T23" fmla="*/ 6 h 324"/>
                <a:gd name="T24" fmla="*/ 2 w 224"/>
                <a:gd name="T25" fmla="*/ 6 h 324"/>
                <a:gd name="T26" fmla="*/ 2 w 224"/>
                <a:gd name="T27" fmla="*/ 5 h 324"/>
                <a:gd name="T28" fmla="*/ 2 w 224"/>
                <a:gd name="T29" fmla="*/ 5 h 324"/>
                <a:gd name="T30" fmla="*/ 2 w 224"/>
                <a:gd name="T31" fmla="*/ 5 h 324"/>
                <a:gd name="T32" fmla="*/ 2 w 224"/>
                <a:gd name="T33" fmla="*/ 4 h 324"/>
                <a:gd name="T34" fmla="*/ 1 w 224"/>
                <a:gd name="T35" fmla="*/ 4 h 324"/>
                <a:gd name="T36" fmla="*/ 0 w 224"/>
                <a:gd name="T37" fmla="*/ 3 h 324"/>
                <a:gd name="T38" fmla="*/ 0 w 224"/>
                <a:gd name="T39" fmla="*/ 3 h 324"/>
                <a:gd name="T40" fmla="*/ 0 w 224"/>
                <a:gd name="T41" fmla="*/ 2 h 324"/>
                <a:gd name="T42" fmla="*/ 0 w 224"/>
                <a:gd name="T43" fmla="*/ 2 h 324"/>
                <a:gd name="T44" fmla="*/ 1 w 224"/>
                <a:gd name="T45" fmla="*/ 2 h 324"/>
                <a:gd name="T46" fmla="*/ 1 w 224"/>
                <a:gd name="T47" fmla="*/ 2 h 324"/>
                <a:gd name="T48" fmla="*/ 1 w 224"/>
                <a:gd name="T49" fmla="*/ 1 h 324"/>
                <a:gd name="T50" fmla="*/ 2 w 224"/>
                <a:gd name="T51" fmla="*/ 0 h 324"/>
                <a:gd name="T52" fmla="*/ 2 w 224"/>
                <a:gd name="T53" fmla="*/ 0 h 324"/>
                <a:gd name="T54" fmla="*/ 2 w 224"/>
                <a:gd name="T55" fmla="*/ 0 h 324"/>
                <a:gd name="T56" fmla="*/ 3 w 224"/>
                <a:gd name="T57" fmla="*/ 1 h 324"/>
                <a:gd name="T58" fmla="*/ 4 w 224"/>
                <a:gd name="T59" fmla="*/ 1 h 324"/>
                <a:gd name="T60" fmla="*/ 4 w 224"/>
                <a:gd name="T61" fmla="*/ 2 h 324"/>
                <a:gd name="T62" fmla="*/ 4 w 224"/>
                <a:gd name="T63" fmla="*/ 2 h 324"/>
                <a:gd name="T64" fmla="*/ 4 w 224"/>
                <a:gd name="T65" fmla="*/ 2 h 324"/>
                <a:gd name="T66" fmla="*/ 5 w 224"/>
                <a:gd name="T67" fmla="*/ 2 h 324"/>
                <a:gd name="T68" fmla="*/ 6 w 224"/>
                <a:gd name="T69" fmla="*/ 3 h 324"/>
                <a:gd name="T70" fmla="*/ 6 w 224"/>
                <a:gd name="T71" fmla="*/ 3 h 324"/>
                <a:gd name="T72" fmla="*/ 5 w 224"/>
                <a:gd name="T73" fmla="*/ 4 h 324"/>
                <a:gd name="T74" fmla="*/ 6 w 224"/>
                <a:gd name="T75" fmla="*/ 4 h 324"/>
                <a:gd name="T76" fmla="*/ 5 w 224"/>
                <a:gd name="T77" fmla="*/ 4 h 324"/>
                <a:gd name="T78" fmla="*/ 5 w 224"/>
                <a:gd name="T79" fmla="*/ 5 h 324"/>
                <a:gd name="T80" fmla="*/ 4 w 224"/>
                <a:gd name="T81" fmla="*/ 6 h 324"/>
                <a:gd name="T82" fmla="*/ 5 w 224"/>
                <a:gd name="T83" fmla="*/ 6 h 324"/>
                <a:gd name="T84" fmla="*/ 6 w 224"/>
                <a:gd name="T85" fmla="*/ 7 h 324"/>
                <a:gd name="T86" fmla="*/ 6 w 224"/>
                <a:gd name="T87" fmla="*/ 8 h 324"/>
                <a:gd name="T88" fmla="*/ 6 w 224"/>
                <a:gd name="T89" fmla="*/ 8 h 324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w 224"/>
                <a:gd name="T136" fmla="*/ 0 h 324"/>
                <a:gd name="T137" fmla="*/ 224 w 224"/>
                <a:gd name="T138" fmla="*/ 324 h 324"/>
              </a:gdLst>
              <a:ahLst/>
              <a:cxnLst>
                <a:cxn ang="T90">
                  <a:pos x="T0" y="T1"/>
                </a:cxn>
                <a:cxn ang="T91">
                  <a:pos x="T2" y="T3"/>
                </a:cxn>
                <a:cxn ang="T92">
                  <a:pos x="T4" y="T5"/>
                </a:cxn>
                <a:cxn ang="T93">
                  <a:pos x="T6" y="T7"/>
                </a:cxn>
                <a:cxn ang="T94">
                  <a:pos x="T8" y="T9"/>
                </a:cxn>
                <a:cxn ang="T95">
                  <a:pos x="T10" y="T11"/>
                </a:cxn>
                <a:cxn ang="T96">
                  <a:pos x="T12" y="T13"/>
                </a:cxn>
                <a:cxn ang="T97">
                  <a:pos x="T14" y="T15"/>
                </a:cxn>
                <a:cxn ang="T98">
                  <a:pos x="T16" y="T17"/>
                </a:cxn>
                <a:cxn ang="T99">
                  <a:pos x="T18" y="T19"/>
                </a:cxn>
                <a:cxn ang="T100">
                  <a:pos x="T20" y="T21"/>
                </a:cxn>
                <a:cxn ang="T101">
                  <a:pos x="T22" y="T23"/>
                </a:cxn>
                <a:cxn ang="T102">
                  <a:pos x="T24" y="T25"/>
                </a:cxn>
                <a:cxn ang="T103">
                  <a:pos x="T26" y="T27"/>
                </a:cxn>
                <a:cxn ang="T104">
                  <a:pos x="T28" y="T29"/>
                </a:cxn>
                <a:cxn ang="T105">
                  <a:pos x="T30" y="T31"/>
                </a:cxn>
                <a:cxn ang="T106">
                  <a:pos x="T32" y="T33"/>
                </a:cxn>
                <a:cxn ang="T107">
                  <a:pos x="T34" y="T35"/>
                </a:cxn>
                <a:cxn ang="T108">
                  <a:pos x="T36" y="T37"/>
                </a:cxn>
                <a:cxn ang="T109">
                  <a:pos x="T38" y="T39"/>
                </a:cxn>
                <a:cxn ang="T110">
                  <a:pos x="T40" y="T41"/>
                </a:cxn>
                <a:cxn ang="T111">
                  <a:pos x="T42" y="T43"/>
                </a:cxn>
                <a:cxn ang="T112">
                  <a:pos x="T44" y="T45"/>
                </a:cxn>
                <a:cxn ang="T113">
                  <a:pos x="T46" y="T47"/>
                </a:cxn>
                <a:cxn ang="T114">
                  <a:pos x="T48" y="T49"/>
                </a:cxn>
                <a:cxn ang="T115">
                  <a:pos x="T50" y="T51"/>
                </a:cxn>
                <a:cxn ang="T116">
                  <a:pos x="T52" y="T53"/>
                </a:cxn>
                <a:cxn ang="T117">
                  <a:pos x="T54" y="T55"/>
                </a:cxn>
                <a:cxn ang="T118">
                  <a:pos x="T56" y="T57"/>
                </a:cxn>
                <a:cxn ang="T119">
                  <a:pos x="T58" y="T59"/>
                </a:cxn>
                <a:cxn ang="T120">
                  <a:pos x="T60" y="T61"/>
                </a:cxn>
                <a:cxn ang="T121">
                  <a:pos x="T62" y="T63"/>
                </a:cxn>
                <a:cxn ang="T122">
                  <a:pos x="T64" y="T65"/>
                </a:cxn>
                <a:cxn ang="T123">
                  <a:pos x="T66" y="T67"/>
                </a:cxn>
                <a:cxn ang="T124">
                  <a:pos x="T68" y="T69"/>
                </a:cxn>
                <a:cxn ang="T125">
                  <a:pos x="T70" y="T71"/>
                </a:cxn>
                <a:cxn ang="T126">
                  <a:pos x="T72" y="T73"/>
                </a:cxn>
                <a:cxn ang="T127">
                  <a:pos x="T74" y="T75"/>
                </a:cxn>
                <a:cxn ang="T128">
                  <a:pos x="T76" y="T77"/>
                </a:cxn>
                <a:cxn ang="T129">
                  <a:pos x="T78" y="T79"/>
                </a:cxn>
                <a:cxn ang="T130">
                  <a:pos x="T80" y="T81"/>
                </a:cxn>
                <a:cxn ang="T131">
                  <a:pos x="T82" y="T83"/>
                </a:cxn>
                <a:cxn ang="T132">
                  <a:pos x="T84" y="T85"/>
                </a:cxn>
                <a:cxn ang="T133">
                  <a:pos x="T86" y="T87"/>
                </a:cxn>
                <a:cxn ang="T134">
                  <a:pos x="T88" y="T89"/>
                </a:cxn>
              </a:cxnLst>
              <a:rect l="T135" t="T136" r="T137" b="T138"/>
              <a:pathLst>
                <a:path w="224" h="324">
                  <a:moveTo>
                    <a:pt x="224" y="291"/>
                  </a:moveTo>
                  <a:lnTo>
                    <a:pt x="201" y="296"/>
                  </a:lnTo>
                  <a:lnTo>
                    <a:pt x="190" y="290"/>
                  </a:lnTo>
                  <a:lnTo>
                    <a:pt x="173" y="304"/>
                  </a:lnTo>
                  <a:lnTo>
                    <a:pt x="134" y="314"/>
                  </a:lnTo>
                  <a:lnTo>
                    <a:pt x="124" y="324"/>
                  </a:lnTo>
                  <a:lnTo>
                    <a:pt x="103" y="321"/>
                  </a:lnTo>
                  <a:lnTo>
                    <a:pt x="91" y="314"/>
                  </a:lnTo>
                  <a:lnTo>
                    <a:pt x="76" y="299"/>
                  </a:lnTo>
                  <a:lnTo>
                    <a:pt x="74" y="279"/>
                  </a:lnTo>
                  <a:lnTo>
                    <a:pt x="65" y="266"/>
                  </a:lnTo>
                  <a:lnTo>
                    <a:pt x="71" y="215"/>
                  </a:lnTo>
                  <a:lnTo>
                    <a:pt x="82" y="203"/>
                  </a:lnTo>
                  <a:lnTo>
                    <a:pt x="76" y="178"/>
                  </a:lnTo>
                  <a:lnTo>
                    <a:pt x="57" y="174"/>
                  </a:lnTo>
                  <a:lnTo>
                    <a:pt x="61" y="157"/>
                  </a:lnTo>
                  <a:lnTo>
                    <a:pt x="56" y="143"/>
                  </a:lnTo>
                  <a:lnTo>
                    <a:pt x="31" y="144"/>
                  </a:lnTo>
                  <a:lnTo>
                    <a:pt x="0" y="107"/>
                  </a:lnTo>
                  <a:lnTo>
                    <a:pt x="0" y="102"/>
                  </a:lnTo>
                  <a:lnTo>
                    <a:pt x="10" y="89"/>
                  </a:lnTo>
                  <a:lnTo>
                    <a:pt x="10" y="76"/>
                  </a:lnTo>
                  <a:lnTo>
                    <a:pt x="37" y="59"/>
                  </a:lnTo>
                  <a:lnTo>
                    <a:pt x="22" y="53"/>
                  </a:lnTo>
                  <a:lnTo>
                    <a:pt x="22" y="31"/>
                  </a:lnTo>
                  <a:lnTo>
                    <a:pt x="66" y="11"/>
                  </a:lnTo>
                  <a:lnTo>
                    <a:pt x="68" y="0"/>
                  </a:lnTo>
                  <a:lnTo>
                    <a:pt x="80" y="0"/>
                  </a:lnTo>
                  <a:lnTo>
                    <a:pt x="119" y="34"/>
                  </a:lnTo>
                  <a:lnTo>
                    <a:pt x="125" y="45"/>
                  </a:lnTo>
                  <a:lnTo>
                    <a:pt x="127" y="68"/>
                  </a:lnTo>
                  <a:lnTo>
                    <a:pt x="133" y="70"/>
                  </a:lnTo>
                  <a:lnTo>
                    <a:pt x="151" y="72"/>
                  </a:lnTo>
                  <a:lnTo>
                    <a:pt x="164" y="79"/>
                  </a:lnTo>
                  <a:lnTo>
                    <a:pt x="187" y="99"/>
                  </a:lnTo>
                  <a:lnTo>
                    <a:pt x="195" y="116"/>
                  </a:lnTo>
                  <a:lnTo>
                    <a:pt x="183" y="133"/>
                  </a:lnTo>
                  <a:lnTo>
                    <a:pt x="185" y="144"/>
                  </a:lnTo>
                  <a:lnTo>
                    <a:pt x="179" y="153"/>
                  </a:lnTo>
                  <a:lnTo>
                    <a:pt x="156" y="160"/>
                  </a:lnTo>
                  <a:lnTo>
                    <a:pt x="145" y="195"/>
                  </a:lnTo>
                  <a:lnTo>
                    <a:pt x="171" y="228"/>
                  </a:lnTo>
                  <a:lnTo>
                    <a:pt x="185" y="231"/>
                  </a:lnTo>
                  <a:lnTo>
                    <a:pt x="201" y="270"/>
                  </a:lnTo>
                  <a:lnTo>
                    <a:pt x="224" y="29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900" name="Freeform 239"/>
            <p:cNvSpPr>
              <a:spLocks noChangeAspect="1"/>
            </p:cNvSpPr>
            <p:nvPr/>
          </p:nvSpPr>
          <p:spPr bwMode="gray">
            <a:xfrm>
              <a:off x="3798888" y="4049713"/>
              <a:ext cx="65088" cy="80963"/>
            </a:xfrm>
            <a:custGeom>
              <a:avLst/>
              <a:gdLst>
                <a:gd name="T0" fmla="*/ 4 w 132"/>
                <a:gd name="T1" fmla="*/ 2 h 167"/>
                <a:gd name="T2" fmla="*/ 4 w 132"/>
                <a:gd name="T3" fmla="*/ 2 h 167"/>
                <a:gd name="T4" fmla="*/ 4 w 132"/>
                <a:gd name="T5" fmla="*/ 2 h 167"/>
                <a:gd name="T6" fmla="*/ 2 w 132"/>
                <a:gd name="T7" fmla="*/ 1 h 167"/>
                <a:gd name="T8" fmla="*/ 1 w 132"/>
                <a:gd name="T9" fmla="*/ 0 h 167"/>
                <a:gd name="T10" fmla="*/ 1 w 132"/>
                <a:gd name="T11" fmla="*/ 0 h 167"/>
                <a:gd name="T12" fmla="*/ 0 w 132"/>
                <a:gd name="T13" fmla="*/ 1 h 167"/>
                <a:gd name="T14" fmla="*/ 0 w 132"/>
                <a:gd name="T15" fmla="*/ 2 h 167"/>
                <a:gd name="T16" fmla="*/ 1 w 132"/>
                <a:gd name="T17" fmla="*/ 3 h 167"/>
                <a:gd name="T18" fmla="*/ 0 w 132"/>
                <a:gd name="T19" fmla="*/ 4 h 167"/>
                <a:gd name="T20" fmla="*/ 0 w 132"/>
                <a:gd name="T21" fmla="*/ 4 h 167"/>
                <a:gd name="T22" fmla="*/ 1 w 132"/>
                <a:gd name="T23" fmla="*/ 5 h 167"/>
                <a:gd name="T24" fmla="*/ 1 w 132"/>
                <a:gd name="T25" fmla="*/ 5 h 167"/>
                <a:gd name="T26" fmla="*/ 2 w 132"/>
                <a:gd name="T27" fmla="*/ 5 h 167"/>
                <a:gd name="T28" fmla="*/ 3 w 132"/>
                <a:gd name="T29" fmla="*/ 4 h 167"/>
                <a:gd name="T30" fmla="*/ 3 w 132"/>
                <a:gd name="T31" fmla="*/ 3 h 167"/>
                <a:gd name="T32" fmla="*/ 4 w 132"/>
                <a:gd name="T33" fmla="*/ 2 h 167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132"/>
                <a:gd name="T52" fmla="*/ 0 h 167"/>
                <a:gd name="T53" fmla="*/ 132 w 132"/>
                <a:gd name="T54" fmla="*/ 167 h 167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132" h="167">
                  <a:moveTo>
                    <a:pt x="132" y="71"/>
                  </a:moveTo>
                  <a:lnTo>
                    <a:pt x="132" y="63"/>
                  </a:lnTo>
                  <a:lnTo>
                    <a:pt x="124" y="54"/>
                  </a:lnTo>
                  <a:lnTo>
                    <a:pt x="83" y="25"/>
                  </a:lnTo>
                  <a:lnTo>
                    <a:pt x="31" y="0"/>
                  </a:lnTo>
                  <a:lnTo>
                    <a:pt x="18" y="6"/>
                  </a:lnTo>
                  <a:lnTo>
                    <a:pt x="3" y="29"/>
                  </a:lnTo>
                  <a:lnTo>
                    <a:pt x="5" y="63"/>
                  </a:lnTo>
                  <a:lnTo>
                    <a:pt x="20" y="91"/>
                  </a:lnTo>
                  <a:lnTo>
                    <a:pt x="14" y="139"/>
                  </a:lnTo>
                  <a:lnTo>
                    <a:pt x="0" y="153"/>
                  </a:lnTo>
                  <a:lnTo>
                    <a:pt x="18" y="167"/>
                  </a:lnTo>
                  <a:lnTo>
                    <a:pt x="40" y="161"/>
                  </a:lnTo>
                  <a:lnTo>
                    <a:pt x="65" y="161"/>
                  </a:lnTo>
                  <a:lnTo>
                    <a:pt x="90" y="139"/>
                  </a:lnTo>
                  <a:lnTo>
                    <a:pt x="99" y="116"/>
                  </a:lnTo>
                  <a:lnTo>
                    <a:pt x="132" y="7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901" name="Freeform 240"/>
            <p:cNvSpPr>
              <a:spLocks noChangeAspect="1"/>
            </p:cNvSpPr>
            <p:nvPr/>
          </p:nvSpPr>
          <p:spPr bwMode="gray">
            <a:xfrm>
              <a:off x="3632200" y="3932238"/>
              <a:ext cx="19050" cy="17463"/>
            </a:xfrm>
            <a:custGeom>
              <a:avLst/>
              <a:gdLst>
                <a:gd name="T0" fmla="*/ 1 w 42"/>
                <a:gd name="T1" fmla="*/ 0 h 36"/>
                <a:gd name="T2" fmla="*/ 1 w 42"/>
                <a:gd name="T3" fmla="*/ 1 h 36"/>
                <a:gd name="T4" fmla="*/ 1 w 42"/>
                <a:gd name="T5" fmla="*/ 1 h 36"/>
                <a:gd name="T6" fmla="*/ 1 w 42"/>
                <a:gd name="T7" fmla="*/ 1 h 36"/>
                <a:gd name="T8" fmla="*/ 0 w 42"/>
                <a:gd name="T9" fmla="*/ 1 h 36"/>
                <a:gd name="T10" fmla="*/ 0 w 42"/>
                <a:gd name="T11" fmla="*/ 1 h 36"/>
                <a:gd name="T12" fmla="*/ 0 w 42"/>
                <a:gd name="T13" fmla="*/ 0 h 36"/>
                <a:gd name="T14" fmla="*/ 0 w 42"/>
                <a:gd name="T15" fmla="*/ 0 h 36"/>
                <a:gd name="T16" fmla="*/ 1 w 42"/>
                <a:gd name="T17" fmla="*/ 0 h 36"/>
                <a:gd name="T18" fmla="*/ 1 w 42"/>
                <a:gd name="T19" fmla="*/ 0 h 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42"/>
                <a:gd name="T31" fmla="*/ 0 h 36"/>
                <a:gd name="T32" fmla="*/ 42 w 42"/>
                <a:gd name="T33" fmla="*/ 36 h 3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42" h="36">
                  <a:moveTo>
                    <a:pt x="42" y="3"/>
                  </a:moveTo>
                  <a:lnTo>
                    <a:pt x="38" y="15"/>
                  </a:lnTo>
                  <a:lnTo>
                    <a:pt x="40" y="28"/>
                  </a:lnTo>
                  <a:lnTo>
                    <a:pt x="34" y="34"/>
                  </a:lnTo>
                  <a:lnTo>
                    <a:pt x="0" y="36"/>
                  </a:lnTo>
                  <a:lnTo>
                    <a:pt x="17" y="22"/>
                  </a:lnTo>
                  <a:lnTo>
                    <a:pt x="18" y="10"/>
                  </a:lnTo>
                  <a:lnTo>
                    <a:pt x="9" y="5"/>
                  </a:lnTo>
                  <a:lnTo>
                    <a:pt x="40" y="0"/>
                  </a:lnTo>
                  <a:lnTo>
                    <a:pt x="42" y="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902" name="Freeform 241"/>
            <p:cNvSpPr>
              <a:spLocks noChangeAspect="1" noEditPoints="1"/>
            </p:cNvSpPr>
            <p:nvPr/>
          </p:nvSpPr>
          <p:spPr bwMode="gray">
            <a:xfrm>
              <a:off x="2965450" y="4171951"/>
              <a:ext cx="49213" cy="28575"/>
            </a:xfrm>
            <a:custGeom>
              <a:avLst/>
              <a:gdLst>
                <a:gd name="T0" fmla="*/ 0 w 102"/>
                <a:gd name="T1" fmla="*/ 0 h 59"/>
                <a:gd name="T2" fmla="*/ 0 w 102"/>
                <a:gd name="T3" fmla="*/ 1 h 59"/>
                <a:gd name="T4" fmla="*/ 1 w 102"/>
                <a:gd name="T5" fmla="*/ 1 h 59"/>
                <a:gd name="T6" fmla="*/ 1 w 102"/>
                <a:gd name="T7" fmla="*/ 1 h 59"/>
                <a:gd name="T8" fmla="*/ 1 w 102"/>
                <a:gd name="T9" fmla="*/ 2 h 59"/>
                <a:gd name="T10" fmla="*/ 0 w 102"/>
                <a:gd name="T11" fmla="*/ 2 h 59"/>
                <a:gd name="T12" fmla="*/ 0 w 102"/>
                <a:gd name="T13" fmla="*/ 2 h 59"/>
                <a:gd name="T14" fmla="*/ 0 w 102"/>
                <a:gd name="T15" fmla="*/ 1 h 59"/>
                <a:gd name="T16" fmla="*/ 1 w 102"/>
                <a:gd name="T17" fmla="*/ 1 h 59"/>
                <a:gd name="T18" fmla="*/ 0 w 102"/>
                <a:gd name="T19" fmla="*/ 0 h 59"/>
                <a:gd name="T20" fmla="*/ 0 w 102"/>
                <a:gd name="T21" fmla="*/ 0 h 59"/>
                <a:gd name="T22" fmla="*/ 0 w 102"/>
                <a:gd name="T23" fmla="*/ 0 h 59"/>
                <a:gd name="T24" fmla="*/ 3 w 102"/>
                <a:gd name="T25" fmla="*/ 1 h 59"/>
                <a:gd name="T26" fmla="*/ 3 w 102"/>
                <a:gd name="T27" fmla="*/ 2 h 59"/>
                <a:gd name="T28" fmla="*/ 2 w 102"/>
                <a:gd name="T29" fmla="*/ 2 h 59"/>
                <a:gd name="T30" fmla="*/ 3 w 102"/>
                <a:gd name="T31" fmla="*/ 1 h 59"/>
                <a:gd name="T32" fmla="*/ 2 w 102"/>
                <a:gd name="T33" fmla="*/ 1 h 59"/>
                <a:gd name="T34" fmla="*/ 2 w 102"/>
                <a:gd name="T35" fmla="*/ 1 h 59"/>
                <a:gd name="T36" fmla="*/ 2 w 102"/>
                <a:gd name="T37" fmla="*/ 1 h 59"/>
                <a:gd name="T38" fmla="*/ 2 w 102"/>
                <a:gd name="T39" fmla="*/ 1 h 59"/>
                <a:gd name="T40" fmla="*/ 2 w 102"/>
                <a:gd name="T41" fmla="*/ 1 h 59"/>
                <a:gd name="T42" fmla="*/ 1 w 102"/>
                <a:gd name="T43" fmla="*/ 1 h 59"/>
                <a:gd name="T44" fmla="*/ 1 w 102"/>
                <a:gd name="T45" fmla="*/ 1 h 59"/>
                <a:gd name="T46" fmla="*/ 1 w 102"/>
                <a:gd name="T47" fmla="*/ 1 h 59"/>
                <a:gd name="T48" fmla="*/ 1 w 102"/>
                <a:gd name="T49" fmla="*/ 1 h 59"/>
                <a:gd name="T50" fmla="*/ 1 w 102"/>
                <a:gd name="T51" fmla="*/ 1 h 59"/>
                <a:gd name="T52" fmla="*/ 1 w 102"/>
                <a:gd name="T53" fmla="*/ 1 h 59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102"/>
                <a:gd name="T82" fmla="*/ 0 h 59"/>
                <a:gd name="T83" fmla="*/ 102 w 102"/>
                <a:gd name="T84" fmla="*/ 59 h 59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102" h="59">
                  <a:moveTo>
                    <a:pt x="11" y="0"/>
                  </a:moveTo>
                  <a:lnTo>
                    <a:pt x="14" y="20"/>
                  </a:lnTo>
                  <a:lnTo>
                    <a:pt x="23" y="29"/>
                  </a:lnTo>
                  <a:lnTo>
                    <a:pt x="29" y="46"/>
                  </a:lnTo>
                  <a:lnTo>
                    <a:pt x="22" y="56"/>
                  </a:lnTo>
                  <a:lnTo>
                    <a:pt x="12" y="59"/>
                  </a:lnTo>
                  <a:lnTo>
                    <a:pt x="5" y="56"/>
                  </a:lnTo>
                  <a:lnTo>
                    <a:pt x="3" y="46"/>
                  </a:lnTo>
                  <a:lnTo>
                    <a:pt x="15" y="29"/>
                  </a:lnTo>
                  <a:lnTo>
                    <a:pt x="0" y="10"/>
                  </a:lnTo>
                  <a:lnTo>
                    <a:pt x="0" y="5"/>
                  </a:lnTo>
                  <a:lnTo>
                    <a:pt x="11" y="0"/>
                  </a:lnTo>
                  <a:close/>
                  <a:moveTo>
                    <a:pt x="102" y="40"/>
                  </a:moveTo>
                  <a:lnTo>
                    <a:pt x="96" y="51"/>
                  </a:lnTo>
                  <a:lnTo>
                    <a:pt x="90" y="51"/>
                  </a:lnTo>
                  <a:lnTo>
                    <a:pt x="102" y="40"/>
                  </a:lnTo>
                  <a:close/>
                  <a:moveTo>
                    <a:pt x="63" y="31"/>
                  </a:moveTo>
                  <a:lnTo>
                    <a:pt x="59" y="42"/>
                  </a:lnTo>
                  <a:lnTo>
                    <a:pt x="51" y="39"/>
                  </a:lnTo>
                  <a:lnTo>
                    <a:pt x="52" y="31"/>
                  </a:lnTo>
                  <a:lnTo>
                    <a:pt x="63" y="31"/>
                  </a:lnTo>
                  <a:close/>
                  <a:moveTo>
                    <a:pt x="39" y="17"/>
                  </a:moveTo>
                  <a:lnTo>
                    <a:pt x="34" y="17"/>
                  </a:lnTo>
                  <a:lnTo>
                    <a:pt x="32" y="23"/>
                  </a:lnTo>
                  <a:lnTo>
                    <a:pt x="40" y="26"/>
                  </a:lnTo>
                  <a:lnTo>
                    <a:pt x="42" y="18"/>
                  </a:lnTo>
                  <a:lnTo>
                    <a:pt x="39" y="1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grpSp>
          <p:nvGrpSpPr>
            <p:cNvPr id="5" name="Group 242"/>
            <p:cNvGrpSpPr>
              <a:grpSpLocks noChangeAspect="1"/>
            </p:cNvGrpSpPr>
            <p:nvPr/>
          </p:nvGrpSpPr>
          <p:grpSpPr bwMode="auto">
            <a:xfrm>
              <a:off x="3373438" y="3897313"/>
              <a:ext cx="304800" cy="260350"/>
              <a:chOff x="2124" y="2453"/>
              <a:chExt cx="191" cy="164"/>
            </a:xfrm>
          </p:grpSpPr>
          <p:sp>
            <p:nvSpPr>
              <p:cNvPr id="952" name="Freeform 243"/>
              <p:cNvSpPr>
                <a:spLocks noChangeAspect="1"/>
              </p:cNvSpPr>
              <p:nvPr/>
            </p:nvSpPr>
            <p:spPr bwMode="gray">
              <a:xfrm>
                <a:off x="2183" y="2453"/>
                <a:ext cx="5" cy="4"/>
              </a:xfrm>
              <a:custGeom>
                <a:avLst/>
                <a:gdLst>
                  <a:gd name="T0" fmla="*/ 0 w 15"/>
                  <a:gd name="T1" fmla="*/ 0 h 15"/>
                  <a:gd name="T2" fmla="*/ 0 w 15"/>
                  <a:gd name="T3" fmla="*/ 0 h 15"/>
                  <a:gd name="T4" fmla="*/ 0 w 15"/>
                  <a:gd name="T5" fmla="*/ 0 h 15"/>
                  <a:gd name="T6" fmla="*/ 1 w 15"/>
                  <a:gd name="T7" fmla="*/ 0 h 15"/>
                  <a:gd name="T8" fmla="*/ 0 w 15"/>
                  <a:gd name="T9" fmla="*/ 0 h 15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5"/>
                  <a:gd name="T16" fmla="*/ 0 h 15"/>
                  <a:gd name="T17" fmla="*/ 15 w 15"/>
                  <a:gd name="T18" fmla="*/ 15 h 15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5" h="15">
                    <a:moveTo>
                      <a:pt x="3" y="5"/>
                    </a:moveTo>
                    <a:lnTo>
                      <a:pt x="0" y="0"/>
                    </a:lnTo>
                    <a:lnTo>
                      <a:pt x="3" y="9"/>
                    </a:lnTo>
                    <a:lnTo>
                      <a:pt x="15" y="15"/>
                    </a:lnTo>
                    <a:lnTo>
                      <a:pt x="3" y="5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53" name="Freeform 244"/>
              <p:cNvSpPr>
                <a:spLocks noChangeAspect="1"/>
              </p:cNvSpPr>
              <p:nvPr/>
            </p:nvSpPr>
            <p:spPr bwMode="gray">
              <a:xfrm>
                <a:off x="2194" y="2454"/>
                <a:ext cx="2" cy="3"/>
              </a:xfrm>
              <a:custGeom>
                <a:avLst/>
                <a:gdLst>
                  <a:gd name="T0" fmla="*/ 0 w 8"/>
                  <a:gd name="T1" fmla="*/ 0 h 10"/>
                  <a:gd name="T2" fmla="*/ 0 w 8"/>
                  <a:gd name="T3" fmla="*/ 0 h 10"/>
                  <a:gd name="T4" fmla="*/ 0 w 8"/>
                  <a:gd name="T5" fmla="*/ 0 h 10"/>
                  <a:gd name="T6" fmla="*/ 0 w 8"/>
                  <a:gd name="T7" fmla="*/ 0 h 10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8"/>
                  <a:gd name="T13" fmla="*/ 0 h 10"/>
                  <a:gd name="T14" fmla="*/ 8 w 8"/>
                  <a:gd name="T15" fmla="*/ 10 h 10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8" h="10">
                    <a:moveTo>
                      <a:pt x="0" y="0"/>
                    </a:moveTo>
                    <a:lnTo>
                      <a:pt x="6" y="10"/>
                    </a:lnTo>
                    <a:lnTo>
                      <a:pt x="8" y="3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54" name="Freeform 245"/>
              <p:cNvSpPr>
                <a:spLocks noChangeAspect="1" noEditPoints="1"/>
              </p:cNvSpPr>
              <p:nvPr/>
            </p:nvSpPr>
            <p:spPr bwMode="gray">
              <a:xfrm>
                <a:off x="2124" y="2455"/>
                <a:ext cx="191" cy="162"/>
              </a:xfrm>
              <a:custGeom>
                <a:avLst/>
                <a:gdLst>
                  <a:gd name="T0" fmla="*/ 2 w 625"/>
                  <a:gd name="T1" fmla="*/ 1 h 529"/>
                  <a:gd name="T2" fmla="*/ 2 w 625"/>
                  <a:gd name="T3" fmla="*/ 2 h 529"/>
                  <a:gd name="T4" fmla="*/ 2 w 625"/>
                  <a:gd name="T5" fmla="*/ 3 h 529"/>
                  <a:gd name="T6" fmla="*/ 2 w 625"/>
                  <a:gd name="T7" fmla="*/ 4 h 529"/>
                  <a:gd name="T8" fmla="*/ 3 w 625"/>
                  <a:gd name="T9" fmla="*/ 4 h 529"/>
                  <a:gd name="T10" fmla="*/ 2 w 625"/>
                  <a:gd name="T11" fmla="*/ 2 h 529"/>
                  <a:gd name="T12" fmla="*/ 3 w 625"/>
                  <a:gd name="T13" fmla="*/ 1 h 529"/>
                  <a:gd name="T14" fmla="*/ 5 w 625"/>
                  <a:gd name="T15" fmla="*/ 1 h 529"/>
                  <a:gd name="T16" fmla="*/ 4 w 625"/>
                  <a:gd name="T17" fmla="*/ 0 h 529"/>
                  <a:gd name="T18" fmla="*/ 5 w 625"/>
                  <a:gd name="T19" fmla="*/ 0 h 529"/>
                  <a:gd name="T20" fmla="*/ 6 w 625"/>
                  <a:gd name="T21" fmla="*/ 1 h 529"/>
                  <a:gd name="T22" fmla="*/ 7 w 625"/>
                  <a:gd name="T23" fmla="*/ 2 h 529"/>
                  <a:gd name="T24" fmla="*/ 10 w 625"/>
                  <a:gd name="T25" fmla="*/ 3 h 529"/>
                  <a:gd name="T26" fmla="*/ 12 w 625"/>
                  <a:gd name="T27" fmla="*/ 3 h 529"/>
                  <a:gd name="T28" fmla="*/ 13 w 625"/>
                  <a:gd name="T29" fmla="*/ 2 h 529"/>
                  <a:gd name="T30" fmla="*/ 12 w 625"/>
                  <a:gd name="T31" fmla="*/ 2 h 529"/>
                  <a:gd name="T32" fmla="*/ 15 w 625"/>
                  <a:gd name="T33" fmla="*/ 2 h 529"/>
                  <a:gd name="T34" fmla="*/ 14 w 625"/>
                  <a:gd name="T35" fmla="*/ 2 h 529"/>
                  <a:gd name="T36" fmla="*/ 14 w 625"/>
                  <a:gd name="T37" fmla="*/ 3 h 529"/>
                  <a:gd name="T38" fmla="*/ 15 w 625"/>
                  <a:gd name="T39" fmla="*/ 3 h 529"/>
                  <a:gd name="T40" fmla="*/ 17 w 625"/>
                  <a:gd name="T41" fmla="*/ 5 h 529"/>
                  <a:gd name="T42" fmla="*/ 16 w 625"/>
                  <a:gd name="T43" fmla="*/ 5 h 529"/>
                  <a:gd name="T44" fmla="*/ 17 w 625"/>
                  <a:gd name="T45" fmla="*/ 5 h 529"/>
                  <a:gd name="T46" fmla="*/ 18 w 625"/>
                  <a:gd name="T47" fmla="*/ 6 h 529"/>
                  <a:gd name="T48" fmla="*/ 17 w 625"/>
                  <a:gd name="T49" fmla="*/ 7 h 529"/>
                  <a:gd name="T50" fmla="*/ 16 w 625"/>
                  <a:gd name="T51" fmla="*/ 7 h 529"/>
                  <a:gd name="T52" fmla="*/ 16 w 625"/>
                  <a:gd name="T53" fmla="*/ 8 h 529"/>
                  <a:gd name="T54" fmla="*/ 17 w 625"/>
                  <a:gd name="T55" fmla="*/ 9 h 529"/>
                  <a:gd name="T56" fmla="*/ 16 w 625"/>
                  <a:gd name="T57" fmla="*/ 10 h 529"/>
                  <a:gd name="T58" fmla="*/ 15 w 625"/>
                  <a:gd name="T59" fmla="*/ 11 h 529"/>
                  <a:gd name="T60" fmla="*/ 14 w 625"/>
                  <a:gd name="T61" fmla="*/ 11 h 529"/>
                  <a:gd name="T62" fmla="*/ 12 w 625"/>
                  <a:gd name="T63" fmla="*/ 11 h 529"/>
                  <a:gd name="T64" fmla="*/ 11 w 625"/>
                  <a:gd name="T65" fmla="*/ 11 h 529"/>
                  <a:gd name="T66" fmla="*/ 12 w 625"/>
                  <a:gd name="T67" fmla="*/ 12 h 529"/>
                  <a:gd name="T68" fmla="*/ 13 w 625"/>
                  <a:gd name="T69" fmla="*/ 13 h 529"/>
                  <a:gd name="T70" fmla="*/ 12 w 625"/>
                  <a:gd name="T71" fmla="*/ 13 h 529"/>
                  <a:gd name="T72" fmla="*/ 10 w 625"/>
                  <a:gd name="T73" fmla="*/ 15 h 529"/>
                  <a:gd name="T74" fmla="*/ 9 w 625"/>
                  <a:gd name="T75" fmla="*/ 15 h 529"/>
                  <a:gd name="T76" fmla="*/ 8 w 625"/>
                  <a:gd name="T77" fmla="*/ 13 h 529"/>
                  <a:gd name="T78" fmla="*/ 8 w 625"/>
                  <a:gd name="T79" fmla="*/ 12 h 529"/>
                  <a:gd name="T80" fmla="*/ 7 w 625"/>
                  <a:gd name="T81" fmla="*/ 11 h 529"/>
                  <a:gd name="T82" fmla="*/ 7 w 625"/>
                  <a:gd name="T83" fmla="*/ 9 h 529"/>
                  <a:gd name="T84" fmla="*/ 8 w 625"/>
                  <a:gd name="T85" fmla="*/ 8 h 529"/>
                  <a:gd name="T86" fmla="*/ 6 w 625"/>
                  <a:gd name="T87" fmla="*/ 8 h 529"/>
                  <a:gd name="T88" fmla="*/ 5 w 625"/>
                  <a:gd name="T89" fmla="*/ 8 h 529"/>
                  <a:gd name="T90" fmla="*/ 4 w 625"/>
                  <a:gd name="T91" fmla="*/ 7 h 529"/>
                  <a:gd name="T92" fmla="*/ 2 w 625"/>
                  <a:gd name="T93" fmla="*/ 7 h 529"/>
                  <a:gd name="T94" fmla="*/ 1 w 625"/>
                  <a:gd name="T95" fmla="*/ 5 h 529"/>
                  <a:gd name="T96" fmla="*/ 1 w 625"/>
                  <a:gd name="T97" fmla="*/ 4 h 529"/>
                  <a:gd name="T98" fmla="*/ 0 w 625"/>
                  <a:gd name="T99" fmla="*/ 3 h 529"/>
                  <a:gd name="T100" fmla="*/ 1 w 625"/>
                  <a:gd name="T101" fmla="*/ 2 h 529"/>
                  <a:gd name="T102" fmla="*/ 3 w 625"/>
                  <a:gd name="T103" fmla="*/ 1 h 529"/>
                  <a:gd name="T104" fmla="*/ 13 w 625"/>
                  <a:gd name="T105" fmla="*/ 2 h 529"/>
                  <a:gd name="T106" fmla="*/ 12 w 625"/>
                  <a:gd name="T107" fmla="*/ 2 h 529"/>
                  <a:gd name="T108" fmla="*/ 12 w 625"/>
                  <a:gd name="T109" fmla="*/ 2 h 529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w 625"/>
                  <a:gd name="T166" fmla="*/ 0 h 529"/>
                  <a:gd name="T167" fmla="*/ 625 w 625"/>
                  <a:gd name="T168" fmla="*/ 529 h 529"/>
                </a:gdLst>
                <a:ahLst/>
                <a:cxnLst>
                  <a:cxn ang="T110">
                    <a:pos x="T0" y="T1"/>
                  </a:cxn>
                  <a:cxn ang="T111">
                    <a:pos x="T2" y="T3"/>
                  </a:cxn>
                  <a:cxn ang="T112">
                    <a:pos x="T4" y="T5"/>
                  </a:cxn>
                  <a:cxn ang="T113">
                    <a:pos x="T6" y="T7"/>
                  </a:cxn>
                  <a:cxn ang="T114">
                    <a:pos x="T8" y="T9"/>
                  </a:cxn>
                  <a:cxn ang="T115">
                    <a:pos x="T10" y="T11"/>
                  </a:cxn>
                  <a:cxn ang="T116">
                    <a:pos x="T12" y="T13"/>
                  </a:cxn>
                  <a:cxn ang="T117">
                    <a:pos x="T14" y="T15"/>
                  </a:cxn>
                  <a:cxn ang="T118">
                    <a:pos x="T16" y="T17"/>
                  </a:cxn>
                  <a:cxn ang="T119">
                    <a:pos x="T18" y="T19"/>
                  </a:cxn>
                  <a:cxn ang="T120">
                    <a:pos x="T20" y="T21"/>
                  </a:cxn>
                  <a:cxn ang="T121">
                    <a:pos x="T22" y="T23"/>
                  </a:cxn>
                  <a:cxn ang="T122">
                    <a:pos x="T24" y="T25"/>
                  </a:cxn>
                  <a:cxn ang="T123">
                    <a:pos x="T26" y="T27"/>
                  </a:cxn>
                  <a:cxn ang="T124">
                    <a:pos x="T28" y="T29"/>
                  </a:cxn>
                  <a:cxn ang="T125">
                    <a:pos x="T30" y="T31"/>
                  </a:cxn>
                  <a:cxn ang="T126">
                    <a:pos x="T32" y="T33"/>
                  </a:cxn>
                  <a:cxn ang="T127">
                    <a:pos x="T34" y="T35"/>
                  </a:cxn>
                  <a:cxn ang="T128">
                    <a:pos x="T36" y="T37"/>
                  </a:cxn>
                  <a:cxn ang="T129">
                    <a:pos x="T38" y="T39"/>
                  </a:cxn>
                  <a:cxn ang="T130">
                    <a:pos x="T40" y="T41"/>
                  </a:cxn>
                  <a:cxn ang="T131">
                    <a:pos x="T42" y="T43"/>
                  </a:cxn>
                  <a:cxn ang="T132">
                    <a:pos x="T44" y="T45"/>
                  </a:cxn>
                  <a:cxn ang="T133">
                    <a:pos x="T46" y="T47"/>
                  </a:cxn>
                  <a:cxn ang="T134">
                    <a:pos x="T48" y="T49"/>
                  </a:cxn>
                  <a:cxn ang="T135">
                    <a:pos x="T50" y="T51"/>
                  </a:cxn>
                  <a:cxn ang="T136">
                    <a:pos x="T52" y="T53"/>
                  </a:cxn>
                  <a:cxn ang="T137">
                    <a:pos x="T54" y="T55"/>
                  </a:cxn>
                  <a:cxn ang="T138">
                    <a:pos x="T56" y="T57"/>
                  </a:cxn>
                  <a:cxn ang="T139">
                    <a:pos x="T58" y="T59"/>
                  </a:cxn>
                  <a:cxn ang="T140">
                    <a:pos x="T60" y="T61"/>
                  </a:cxn>
                  <a:cxn ang="T141">
                    <a:pos x="T62" y="T63"/>
                  </a:cxn>
                  <a:cxn ang="T142">
                    <a:pos x="T64" y="T65"/>
                  </a:cxn>
                  <a:cxn ang="T143">
                    <a:pos x="T66" y="T67"/>
                  </a:cxn>
                  <a:cxn ang="T144">
                    <a:pos x="T68" y="T69"/>
                  </a:cxn>
                  <a:cxn ang="T145">
                    <a:pos x="T70" y="T71"/>
                  </a:cxn>
                  <a:cxn ang="T146">
                    <a:pos x="T72" y="T73"/>
                  </a:cxn>
                  <a:cxn ang="T147">
                    <a:pos x="T74" y="T75"/>
                  </a:cxn>
                  <a:cxn ang="T148">
                    <a:pos x="T76" y="T77"/>
                  </a:cxn>
                  <a:cxn ang="T149">
                    <a:pos x="T78" y="T79"/>
                  </a:cxn>
                  <a:cxn ang="T150">
                    <a:pos x="T80" y="T81"/>
                  </a:cxn>
                  <a:cxn ang="T151">
                    <a:pos x="T82" y="T83"/>
                  </a:cxn>
                  <a:cxn ang="T152">
                    <a:pos x="T84" y="T85"/>
                  </a:cxn>
                  <a:cxn ang="T153">
                    <a:pos x="T86" y="T87"/>
                  </a:cxn>
                  <a:cxn ang="T154">
                    <a:pos x="T88" y="T89"/>
                  </a:cxn>
                  <a:cxn ang="T155">
                    <a:pos x="T90" y="T91"/>
                  </a:cxn>
                  <a:cxn ang="T156">
                    <a:pos x="T92" y="T93"/>
                  </a:cxn>
                  <a:cxn ang="T157">
                    <a:pos x="T94" y="T95"/>
                  </a:cxn>
                  <a:cxn ang="T158">
                    <a:pos x="T96" y="T97"/>
                  </a:cxn>
                  <a:cxn ang="T159">
                    <a:pos x="T98" y="T99"/>
                  </a:cxn>
                  <a:cxn ang="T160">
                    <a:pos x="T100" y="T101"/>
                  </a:cxn>
                  <a:cxn ang="T161">
                    <a:pos x="T102" y="T103"/>
                  </a:cxn>
                  <a:cxn ang="T162">
                    <a:pos x="T104" y="T105"/>
                  </a:cxn>
                  <a:cxn ang="T163">
                    <a:pos x="T106" y="T107"/>
                  </a:cxn>
                  <a:cxn ang="T164">
                    <a:pos x="T108" y="T109"/>
                  </a:cxn>
                </a:cxnLst>
                <a:rect l="T165" t="T166" r="T167" b="T168"/>
                <a:pathLst>
                  <a:path w="625" h="529">
                    <a:moveTo>
                      <a:pt x="91" y="17"/>
                    </a:moveTo>
                    <a:lnTo>
                      <a:pt x="69" y="30"/>
                    </a:lnTo>
                    <a:lnTo>
                      <a:pt x="82" y="70"/>
                    </a:lnTo>
                    <a:lnTo>
                      <a:pt x="77" y="80"/>
                    </a:lnTo>
                    <a:lnTo>
                      <a:pt x="63" y="101"/>
                    </a:lnTo>
                    <a:lnTo>
                      <a:pt x="63" y="119"/>
                    </a:lnTo>
                    <a:lnTo>
                      <a:pt x="74" y="127"/>
                    </a:lnTo>
                    <a:lnTo>
                      <a:pt x="83" y="147"/>
                    </a:lnTo>
                    <a:lnTo>
                      <a:pt x="94" y="146"/>
                    </a:lnTo>
                    <a:lnTo>
                      <a:pt x="107" y="133"/>
                    </a:lnTo>
                    <a:lnTo>
                      <a:pt x="105" y="113"/>
                    </a:lnTo>
                    <a:lnTo>
                      <a:pt x="88" y="85"/>
                    </a:lnTo>
                    <a:lnTo>
                      <a:pt x="88" y="65"/>
                    </a:lnTo>
                    <a:lnTo>
                      <a:pt x="117" y="45"/>
                    </a:lnTo>
                    <a:lnTo>
                      <a:pt x="166" y="34"/>
                    </a:lnTo>
                    <a:lnTo>
                      <a:pt x="164" y="28"/>
                    </a:lnTo>
                    <a:lnTo>
                      <a:pt x="142" y="21"/>
                    </a:lnTo>
                    <a:lnTo>
                      <a:pt x="147" y="5"/>
                    </a:lnTo>
                    <a:lnTo>
                      <a:pt x="156" y="0"/>
                    </a:lnTo>
                    <a:lnTo>
                      <a:pt x="162" y="5"/>
                    </a:lnTo>
                    <a:lnTo>
                      <a:pt x="175" y="34"/>
                    </a:lnTo>
                    <a:lnTo>
                      <a:pt x="229" y="47"/>
                    </a:lnTo>
                    <a:lnTo>
                      <a:pt x="238" y="73"/>
                    </a:lnTo>
                    <a:lnTo>
                      <a:pt x="246" y="80"/>
                    </a:lnTo>
                    <a:lnTo>
                      <a:pt x="332" y="73"/>
                    </a:lnTo>
                    <a:lnTo>
                      <a:pt x="356" y="93"/>
                    </a:lnTo>
                    <a:lnTo>
                      <a:pt x="379" y="96"/>
                    </a:lnTo>
                    <a:lnTo>
                      <a:pt x="401" y="92"/>
                    </a:lnTo>
                    <a:lnTo>
                      <a:pt x="416" y="82"/>
                    </a:lnTo>
                    <a:lnTo>
                      <a:pt x="441" y="80"/>
                    </a:lnTo>
                    <a:lnTo>
                      <a:pt x="442" y="77"/>
                    </a:lnTo>
                    <a:lnTo>
                      <a:pt x="420" y="73"/>
                    </a:lnTo>
                    <a:lnTo>
                      <a:pt x="427" y="70"/>
                    </a:lnTo>
                    <a:lnTo>
                      <a:pt x="521" y="72"/>
                    </a:lnTo>
                    <a:lnTo>
                      <a:pt x="504" y="80"/>
                    </a:lnTo>
                    <a:lnTo>
                      <a:pt x="483" y="80"/>
                    </a:lnTo>
                    <a:lnTo>
                      <a:pt x="479" y="87"/>
                    </a:lnTo>
                    <a:lnTo>
                      <a:pt x="496" y="93"/>
                    </a:lnTo>
                    <a:lnTo>
                      <a:pt x="508" y="113"/>
                    </a:lnTo>
                    <a:lnTo>
                      <a:pt x="537" y="114"/>
                    </a:lnTo>
                    <a:lnTo>
                      <a:pt x="571" y="133"/>
                    </a:lnTo>
                    <a:lnTo>
                      <a:pt x="581" y="161"/>
                    </a:lnTo>
                    <a:lnTo>
                      <a:pt x="569" y="170"/>
                    </a:lnTo>
                    <a:lnTo>
                      <a:pt x="571" y="173"/>
                    </a:lnTo>
                    <a:lnTo>
                      <a:pt x="589" y="177"/>
                    </a:lnTo>
                    <a:lnTo>
                      <a:pt x="606" y="169"/>
                    </a:lnTo>
                    <a:lnTo>
                      <a:pt x="625" y="181"/>
                    </a:lnTo>
                    <a:lnTo>
                      <a:pt x="623" y="192"/>
                    </a:lnTo>
                    <a:lnTo>
                      <a:pt x="579" y="212"/>
                    </a:lnTo>
                    <a:lnTo>
                      <a:pt x="579" y="234"/>
                    </a:lnTo>
                    <a:lnTo>
                      <a:pt x="594" y="240"/>
                    </a:lnTo>
                    <a:lnTo>
                      <a:pt x="567" y="257"/>
                    </a:lnTo>
                    <a:lnTo>
                      <a:pt x="567" y="270"/>
                    </a:lnTo>
                    <a:lnTo>
                      <a:pt x="557" y="283"/>
                    </a:lnTo>
                    <a:lnTo>
                      <a:pt x="557" y="288"/>
                    </a:lnTo>
                    <a:lnTo>
                      <a:pt x="588" y="325"/>
                    </a:lnTo>
                    <a:lnTo>
                      <a:pt x="588" y="338"/>
                    </a:lnTo>
                    <a:lnTo>
                      <a:pt x="572" y="355"/>
                    </a:lnTo>
                    <a:lnTo>
                      <a:pt x="555" y="356"/>
                    </a:lnTo>
                    <a:lnTo>
                      <a:pt x="534" y="371"/>
                    </a:lnTo>
                    <a:lnTo>
                      <a:pt x="496" y="376"/>
                    </a:lnTo>
                    <a:lnTo>
                      <a:pt x="478" y="387"/>
                    </a:lnTo>
                    <a:lnTo>
                      <a:pt x="458" y="385"/>
                    </a:lnTo>
                    <a:lnTo>
                      <a:pt x="424" y="371"/>
                    </a:lnTo>
                    <a:lnTo>
                      <a:pt x="394" y="367"/>
                    </a:lnTo>
                    <a:lnTo>
                      <a:pt x="399" y="384"/>
                    </a:lnTo>
                    <a:lnTo>
                      <a:pt x="420" y="395"/>
                    </a:lnTo>
                    <a:lnTo>
                      <a:pt x="416" y="421"/>
                    </a:lnTo>
                    <a:lnTo>
                      <a:pt x="424" y="452"/>
                    </a:lnTo>
                    <a:lnTo>
                      <a:pt x="461" y="454"/>
                    </a:lnTo>
                    <a:lnTo>
                      <a:pt x="459" y="463"/>
                    </a:lnTo>
                    <a:lnTo>
                      <a:pt x="430" y="475"/>
                    </a:lnTo>
                    <a:lnTo>
                      <a:pt x="418" y="497"/>
                    </a:lnTo>
                    <a:lnTo>
                      <a:pt x="368" y="515"/>
                    </a:lnTo>
                    <a:lnTo>
                      <a:pt x="354" y="528"/>
                    </a:lnTo>
                    <a:lnTo>
                      <a:pt x="320" y="529"/>
                    </a:lnTo>
                    <a:lnTo>
                      <a:pt x="298" y="503"/>
                    </a:lnTo>
                    <a:lnTo>
                      <a:pt x="278" y="456"/>
                    </a:lnTo>
                    <a:lnTo>
                      <a:pt x="257" y="435"/>
                    </a:lnTo>
                    <a:lnTo>
                      <a:pt x="280" y="410"/>
                    </a:lnTo>
                    <a:lnTo>
                      <a:pt x="272" y="392"/>
                    </a:lnTo>
                    <a:lnTo>
                      <a:pt x="257" y="379"/>
                    </a:lnTo>
                    <a:lnTo>
                      <a:pt x="252" y="353"/>
                    </a:lnTo>
                    <a:lnTo>
                      <a:pt x="257" y="319"/>
                    </a:lnTo>
                    <a:lnTo>
                      <a:pt x="272" y="290"/>
                    </a:lnTo>
                    <a:lnTo>
                      <a:pt x="269" y="279"/>
                    </a:lnTo>
                    <a:lnTo>
                      <a:pt x="255" y="277"/>
                    </a:lnTo>
                    <a:lnTo>
                      <a:pt x="230" y="285"/>
                    </a:lnTo>
                    <a:lnTo>
                      <a:pt x="203" y="280"/>
                    </a:lnTo>
                    <a:lnTo>
                      <a:pt x="183" y="283"/>
                    </a:lnTo>
                    <a:lnTo>
                      <a:pt x="150" y="245"/>
                    </a:lnTo>
                    <a:lnTo>
                      <a:pt x="127" y="236"/>
                    </a:lnTo>
                    <a:lnTo>
                      <a:pt x="90" y="241"/>
                    </a:lnTo>
                    <a:lnTo>
                      <a:pt x="63" y="234"/>
                    </a:lnTo>
                    <a:lnTo>
                      <a:pt x="46" y="223"/>
                    </a:lnTo>
                    <a:lnTo>
                      <a:pt x="42" y="186"/>
                    </a:lnTo>
                    <a:lnTo>
                      <a:pt x="27" y="163"/>
                    </a:lnTo>
                    <a:lnTo>
                      <a:pt x="22" y="143"/>
                    </a:lnTo>
                    <a:lnTo>
                      <a:pt x="0" y="141"/>
                    </a:lnTo>
                    <a:lnTo>
                      <a:pt x="14" y="119"/>
                    </a:lnTo>
                    <a:lnTo>
                      <a:pt x="23" y="80"/>
                    </a:lnTo>
                    <a:lnTo>
                      <a:pt x="34" y="62"/>
                    </a:lnTo>
                    <a:lnTo>
                      <a:pt x="66" y="25"/>
                    </a:lnTo>
                    <a:lnTo>
                      <a:pt x="91" y="17"/>
                    </a:lnTo>
                    <a:close/>
                    <a:moveTo>
                      <a:pt x="435" y="48"/>
                    </a:moveTo>
                    <a:lnTo>
                      <a:pt x="441" y="56"/>
                    </a:lnTo>
                    <a:lnTo>
                      <a:pt x="430" y="62"/>
                    </a:lnTo>
                    <a:lnTo>
                      <a:pt x="416" y="59"/>
                    </a:lnTo>
                    <a:lnTo>
                      <a:pt x="413" y="55"/>
                    </a:lnTo>
                    <a:lnTo>
                      <a:pt x="427" y="55"/>
                    </a:lnTo>
                    <a:lnTo>
                      <a:pt x="435" y="48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</p:grpSp>
        <p:sp>
          <p:nvSpPr>
            <p:cNvPr id="904" name="Freeform 246"/>
            <p:cNvSpPr>
              <a:spLocks noChangeAspect="1" noEditPoints="1"/>
            </p:cNvSpPr>
            <p:nvPr/>
          </p:nvSpPr>
          <p:spPr bwMode="gray">
            <a:xfrm>
              <a:off x="3362325" y="4059238"/>
              <a:ext cx="874713" cy="917575"/>
            </a:xfrm>
            <a:custGeom>
              <a:avLst/>
              <a:gdLst>
                <a:gd name="T0" fmla="*/ 30 w 1796"/>
                <a:gd name="T1" fmla="*/ 51 h 1883"/>
                <a:gd name="T2" fmla="*/ 33 w 1796"/>
                <a:gd name="T3" fmla="*/ 47 h 1883"/>
                <a:gd name="T4" fmla="*/ 33 w 1796"/>
                <a:gd name="T5" fmla="*/ 43 h 1883"/>
                <a:gd name="T6" fmla="*/ 38 w 1796"/>
                <a:gd name="T7" fmla="*/ 39 h 1883"/>
                <a:gd name="T8" fmla="*/ 40 w 1796"/>
                <a:gd name="T9" fmla="*/ 38 h 1883"/>
                <a:gd name="T10" fmla="*/ 43 w 1796"/>
                <a:gd name="T11" fmla="*/ 37 h 1883"/>
                <a:gd name="T12" fmla="*/ 45 w 1796"/>
                <a:gd name="T13" fmla="*/ 31 h 1883"/>
                <a:gd name="T14" fmla="*/ 47 w 1796"/>
                <a:gd name="T15" fmla="*/ 24 h 1883"/>
                <a:gd name="T16" fmla="*/ 50 w 1796"/>
                <a:gd name="T17" fmla="*/ 21 h 1883"/>
                <a:gd name="T18" fmla="*/ 52 w 1796"/>
                <a:gd name="T19" fmla="*/ 14 h 1883"/>
                <a:gd name="T20" fmla="*/ 45 w 1796"/>
                <a:gd name="T21" fmla="*/ 11 h 1883"/>
                <a:gd name="T22" fmla="*/ 39 w 1796"/>
                <a:gd name="T23" fmla="*/ 10 h 1883"/>
                <a:gd name="T24" fmla="*/ 38 w 1796"/>
                <a:gd name="T25" fmla="*/ 9 h 1883"/>
                <a:gd name="T26" fmla="*/ 35 w 1796"/>
                <a:gd name="T27" fmla="*/ 8 h 1883"/>
                <a:gd name="T28" fmla="*/ 33 w 1796"/>
                <a:gd name="T29" fmla="*/ 9 h 1883"/>
                <a:gd name="T30" fmla="*/ 30 w 1796"/>
                <a:gd name="T31" fmla="*/ 9 h 1883"/>
                <a:gd name="T32" fmla="*/ 31 w 1796"/>
                <a:gd name="T33" fmla="*/ 8 h 1883"/>
                <a:gd name="T34" fmla="*/ 32 w 1796"/>
                <a:gd name="T35" fmla="*/ 6 h 1883"/>
                <a:gd name="T36" fmla="*/ 30 w 1796"/>
                <a:gd name="T37" fmla="*/ 1 h 1883"/>
                <a:gd name="T38" fmla="*/ 27 w 1796"/>
                <a:gd name="T39" fmla="*/ 4 h 1883"/>
                <a:gd name="T40" fmla="*/ 24 w 1796"/>
                <a:gd name="T41" fmla="*/ 4 h 1883"/>
                <a:gd name="T42" fmla="*/ 22 w 1796"/>
                <a:gd name="T43" fmla="*/ 4 h 1883"/>
                <a:gd name="T44" fmla="*/ 19 w 1796"/>
                <a:gd name="T45" fmla="*/ 5 h 1883"/>
                <a:gd name="T46" fmla="*/ 19 w 1796"/>
                <a:gd name="T47" fmla="*/ 2 h 1883"/>
                <a:gd name="T48" fmla="*/ 17 w 1796"/>
                <a:gd name="T49" fmla="*/ 0 h 1883"/>
                <a:gd name="T50" fmla="*/ 15 w 1796"/>
                <a:gd name="T51" fmla="*/ 2 h 1883"/>
                <a:gd name="T52" fmla="*/ 12 w 1796"/>
                <a:gd name="T53" fmla="*/ 2 h 1883"/>
                <a:gd name="T54" fmla="*/ 14 w 1796"/>
                <a:gd name="T55" fmla="*/ 4 h 1883"/>
                <a:gd name="T56" fmla="*/ 10 w 1796"/>
                <a:gd name="T57" fmla="*/ 6 h 1883"/>
                <a:gd name="T58" fmla="*/ 8 w 1796"/>
                <a:gd name="T59" fmla="*/ 5 h 1883"/>
                <a:gd name="T60" fmla="*/ 6 w 1796"/>
                <a:gd name="T61" fmla="*/ 6 h 1883"/>
                <a:gd name="T62" fmla="*/ 5 w 1796"/>
                <a:gd name="T63" fmla="*/ 7 h 1883"/>
                <a:gd name="T64" fmla="*/ 5 w 1796"/>
                <a:gd name="T65" fmla="*/ 13 h 1883"/>
                <a:gd name="T66" fmla="*/ 1 w 1796"/>
                <a:gd name="T67" fmla="*/ 15 h 1883"/>
                <a:gd name="T68" fmla="*/ 1 w 1796"/>
                <a:gd name="T69" fmla="*/ 19 h 1883"/>
                <a:gd name="T70" fmla="*/ 3 w 1796"/>
                <a:gd name="T71" fmla="*/ 20 h 1883"/>
                <a:gd name="T72" fmla="*/ 7 w 1796"/>
                <a:gd name="T73" fmla="*/ 21 h 1883"/>
                <a:gd name="T74" fmla="*/ 11 w 1796"/>
                <a:gd name="T75" fmla="*/ 20 h 1883"/>
                <a:gd name="T76" fmla="*/ 14 w 1796"/>
                <a:gd name="T77" fmla="*/ 24 h 1883"/>
                <a:gd name="T78" fmla="*/ 17 w 1796"/>
                <a:gd name="T79" fmla="*/ 25 h 1883"/>
                <a:gd name="T80" fmla="*/ 18 w 1796"/>
                <a:gd name="T81" fmla="*/ 29 h 1883"/>
                <a:gd name="T82" fmla="*/ 21 w 1796"/>
                <a:gd name="T83" fmla="*/ 31 h 1883"/>
                <a:gd name="T84" fmla="*/ 21 w 1796"/>
                <a:gd name="T85" fmla="*/ 34 h 1883"/>
                <a:gd name="T86" fmla="*/ 23 w 1796"/>
                <a:gd name="T87" fmla="*/ 37 h 1883"/>
                <a:gd name="T88" fmla="*/ 25 w 1796"/>
                <a:gd name="T89" fmla="*/ 40 h 1883"/>
                <a:gd name="T90" fmla="*/ 26 w 1796"/>
                <a:gd name="T91" fmla="*/ 42 h 1883"/>
                <a:gd name="T92" fmla="*/ 25 w 1796"/>
                <a:gd name="T93" fmla="*/ 45 h 1883"/>
                <a:gd name="T94" fmla="*/ 22 w 1796"/>
                <a:gd name="T95" fmla="*/ 49 h 1883"/>
                <a:gd name="T96" fmla="*/ 24 w 1796"/>
                <a:gd name="T97" fmla="*/ 50 h 1883"/>
                <a:gd name="T98" fmla="*/ 27 w 1796"/>
                <a:gd name="T99" fmla="*/ 52 h 1883"/>
                <a:gd name="T100" fmla="*/ 31 w 1796"/>
                <a:gd name="T101" fmla="*/ 7 h 1883"/>
                <a:gd name="T102" fmla="*/ 33 w 1796"/>
                <a:gd name="T103" fmla="*/ 7 h 1883"/>
                <a:gd name="T104" fmla="*/ 34 w 1796"/>
                <a:gd name="T105" fmla="*/ 7 h 1883"/>
                <a:gd name="T106" fmla="*/ 31 w 1796"/>
                <a:gd name="T107" fmla="*/ 9 h 1883"/>
                <a:gd name="T108" fmla="*/ 34 w 1796"/>
                <a:gd name="T109" fmla="*/ 7 h 1883"/>
                <a:gd name="T110" fmla="*/ 31 w 1796"/>
                <a:gd name="T111" fmla="*/ 7 h 1883"/>
                <a:gd name="T112" fmla="*/ 32 w 1796"/>
                <a:gd name="T113" fmla="*/ 6 h 1883"/>
                <a:gd name="T114" fmla="*/ 32 w 1796"/>
                <a:gd name="T115" fmla="*/ 6 h 1883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w 1796"/>
                <a:gd name="T175" fmla="*/ 0 h 1883"/>
                <a:gd name="T176" fmla="*/ 1796 w 1796"/>
                <a:gd name="T177" fmla="*/ 1883 h 1883"/>
              </a:gdLst>
              <a:ahLst/>
              <a:cxnLst>
                <a:cxn ang="T116">
                  <a:pos x="T0" y="T1"/>
                </a:cxn>
                <a:cxn ang="T117">
                  <a:pos x="T2" y="T3"/>
                </a:cxn>
                <a:cxn ang="T118">
                  <a:pos x="T4" y="T5"/>
                </a:cxn>
                <a:cxn ang="T119">
                  <a:pos x="T6" y="T7"/>
                </a:cxn>
                <a:cxn ang="T120">
                  <a:pos x="T8" y="T9"/>
                </a:cxn>
                <a:cxn ang="T121">
                  <a:pos x="T10" y="T11"/>
                </a:cxn>
                <a:cxn ang="T122">
                  <a:pos x="T12" y="T13"/>
                </a:cxn>
                <a:cxn ang="T123">
                  <a:pos x="T14" y="T15"/>
                </a:cxn>
                <a:cxn ang="T124">
                  <a:pos x="T16" y="T17"/>
                </a:cxn>
                <a:cxn ang="T125">
                  <a:pos x="T18" y="T19"/>
                </a:cxn>
                <a:cxn ang="T126">
                  <a:pos x="T20" y="T21"/>
                </a:cxn>
                <a:cxn ang="T127">
                  <a:pos x="T22" y="T23"/>
                </a:cxn>
                <a:cxn ang="T128">
                  <a:pos x="T24" y="T25"/>
                </a:cxn>
                <a:cxn ang="T129">
                  <a:pos x="T26" y="T27"/>
                </a:cxn>
                <a:cxn ang="T130">
                  <a:pos x="T28" y="T29"/>
                </a:cxn>
                <a:cxn ang="T131">
                  <a:pos x="T30" y="T31"/>
                </a:cxn>
                <a:cxn ang="T132">
                  <a:pos x="T32" y="T33"/>
                </a:cxn>
                <a:cxn ang="T133">
                  <a:pos x="T34" y="T35"/>
                </a:cxn>
                <a:cxn ang="T134">
                  <a:pos x="T36" y="T37"/>
                </a:cxn>
                <a:cxn ang="T135">
                  <a:pos x="T38" y="T39"/>
                </a:cxn>
                <a:cxn ang="T136">
                  <a:pos x="T40" y="T41"/>
                </a:cxn>
                <a:cxn ang="T137">
                  <a:pos x="T42" y="T43"/>
                </a:cxn>
                <a:cxn ang="T138">
                  <a:pos x="T44" y="T45"/>
                </a:cxn>
                <a:cxn ang="T139">
                  <a:pos x="T46" y="T47"/>
                </a:cxn>
                <a:cxn ang="T140">
                  <a:pos x="T48" y="T49"/>
                </a:cxn>
                <a:cxn ang="T141">
                  <a:pos x="T50" y="T51"/>
                </a:cxn>
                <a:cxn ang="T142">
                  <a:pos x="T52" y="T53"/>
                </a:cxn>
                <a:cxn ang="T143">
                  <a:pos x="T54" y="T55"/>
                </a:cxn>
                <a:cxn ang="T144">
                  <a:pos x="T56" y="T57"/>
                </a:cxn>
                <a:cxn ang="T145">
                  <a:pos x="T58" y="T59"/>
                </a:cxn>
                <a:cxn ang="T146">
                  <a:pos x="T60" y="T61"/>
                </a:cxn>
                <a:cxn ang="T147">
                  <a:pos x="T62" y="T63"/>
                </a:cxn>
                <a:cxn ang="T148">
                  <a:pos x="T64" y="T65"/>
                </a:cxn>
                <a:cxn ang="T149">
                  <a:pos x="T66" y="T67"/>
                </a:cxn>
                <a:cxn ang="T150">
                  <a:pos x="T68" y="T69"/>
                </a:cxn>
                <a:cxn ang="T151">
                  <a:pos x="T70" y="T71"/>
                </a:cxn>
                <a:cxn ang="T152">
                  <a:pos x="T72" y="T73"/>
                </a:cxn>
                <a:cxn ang="T153">
                  <a:pos x="T74" y="T75"/>
                </a:cxn>
                <a:cxn ang="T154">
                  <a:pos x="T76" y="T77"/>
                </a:cxn>
                <a:cxn ang="T155">
                  <a:pos x="T78" y="T79"/>
                </a:cxn>
                <a:cxn ang="T156">
                  <a:pos x="T80" y="T81"/>
                </a:cxn>
                <a:cxn ang="T157">
                  <a:pos x="T82" y="T83"/>
                </a:cxn>
                <a:cxn ang="T158">
                  <a:pos x="T84" y="T85"/>
                </a:cxn>
                <a:cxn ang="T159">
                  <a:pos x="T86" y="T87"/>
                </a:cxn>
                <a:cxn ang="T160">
                  <a:pos x="T88" y="T89"/>
                </a:cxn>
                <a:cxn ang="T161">
                  <a:pos x="T90" y="T91"/>
                </a:cxn>
                <a:cxn ang="T162">
                  <a:pos x="T92" y="T93"/>
                </a:cxn>
                <a:cxn ang="T163">
                  <a:pos x="T94" y="T95"/>
                </a:cxn>
                <a:cxn ang="T164">
                  <a:pos x="T96" y="T97"/>
                </a:cxn>
                <a:cxn ang="T165">
                  <a:pos x="T98" y="T99"/>
                </a:cxn>
                <a:cxn ang="T166">
                  <a:pos x="T100" y="T101"/>
                </a:cxn>
                <a:cxn ang="T167">
                  <a:pos x="T102" y="T103"/>
                </a:cxn>
                <a:cxn ang="T168">
                  <a:pos x="T104" y="T105"/>
                </a:cxn>
                <a:cxn ang="T169">
                  <a:pos x="T106" y="T107"/>
                </a:cxn>
                <a:cxn ang="T170">
                  <a:pos x="T108" y="T109"/>
                </a:cxn>
                <a:cxn ang="T171">
                  <a:pos x="T110" y="T111"/>
                </a:cxn>
                <a:cxn ang="T172">
                  <a:pos x="T112" y="T113"/>
                </a:cxn>
                <a:cxn ang="T173">
                  <a:pos x="T114" y="T115"/>
                </a:cxn>
              </a:cxnLst>
              <a:rect l="T174" t="T175" r="T176" b="T177"/>
              <a:pathLst>
                <a:path w="1796" h="1883">
                  <a:moveTo>
                    <a:pt x="939" y="1883"/>
                  </a:moveTo>
                  <a:lnTo>
                    <a:pt x="964" y="1861"/>
                  </a:lnTo>
                  <a:lnTo>
                    <a:pt x="982" y="1835"/>
                  </a:lnTo>
                  <a:lnTo>
                    <a:pt x="990" y="1804"/>
                  </a:lnTo>
                  <a:lnTo>
                    <a:pt x="1046" y="1760"/>
                  </a:lnTo>
                  <a:lnTo>
                    <a:pt x="1082" y="1706"/>
                  </a:lnTo>
                  <a:lnTo>
                    <a:pt x="1086" y="1688"/>
                  </a:lnTo>
                  <a:lnTo>
                    <a:pt x="1106" y="1649"/>
                  </a:lnTo>
                  <a:lnTo>
                    <a:pt x="1126" y="1621"/>
                  </a:lnTo>
                  <a:lnTo>
                    <a:pt x="1146" y="1609"/>
                  </a:lnTo>
                  <a:lnTo>
                    <a:pt x="1159" y="1592"/>
                  </a:lnTo>
                  <a:lnTo>
                    <a:pt x="1163" y="1541"/>
                  </a:lnTo>
                  <a:lnTo>
                    <a:pt x="1170" y="1533"/>
                  </a:lnTo>
                  <a:lnTo>
                    <a:pt x="1162" y="1520"/>
                  </a:lnTo>
                  <a:lnTo>
                    <a:pt x="1159" y="1479"/>
                  </a:lnTo>
                  <a:lnTo>
                    <a:pt x="1176" y="1444"/>
                  </a:lnTo>
                  <a:lnTo>
                    <a:pt x="1252" y="1375"/>
                  </a:lnTo>
                  <a:lnTo>
                    <a:pt x="1280" y="1360"/>
                  </a:lnTo>
                  <a:lnTo>
                    <a:pt x="1304" y="1355"/>
                  </a:lnTo>
                  <a:lnTo>
                    <a:pt x="1328" y="1338"/>
                  </a:lnTo>
                  <a:lnTo>
                    <a:pt x="1345" y="1334"/>
                  </a:lnTo>
                  <a:lnTo>
                    <a:pt x="1345" y="1324"/>
                  </a:lnTo>
                  <a:lnTo>
                    <a:pt x="1351" y="1317"/>
                  </a:lnTo>
                  <a:lnTo>
                    <a:pt x="1360" y="1322"/>
                  </a:lnTo>
                  <a:lnTo>
                    <a:pt x="1379" y="1315"/>
                  </a:lnTo>
                  <a:lnTo>
                    <a:pt x="1394" y="1318"/>
                  </a:lnTo>
                  <a:lnTo>
                    <a:pt x="1408" y="1313"/>
                  </a:lnTo>
                  <a:lnTo>
                    <a:pt x="1456" y="1313"/>
                  </a:lnTo>
                  <a:lnTo>
                    <a:pt x="1467" y="1295"/>
                  </a:lnTo>
                  <a:lnTo>
                    <a:pt x="1504" y="1271"/>
                  </a:lnTo>
                  <a:lnTo>
                    <a:pt x="1510" y="1234"/>
                  </a:lnTo>
                  <a:lnTo>
                    <a:pt x="1536" y="1202"/>
                  </a:lnTo>
                  <a:lnTo>
                    <a:pt x="1553" y="1166"/>
                  </a:lnTo>
                  <a:lnTo>
                    <a:pt x="1569" y="1146"/>
                  </a:lnTo>
                  <a:lnTo>
                    <a:pt x="1575" y="1086"/>
                  </a:lnTo>
                  <a:lnTo>
                    <a:pt x="1594" y="1058"/>
                  </a:lnTo>
                  <a:lnTo>
                    <a:pt x="1606" y="971"/>
                  </a:lnTo>
                  <a:lnTo>
                    <a:pt x="1600" y="908"/>
                  </a:lnTo>
                  <a:lnTo>
                    <a:pt x="1607" y="848"/>
                  </a:lnTo>
                  <a:lnTo>
                    <a:pt x="1617" y="837"/>
                  </a:lnTo>
                  <a:lnTo>
                    <a:pt x="1629" y="838"/>
                  </a:lnTo>
                  <a:lnTo>
                    <a:pt x="1643" y="828"/>
                  </a:lnTo>
                  <a:lnTo>
                    <a:pt x="1680" y="756"/>
                  </a:lnTo>
                  <a:lnTo>
                    <a:pt x="1725" y="722"/>
                  </a:lnTo>
                  <a:lnTo>
                    <a:pt x="1728" y="716"/>
                  </a:lnTo>
                  <a:lnTo>
                    <a:pt x="1779" y="651"/>
                  </a:lnTo>
                  <a:lnTo>
                    <a:pt x="1792" y="608"/>
                  </a:lnTo>
                  <a:lnTo>
                    <a:pt x="1796" y="566"/>
                  </a:lnTo>
                  <a:lnTo>
                    <a:pt x="1796" y="547"/>
                  </a:lnTo>
                  <a:lnTo>
                    <a:pt x="1784" y="501"/>
                  </a:lnTo>
                  <a:lnTo>
                    <a:pt x="1768" y="479"/>
                  </a:lnTo>
                  <a:lnTo>
                    <a:pt x="1695" y="469"/>
                  </a:lnTo>
                  <a:lnTo>
                    <a:pt x="1624" y="408"/>
                  </a:lnTo>
                  <a:lnTo>
                    <a:pt x="1585" y="382"/>
                  </a:lnTo>
                  <a:lnTo>
                    <a:pt x="1564" y="374"/>
                  </a:lnTo>
                  <a:lnTo>
                    <a:pt x="1473" y="371"/>
                  </a:lnTo>
                  <a:lnTo>
                    <a:pt x="1400" y="354"/>
                  </a:lnTo>
                  <a:lnTo>
                    <a:pt x="1397" y="346"/>
                  </a:lnTo>
                  <a:lnTo>
                    <a:pt x="1355" y="363"/>
                  </a:lnTo>
                  <a:lnTo>
                    <a:pt x="1363" y="345"/>
                  </a:lnTo>
                  <a:lnTo>
                    <a:pt x="1357" y="338"/>
                  </a:lnTo>
                  <a:lnTo>
                    <a:pt x="1346" y="338"/>
                  </a:lnTo>
                  <a:lnTo>
                    <a:pt x="1351" y="325"/>
                  </a:lnTo>
                  <a:lnTo>
                    <a:pt x="1337" y="308"/>
                  </a:lnTo>
                  <a:lnTo>
                    <a:pt x="1315" y="318"/>
                  </a:lnTo>
                  <a:lnTo>
                    <a:pt x="1309" y="298"/>
                  </a:lnTo>
                  <a:lnTo>
                    <a:pt x="1277" y="286"/>
                  </a:lnTo>
                  <a:lnTo>
                    <a:pt x="1260" y="284"/>
                  </a:lnTo>
                  <a:lnTo>
                    <a:pt x="1233" y="271"/>
                  </a:lnTo>
                  <a:lnTo>
                    <a:pt x="1199" y="269"/>
                  </a:lnTo>
                  <a:lnTo>
                    <a:pt x="1190" y="272"/>
                  </a:lnTo>
                  <a:lnTo>
                    <a:pt x="1171" y="308"/>
                  </a:lnTo>
                  <a:lnTo>
                    <a:pt x="1148" y="317"/>
                  </a:lnTo>
                  <a:lnTo>
                    <a:pt x="1131" y="352"/>
                  </a:lnTo>
                  <a:lnTo>
                    <a:pt x="1129" y="323"/>
                  </a:lnTo>
                  <a:lnTo>
                    <a:pt x="1071" y="325"/>
                  </a:lnTo>
                  <a:lnTo>
                    <a:pt x="1058" y="331"/>
                  </a:lnTo>
                  <a:lnTo>
                    <a:pt x="1038" y="325"/>
                  </a:lnTo>
                  <a:lnTo>
                    <a:pt x="1032" y="334"/>
                  </a:lnTo>
                  <a:lnTo>
                    <a:pt x="1037" y="320"/>
                  </a:lnTo>
                  <a:lnTo>
                    <a:pt x="1060" y="325"/>
                  </a:lnTo>
                  <a:lnTo>
                    <a:pt x="1071" y="318"/>
                  </a:lnTo>
                  <a:lnTo>
                    <a:pt x="1071" y="298"/>
                  </a:lnTo>
                  <a:lnTo>
                    <a:pt x="1058" y="289"/>
                  </a:lnTo>
                  <a:lnTo>
                    <a:pt x="1066" y="278"/>
                  </a:lnTo>
                  <a:lnTo>
                    <a:pt x="1055" y="278"/>
                  </a:lnTo>
                  <a:lnTo>
                    <a:pt x="1048" y="291"/>
                  </a:lnTo>
                  <a:lnTo>
                    <a:pt x="1040" y="292"/>
                  </a:lnTo>
                  <a:lnTo>
                    <a:pt x="1037" y="259"/>
                  </a:lnTo>
                  <a:lnTo>
                    <a:pt x="1097" y="195"/>
                  </a:lnTo>
                  <a:lnTo>
                    <a:pt x="1105" y="164"/>
                  </a:lnTo>
                  <a:lnTo>
                    <a:pt x="1080" y="157"/>
                  </a:lnTo>
                  <a:lnTo>
                    <a:pt x="1065" y="110"/>
                  </a:lnTo>
                  <a:lnTo>
                    <a:pt x="1048" y="57"/>
                  </a:lnTo>
                  <a:lnTo>
                    <a:pt x="1037" y="46"/>
                  </a:lnTo>
                  <a:lnTo>
                    <a:pt x="1028" y="52"/>
                  </a:lnTo>
                  <a:lnTo>
                    <a:pt x="995" y="97"/>
                  </a:lnTo>
                  <a:lnTo>
                    <a:pt x="986" y="120"/>
                  </a:lnTo>
                  <a:lnTo>
                    <a:pt x="961" y="142"/>
                  </a:lnTo>
                  <a:lnTo>
                    <a:pt x="936" y="142"/>
                  </a:lnTo>
                  <a:lnTo>
                    <a:pt x="914" y="148"/>
                  </a:lnTo>
                  <a:lnTo>
                    <a:pt x="896" y="134"/>
                  </a:lnTo>
                  <a:lnTo>
                    <a:pt x="870" y="125"/>
                  </a:lnTo>
                  <a:lnTo>
                    <a:pt x="851" y="130"/>
                  </a:lnTo>
                  <a:lnTo>
                    <a:pt x="834" y="127"/>
                  </a:lnTo>
                  <a:lnTo>
                    <a:pt x="829" y="130"/>
                  </a:lnTo>
                  <a:lnTo>
                    <a:pt x="828" y="154"/>
                  </a:lnTo>
                  <a:lnTo>
                    <a:pt x="803" y="148"/>
                  </a:lnTo>
                  <a:lnTo>
                    <a:pt x="780" y="153"/>
                  </a:lnTo>
                  <a:lnTo>
                    <a:pt x="769" y="147"/>
                  </a:lnTo>
                  <a:lnTo>
                    <a:pt x="752" y="161"/>
                  </a:lnTo>
                  <a:lnTo>
                    <a:pt x="713" y="171"/>
                  </a:lnTo>
                  <a:lnTo>
                    <a:pt x="703" y="181"/>
                  </a:lnTo>
                  <a:lnTo>
                    <a:pt x="682" y="178"/>
                  </a:lnTo>
                  <a:lnTo>
                    <a:pt x="670" y="171"/>
                  </a:lnTo>
                  <a:lnTo>
                    <a:pt x="655" y="156"/>
                  </a:lnTo>
                  <a:lnTo>
                    <a:pt x="653" y="136"/>
                  </a:lnTo>
                  <a:lnTo>
                    <a:pt x="644" y="123"/>
                  </a:lnTo>
                  <a:lnTo>
                    <a:pt x="650" y="72"/>
                  </a:lnTo>
                  <a:lnTo>
                    <a:pt x="661" y="60"/>
                  </a:lnTo>
                  <a:lnTo>
                    <a:pt x="655" y="35"/>
                  </a:lnTo>
                  <a:lnTo>
                    <a:pt x="636" y="31"/>
                  </a:lnTo>
                  <a:lnTo>
                    <a:pt x="640" y="14"/>
                  </a:lnTo>
                  <a:lnTo>
                    <a:pt x="635" y="0"/>
                  </a:lnTo>
                  <a:lnTo>
                    <a:pt x="610" y="1"/>
                  </a:lnTo>
                  <a:lnTo>
                    <a:pt x="610" y="14"/>
                  </a:lnTo>
                  <a:lnTo>
                    <a:pt x="594" y="31"/>
                  </a:lnTo>
                  <a:lnTo>
                    <a:pt x="577" y="32"/>
                  </a:lnTo>
                  <a:lnTo>
                    <a:pt x="556" y="47"/>
                  </a:lnTo>
                  <a:lnTo>
                    <a:pt x="518" y="52"/>
                  </a:lnTo>
                  <a:lnTo>
                    <a:pt x="500" y="63"/>
                  </a:lnTo>
                  <a:lnTo>
                    <a:pt x="480" y="61"/>
                  </a:lnTo>
                  <a:lnTo>
                    <a:pt x="446" y="47"/>
                  </a:lnTo>
                  <a:lnTo>
                    <a:pt x="416" y="43"/>
                  </a:lnTo>
                  <a:lnTo>
                    <a:pt x="421" y="60"/>
                  </a:lnTo>
                  <a:lnTo>
                    <a:pt x="442" y="71"/>
                  </a:lnTo>
                  <a:lnTo>
                    <a:pt x="438" y="97"/>
                  </a:lnTo>
                  <a:lnTo>
                    <a:pt x="446" y="128"/>
                  </a:lnTo>
                  <a:lnTo>
                    <a:pt x="483" y="130"/>
                  </a:lnTo>
                  <a:lnTo>
                    <a:pt x="481" y="139"/>
                  </a:lnTo>
                  <a:lnTo>
                    <a:pt x="452" y="151"/>
                  </a:lnTo>
                  <a:lnTo>
                    <a:pt x="440" y="173"/>
                  </a:lnTo>
                  <a:lnTo>
                    <a:pt x="390" y="191"/>
                  </a:lnTo>
                  <a:lnTo>
                    <a:pt x="376" y="204"/>
                  </a:lnTo>
                  <a:lnTo>
                    <a:pt x="342" y="205"/>
                  </a:lnTo>
                  <a:lnTo>
                    <a:pt x="320" y="179"/>
                  </a:lnTo>
                  <a:lnTo>
                    <a:pt x="310" y="187"/>
                  </a:lnTo>
                  <a:lnTo>
                    <a:pt x="305" y="161"/>
                  </a:lnTo>
                  <a:lnTo>
                    <a:pt x="293" y="147"/>
                  </a:lnTo>
                  <a:lnTo>
                    <a:pt x="269" y="156"/>
                  </a:lnTo>
                  <a:lnTo>
                    <a:pt x="257" y="148"/>
                  </a:lnTo>
                  <a:lnTo>
                    <a:pt x="251" y="161"/>
                  </a:lnTo>
                  <a:lnTo>
                    <a:pt x="183" y="161"/>
                  </a:lnTo>
                  <a:lnTo>
                    <a:pt x="183" y="190"/>
                  </a:lnTo>
                  <a:lnTo>
                    <a:pt x="189" y="193"/>
                  </a:lnTo>
                  <a:lnTo>
                    <a:pt x="206" y="191"/>
                  </a:lnTo>
                  <a:lnTo>
                    <a:pt x="215" y="212"/>
                  </a:lnTo>
                  <a:lnTo>
                    <a:pt x="197" y="210"/>
                  </a:lnTo>
                  <a:lnTo>
                    <a:pt x="172" y="216"/>
                  </a:lnTo>
                  <a:lnTo>
                    <a:pt x="172" y="247"/>
                  </a:lnTo>
                  <a:lnTo>
                    <a:pt x="193" y="266"/>
                  </a:lnTo>
                  <a:lnTo>
                    <a:pt x="201" y="297"/>
                  </a:lnTo>
                  <a:lnTo>
                    <a:pt x="195" y="335"/>
                  </a:lnTo>
                  <a:lnTo>
                    <a:pt x="186" y="380"/>
                  </a:lnTo>
                  <a:lnTo>
                    <a:pt x="176" y="430"/>
                  </a:lnTo>
                  <a:lnTo>
                    <a:pt x="171" y="435"/>
                  </a:lnTo>
                  <a:lnTo>
                    <a:pt x="154" y="433"/>
                  </a:lnTo>
                  <a:lnTo>
                    <a:pt x="99" y="450"/>
                  </a:lnTo>
                  <a:lnTo>
                    <a:pt x="61" y="472"/>
                  </a:lnTo>
                  <a:lnTo>
                    <a:pt x="36" y="510"/>
                  </a:lnTo>
                  <a:lnTo>
                    <a:pt x="34" y="540"/>
                  </a:lnTo>
                  <a:lnTo>
                    <a:pt x="16" y="547"/>
                  </a:lnTo>
                  <a:lnTo>
                    <a:pt x="0" y="586"/>
                  </a:lnTo>
                  <a:lnTo>
                    <a:pt x="11" y="620"/>
                  </a:lnTo>
                  <a:lnTo>
                    <a:pt x="42" y="651"/>
                  </a:lnTo>
                  <a:lnTo>
                    <a:pt x="37" y="670"/>
                  </a:lnTo>
                  <a:lnTo>
                    <a:pt x="65" y="674"/>
                  </a:lnTo>
                  <a:lnTo>
                    <a:pt x="78" y="693"/>
                  </a:lnTo>
                  <a:lnTo>
                    <a:pt x="99" y="697"/>
                  </a:lnTo>
                  <a:lnTo>
                    <a:pt x="122" y="688"/>
                  </a:lnTo>
                  <a:lnTo>
                    <a:pt x="152" y="665"/>
                  </a:lnTo>
                  <a:lnTo>
                    <a:pt x="152" y="741"/>
                  </a:lnTo>
                  <a:lnTo>
                    <a:pt x="163" y="747"/>
                  </a:lnTo>
                  <a:lnTo>
                    <a:pt x="189" y="741"/>
                  </a:lnTo>
                  <a:lnTo>
                    <a:pt x="249" y="745"/>
                  </a:lnTo>
                  <a:lnTo>
                    <a:pt x="288" y="728"/>
                  </a:lnTo>
                  <a:lnTo>
                    <a:pt x="328" y="688"/>
                  </a:lnTo>
                  <a:lnTo>
                    <a:pt x="384" y="682"/>
                  </a:lnTo>
                  <a:lnTo>
                    <a:pt x="393" y="691"/>
                  </a:lnTo>
                  <a:lnTo>
                    <a:pt x="395" y="705"/>
                  </a:lnTo>
                  <a:lnTo>
                    <a:pt x="395" y="733"/>
                  </a:lnTo>
                  <a:lnTo>
                    <a:pt x="387" y="756"/>
                  </a:lnTo>
                  <a:lnTo>
                    <a:pt x="399" y="787"/>
                  </a:lnTo>
                  <a:lnTo>
                    <a:pt x="429" y="809"/>
                  </a:lnTo>
                  <a:lnTo>
                    <a:pt x="483" y="818"/>
                  </a:lnTo>
                  <a:lnTo>
                    <a:pt x="497" y="832"/>
                  </a:lnTo>
                  <a:lnTo>
                    <a:pt x="535" y="845"/>
                  </a:lnTo>
                  <a:lnTo>
                    <a:pt x="554" y="860"/>
                  </a:lnTo>
                  <a:lnTo>
                    <a:pt x="585" y="860"/>
                  </a:lnTo>
                  <a:lnTo>
                    <a:pt x="599" y="868"/>
                  </a:lnTo>
                  <a:lnTo>
                    <a:pt x="611" y="882"/>
                  </a:lnTo>
                  <a:lnTo>
                    <a:pt x="622" y="919"/>
                  </a:lnTo>
                  <a:lnTo>
                    <a:pt x="619" y="939"/>
                  </a:lnTo>
                  <a:lnTo>
                    <a:pt x="613" y="945"/>
                  </a:lnTo>
                  <a:lnTo>
                    <a:pt x="631" y="992"/>
                  </a:lnTo>
                  <a:lnTo>
                    <a:pt x="712" y="999"/>
                  </a:lnTo>
                  <a:lnTo>
                    <a:pt x="707" y="1022"/>
                  </a:lnTo>
                  <a:lnTo>
                    <a:pt x="712" y="1039"/>
                  </a:lnTo>
                  <a:lnTo>
                    <a:pt x="729" y="1046"/>
                  </a:lnTo>
                  <a:lnTo>
                    <a:pt x="743" y="1081"/>
                  </a:lnTo>
                  <a:lnTo>
                    <a:pt x="741" y="1128"/>
                  </a:lnTo>
                  <a:lnTo>
                    <a:pt x="732" y="1154"/>
                  </a:lnTo>
                  <a:lnTo>
                    <a:pt x="735" y="1174"/>
                  </a:lnTo>
                  <a:lnTo>
                    <a:pt x="726" y="1179"/>
                  </a:lnTo>
                  <a:lnTo>
                    <a:pt x="724" y="1185"/>
                  </a:lnTo>
                  <a:lnTo>
                    <a:pt x="732" y="1199"/>
                  </a:lnTo>
                  <a:lnTo>
                    <a:pt x="732" y="1267"/>
                  </a:lnTo>
                  <a:lnTo>
                    <a:pt x="735" y="1273"/>
                  </a:lnTo>
                  <a:lnTo>
                    <a:pt x="774" y="1285"/>
                  </a:lnTo>
                  <a:lnTo>
                    <a:pt x="805" y="1278"/>
                  </a:lnTo>
                  <a:lnTo>
                    <a:pt x="829" y="1288"/>
                  </a:lnTo>
                  <a:lnTo>
                    <a:pt x="837" y="1300"/>
                  </a:lnTo>
                  <a:lnTo>
                    <a:pt x="840" y="1351"/>
                  </a:lnTo>
                  <a:lnTo>
                    <a:pt x="846" y="1361"/>
                  </a:lnTo>
                  <a:lnTo>
                    <a:pt x="859" y="1368"/>
                  </a:lnTo>
                  <a:lnTo>
                    <a:pt x="889" y="1363"/>
                  </a:lnTo>
                  <a:lnTo>
                    <a:pt x="894" y="1368"/>
                  </a:lnTo>
                  <a:lnTo>
                    <a:pt x="899" y="1395"/>
                  </a:lnTo>
                  <a:lnTo>
                    <a:pt x="891" y="1451"/>
                  </a:lnTo>
                  <a:lnTo>
                    <a:pt x="913" y="1449"/>
                  </a:lnTo>
                  <a:lnTo>
                    <a:pt x="918" y="1454"/>
                  </a:lnTo>
                  <a:lnTo>
                    <a:pt x="928" y="1488"/>
                  </a:lnTo>
                  <a:lnTo>
                    <a:pt x="925" y="1527"/>
                  </a:lnTo>
                  <a:lnTo>
                    <a:pt x="904" y="1544"/>
                  </a:lnTo>
                  <a:lnTo>
                    <a:pt x="880" y="1550"/>
                  </a:lnTo>
                  <a:lnTo>
                    <a:pt x="828" y="1600"/>
                  </a:lnTo>
                  <a:lnTo>
                    <a:pt x="789" y="1654"/>
                  </a:lnTo>
                  <a:lnTo>
                    <a:pt x="746" y="1693"/>
                  </a:lnTo>
                  <a:lnTo>
                    <a:pt x="760" y="1694"/>
                  </a:lnTo>
                  <a:lnTo>
                    <a:pt x="774" y="1685"/>
                  </a:lnTo>
                  <a:lnTo>
                    <a:pt x="784" y="1686"/>
                  </a:lnTo>
                  <a:lnTo>
                    <a:pt x="814" y="1713"/>
                  </a:lnTo>
                  <a:lnTo>
                    <a:pt x="820" y="1733"/>
                  </a:lnTo>
                  <a:lnTo>
                    <a:pt x="829" y="1733"/>
                  </a:lnTo>
                  <a:lnTo>
                    <a:pt x="842" y="1725"/>
                  </a:lnTo>
                  <a:lnTo>
                    <a:pt x="859" y="1747"/>
                  </a:lnTo>
                  <a:lnTo>
                    <a:pt x="885" y="1757"/>
                  </a:lnTo>
                  <a:lnTo>
                    <a:pt x="899" y="1774"/>
                  </a:lnTo>
                  <a:lnTo>
                    <a:pt x="922" y="1784"/>
                  </a:lnTo>
                  <a:lnTo>
                    <a:pt x="931" y="1810"/>
                  </a:lnTo>
                  <a:lnTo>
                    <a:pt x="953" y="1828"/>
                  </a:lnTo>
                  <a:lnTo>
                    <a:pt x="938" y="1850"/>
                  </a:lnTo>
                  <a:lnTo>
                    <a:pt x="936" y="1875"/>
                  </a:lnTo>
                  <a:lnTo>
                    <a:pt x="939" y="1883"/>
                  </a:lnTo>
                  <a:close/>
                  <a:moveTo>
                    <a:pt x="1086" y="237"/>
                  </a:moveTo>
                  <a:lnTo>
                    <a:pt x="1088" y="244"/>
                  </a:lnTo>
                  <a:lnTo>
                    <a:pt x="1082" y="244"/>
                  </a:lnTo>
                  <a:lnTo>
                    <a:pt x="1080" y="238"/>
                  </a:lnTo>
                  <a:lnTo>
                    <a:pt x="1086" y="237"/>
                  </a:lnTo>
                  <a:close/>
                  <a:moveTo>
                    <a:pt x="1128" y="246"/>
                  </a:moveTo>
                  <a:lnTo>
                    <a:pt x="1112" y="247"/>
                  </a:lnTo>
                  <a:lnTo>
                    <a:pt x="1123" y="237"/>
                  </a:lnTo>
                  <a:lnTo>
                    <a:pt x="1128" y="238"/>
                  </a:lnTo>
                  <a:lnTo>
                    <a:pt x="1128" y="246"/>
                  </a:lnTo>
                  <a:close/>
                  <a:moveTo>
                    <a:pt x="1171" y="255"/>
                  </a:moveTo>
                  <a:lnTo>
                    <a:pt x="1170" y="280"/>
                  </a:lnTo>
                  <a:lnTo>
                    <a:pt x="1143" y="309"/>
                  </a:lnTo>
                  <a:lnTo>
                    <a:pt x="1109" y="322"/>
                  </a:lnTo>
                  <a:lnTo>
                    <a:pt x="1088" y="320"/>
                  </a:lnTo>
                  <a:lnTo>
                    <a:pt x="1077" y="314"/>
                  </a:lnTo>
                  <a:lnTo>
                    <a:pt x="1074" y="261"/>
                  </a:lnTo>
                  <a:lnTo>
                    <a:pt x="1088" y="250"/>
                  </a:lnTo>
                  <a:lnTo>
                    <a:pt x="1126" y="252"/>
                  </a:lnTo>
                  <a:lnTo>
                    <a:pt x="1153" y="247"/>
                  </a:lnTo>
                  <a:lnTo>
                    <a:pt x="1171" y="255"/>
                  </a:lnTo>
                  <a:close/>
                  <a:moveTo>
                    <a:pt x="1074" y="254"/>
                  </a:moveTo>
                  <a:lnTo>
                    <a:pt x="1058" y="272"/>
                  </a:lnTo>
                  <a:lnTo>
                    <a:pt x="1052" y="272"/>
                  </a:lnTo>
                  <a:lnTo>
                    <a:pt x="1048" y="263"/>
                  </a:lnTo>
                  <a:lnTo>
                    <a:pt x="1058" y="246"/>
                  </a:lnTo>
                  <a:lnTo>
                    <a:pt x="1074" y="241"/>
                  </a:lnTo>
                  <a:lnTo>
                    <a:pt x="1065" y="250"/>
                  </a:lnTo>
                  <a:lnTo>
                    <a:pt x="1072" y="250"/>
                  </a:lnTo>
                  <a:lnTo>
                    <a:pt x="1074" y="254"/>
                  </a:lnTo>
                  <a:close/>
                  <a:moveTo>
                    <a:pt x="1091" y="218"/>
                  </a:moveTo>
                  <a:lnTo>
                    <a:pt x="1083" y="224"/>
                  </a:lnTo>
                  <a:lnTo>
                    <a:pt x="1089" y="235"/>
                  </a:lnTo>
                  <a:lnTo>
                    <a:pt x="1109" y="238"/>
                  </a:lnTo>
                  <a:lnTo>
                    <a:pt x="1109" y="232"/>
                  </a:lnTo>
                  <a:lnTo>
                    <a:pt x="1091" y="21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905" name="Freeform 247"/>
            <p:cNvSpPr>
              <a:spLocks noChangeAspect="1" noEditPoints="1"/>
            </p:cNvSpPr>
            <p:nvPr/>
          </p:nvSpPr>
          <p:spPr bwMode="gray">
            <a:xfrm>
              <a:off x="3371850" y="4672013"/>
              <a:ext cx="442913" cy="981075"/>
            </a:xfrm>
            <a:custGeom>
              <a:avLst/>
              <a:gdLst>
                <a:gd name="T0" fmla="*/ 2 w 908"/>
                <a:gd name="T1" fmla="*/ 51 h 2014"/>
                <a:gd name="T2" fmla="*/ 0 w 908"/>
                <a:gd name="T3" fmla="*/ 48 h 2014"/>
                <a:gd name="T4" fmla="*/ 1 w 908"/>
                <a:gd name="T5" fmla="*/ 42 h 2014"/>
                <a:gd name="T6" fmla="*/ 2 w 908"/>
                <a:gd name="T7" fmla="*/ 38 h 2014"/>
                <a:gd name="T8" fmla="*/ 3 w 908"/>
                <a:gd name="T9" fmla="*/ 37 h 2014"/>
                <a:gd name="T10" fmla="*/ 2 w 908"/>
                <a:gd name="T11" fmla="*/ 35 h 2014"/>
                <a:gd name="T12" fmla="*/ 2 w 908"/>
                <a:gd name="T13" fmla="*/ 32 h 2014"/>
                <a:gd name="T14" fmla="*/ 3 w 908"/>
                <a:gd name="T15" fmla="*/ 27 h 2014"/>
                <a:gd name="T16" fmla="*/ 3 w 908"/>
                <a:gd name="T17" fmla="*/ 22 h 2014"/>
                <a:gd name="T18" fmla="*/ 4 w 908"/>
                <a:gd name="T19" fmla="*/ 19 h 2014"/>
                <a:gd name="T20" fmla="*/ 4 w 908"/>
                <a:gd name="T21" fmla="*/ 17 h 2014"/>
                <a:gd name="T22" fmla="*/ 4 w 908"/>
                <a:gd name="T23" fmla="*/ 14 h 2014"/>
                <a:gd name="T24" fmla="*/ 6 w 908"/>
                <a:gd name="T25" fmla="*/ 9 h 2014"/>
                <a:gd name="T26" fmla="*/ 6 w 908"/>
                <a:gd name="T27" fmla="*/ 5 h 2014"/>
                <a:gd name="T28" fmla="*/ 8 w 908"/>
                <a:gd name="T29" fmla="*/ 2 h 2014"/>
                <a:gd name="T30" fmla="*/ 11 w 908"/>
                <a:gd name="T31" fmla="*/ 1 h 2014"/>
                <a:gd name="T32" fmla="*/ 14 w 908"/>
                <a:gd name="T33" fmla="*/ 1 h 2014"/>
                <a:gd name="T34" fmla="*/ 17 w 908"/>
                <a:gd name="T35" fmla="*/ 3 h 2014"/>
                <a:gd name="T36" fmla="*/ 21 w 908"/>
                <a:gd name="T37" fmla="*/ 6 h 2014"/>
                <a:gd name="T38" fmla="*/ 21 w 908"/>
                <a:gd name="T39" fmla="*/ 8 h 2014"/>
                <a:gd name="T40" fmla="*/ 25 w 908"/>
                <a:gd name="T41" fmla="*/ 6 h 2014"/>
                <a:gd name="T42" fmla="*/ 26 w 908"/>
                <a:gd name="T43" fmla="*/ 8 h 2014"/>
                <a:gd name="T44" fmla="*/ 22 w 908"/>
                <a:gd name="T45" fmla="*/ 11 h 2014"/>
                <a:gd name="T46" fmla="*/ 20 w 908"/>
                <a:gd name="T47" fmla="*/ 15 h 2014"/>
                <a:gd name="T48" fmla="*/ 20 w 908"/>
                <a:gd name="T49" fmla="*/ 19 h 2014"/>
                <a:gd name="T50" fmla="*/ 21 w 908"/>
                <a:gd name="T51" fmla="*/ 21 h 2014"/>
                <a:gd name="T52" fmla="*/ 22 w 908"/>
                <a:gd name="T53" fmla="*/ 23 h 2014"/>
                <a:gd name="T54" fmla="*/ 19 w 908"/>
                <a:gd name="T55" fmla="*/ 26 h 2014"/>
                <a:gd name="T56" fmla="*/ 15 w 908"/>
                <a:gd name="T57" fmla="*/ 27 h 2014"/>
                <a:gd name="T58" fmla="*/ 15 w 908"/>
                <a:gd name="T59" fmla="*/ 28 h 2014"/>
                <a:gd name="T60" fmla="*/ 14 w 908"/>
                <a:gd name="T61" fmla="*/ 30 h 2014"/>
                <a:gd name="T62" fmla="*/ 11 w 908"/>
                <a:gd name="T63" fmla="*/ 30 h 2014"/>
                <a:gd name="T64" fmla="*/ 12 w 908"/>
                <a:gd name="T65" fmla="*/ 33 h 2014"/>
                <a:gd name="T66" fmla="*/ 13 w 908"/>
                <a:gd name="T67" fmla="*/ 32 h 2014"/>
                <a:gd name="T68" fmla="*/ 12 w 908"/>
                <a:gd name="T69" fmla="*/ 33 h 2014"/>
                <a:gd name="T70" fmla="*/ 12 w 908"/>
                <a:gd name="T71" fmla="*/ 34 h 2014"/>
                <a:gd name="T72" fmla="*/ 11 w 908"/>
                <a:gd name="T73" fmla="*/ 36 h 2014"/>
                <a:gd name="T74" fmla="*/ 9 w 908"/>
                <a:gd name="T75" fmla="*/ 38 h 2014"/>
                <a:gd name="T76" fmla="*/ 8 w 908"/>
                <a:gd name="T77" fmla="*/ 41 h 2014"/>
                <a:gd name="T78" fmla="*/ 10 w 908"/>
                <a:gd name="T79" fmla="*/ 42 h 2014"/>
                <a:gd name="T80" fmla="*/ 10 w 908"/>
                <a:gd name="T81" fmla="*/ 44 h 2014"/>
                <a:gd name="T82" fmla="*/ 8 w 908"/>
                <a:gd name="T83" fmla="*/ 46 h 2014"/>
                <a:gd name="T84" fmla="*/ 6 w 908"/>
                <a:gd name="T85" fmla="*/ 47 h 2014"/>
                <a:gd name="T86" fmla="*/ 5 w 908"/>
                <a:gd name="T87" fmla="*/ 49 h 2014"/>
                <a:gd name="T88" fmla="*/ 6 w 908"/>
                <a:gd name="T89" fmla="*/ 51 h 2014"/>
                <a:gd name="T90" fmla="*/ 12 w 908"/>
                <a:gd name="T91" fmla="*/ 58 h 2014"/>
                <a:gd name="T92" fmla="*/ 6 w 908"/>
                <a:gd name="T93" fmla="*/ 53 h 2014"/>
                <a:gd name="T94" fmla="*/ 7 w 908"/>
                <a:gd name="T95" fmla="*/ 55 h 2014"/>
                <a:gd name="T96" fmla="*/ 10 w 908"/>
                <a:gd name="T97" fmla="*/ 58 h 2014"/>
                <a:gd name="T98" fmla="*/ 6 w 908"/>
                <a:gd name="T99" fmla="*/ 58 h 2014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908"/>
                <a:gd name="T151" fmla="*/ 0 h 2014"/>
                <a:gd name="T152" fmla="*/ 908 w 908"/>
                <a:gd name="T153" fmla="*/ 2014 h 2014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908" h="2014">
                  <a:moveTo>
                    <a:pt x="231" y="1801"/>
                  </a:moveTo>
                  <a:lnTo>
                    <a:pt x="166" y="1782"/>
                  </a:lnTo>
                  <a:lnTo>
                    <a:pt x="59" y="1778"/>
                  </a:lnTo>
                  <a:lnTo>
                    <a:pt x="50" y="1759"/>
                  </a:lnTo>
                  <a:lnTo>
                    <a:pt x="48" y="1683"/>
                  </a:lnTo>
                  <a:lnTo>
                    <a:pt x="20" y="1681"/>
                  </a:lnTo>
                  <a:lnTo>
                    <a:pt x="5" y="1693"/>
                  </a:lnTo>
                  <a:lnTo>
                    <a:pt x="0" y="1647"/>
                  </a:lnTo>
                  <a:lnTo>
                    <a:pt x="7" y="1601"/>
                  </a:lnTo>
                  <a:lnTo>
                    <a:pt x="37" y="1550"/>
                  </a:lnTo>
                  <a:lnTo>
                    <a:pt x="48" y="1516"/>
                  </a:lnTo>
                  <a:lnTo>
                    <a:pt x="44" y="1471"/>
                  </a:lnTo>
                  <a:lnTo>
                    <a:pt x="67" y="1436"/>
                  </a:lnTo>
                  <a:lnTo>
                    <a:pt x="78" y="1402"/>
                  </a:lnTo>
                  <a:lnTo>
                    <a:pt x="79" y="1327"/>
                  </a:lnTo>
                  <a:lnTo>
                    <a:pt x="88" y="1302"/>
                  </a:lnTo>
                  <a:lnTo>
                    <a:pt x="68" y="1289"/>
                  </a:lnTo>
                  <a:lnTo>
                    <a:pt x="65" y="1278"/>
                  </a:lnTo>
                  <a:lnTo>
                    <a:pt x="93" y="1278"/>
                  </a:lnTo>
                  <a:lnTo>
                    <a:pt x="95" y="1272"/>
                  </a:lnTo>
                  <a:lnTo>
                    <a:pt x="88" y="1256"/>
                  </a:lnTo>
                  <a:lnTo>
                    <a:pt x="70" y="1253"/>
                  </a:lnTo>
                  <a:lnTo>
                    <a:pt x="73" y="1224"/>
                  </a:lnTo>
                  <a:lnTo>
                    <a:pt x="67" y="1202"/>
                  </a:lnTo>
                  <a:lnTo>
                    <a:pt x="65" y="1173"/>
                  </a:lnTo>
                  <a:lnTo>
                    <a:pt x="59" y="1165"/>
                  </a:lnTo>
                  <a:lnTo>
                    <a:pt x="59" y="1134"/>
                  </a:lnTo>
                  <a:lnTo>
                    <a:pt x="76" y="1095"/>
                  </a:lnTo>
                  <a:lnTo>
                    <a:pt x="76" y="1086"/>
                  </a:lnTo>
                  <a:lnTo>
                    <a:pt x="65" y="1061"/>
                  </a:lnTo>
                  <a:lnTo>
                    <a:pt x="75" y="985"/>
                  </a:lnTo>
                  <a:lnTo>
                    <a:pt x="92" y="921"/>
                  </a:lnTo>
                  <a:lnTo>
                    <a:pt x="107" y="897"/>
                  </a:lnTo>
                  <a:lnTo>
                    <a:pt x="101" y="854"/>
                  </a:lnTo>
                  <a:lnTo>
                    <a:pt x="104" y="789"/>
                  </a:lnTo>
                  <a:lnTo>
                    <a:pt x="107" y="777"/>
                  </a:lnTo>
                  <a:lnTo>
                    <a:pt x="134" y="752"/>
                  </a:lnTo>
                  <a:lnTo>
                    <a:pt x="130" y="706"/>
                  </a:lnTo>
                  <a:lnTo>
                    <a:pt x="141" y="696"/>
                  </a:lnTo>
                  <a:lnTo>
                    <a:pt x="146" y="670"/>
                  </a:lnTo>
                  <a:lnTo>
                    <a:pt x="161" y="643"/>
                  </a:lnTo>
                  <a:lnTo>
                    <a:pt x="158" y="600"/>
                  </a:lnTo>
                  <a:lnTo>
                    <a:pt x="149" y="589"/>
                  </a:lnTo>
                  <a:lnTo>
                    <a:pt x="149" y="571"/>
                  </a:lnTo>
                  <a:lnTo>
                    <a:pt x="138" y="543"/>
                  </a:lnTo>
                  <a:lnTo>
                    <a:pt x="138" y="518"/>
                  </a:lnTo>
                  <a:lnTo>
                    <a:pt x="130" y="510"/>
                  </a:lnTo>
                  <a:lnTo>
                    <a:pt x="132" y="486"/>
                  </a:lnTo>
                  <a:lnTo>
                    <a:pt x="156" y="433"/>
                  </a:lnTo>
                  <a:lnTo>
                    <a:pt x="160" y="385"/>
                  </a:lnTo>
                  <a:lnTo>
                    <a:pt x="177" y="322"/>
                  </a:lnTo>
                  <a:lnTo>
                    <a:pt x="198" y="298"/>
                  </a:lnTo>
                  <a:lnTo>
                    <a:pt x="205" y="274"/>
                  </a:lnTo>
                  <a:lnTo>
                    <a:pt x="231" y="255"/>
                  </a:lnTo>
                  <a:lnTo>
                    <a:pt x="222" y="187"/>
                  </a:lnTo>
                  <a:lnTo>
                    <a:pt x="222" y="173"/>
                  </a:lnTo>
                  <a:lnTo>
                    <a:pt x="228" y="164"/>
                  </a:lnTo>
                  <a:lnTo>
                    <a:pt x="228" y="136"/>
                  </a:lnTo>
                  <a:lnTo>
                    <a:pt x="282" y="110"/>
                  </a:lnTo>
                  <a:lnTo>
                    <a:pt x="290" y="71"/>
                  </a:lnTo>
                  <a:lnTo>
                    <a:pt x="285" y="52"/>
                  </a:lnTo>
                  <a:lnTo>
                    <a:pt x="333" y="0"/>
                  </a:lnTo>
                  <a:lnTo>
                    <a:pt x="347" y="15"/>
                  </a:lnTo>
                  <a:lnTo>
                    <a:pt x="396" y="23"/>
                  </a:lnTo>
                  <a:lnTo>
                    <a:pt x="417" y="44"/>
                  </a:lnTo>
                  <a:lnTo>
                    <a:pt x="427" y="10"/>
                  </a:lnTo>
                  <a:lnTo>
                    <a:pt x="472" y="14"/>
                  </a:lnTo>
                  <a:lnTo>
                    <a:pt x="491" y="26"/>
                  </a:lnTo>
                  <a:lnTo>
                    <a:pt x="505" y="31"/>
                  </a:lnTo>
                  <a:lnTo>
                    <a:pt x="534" y="68"/>
                  </a:lnTo>
                  <a:lnTo>
                    <a:pt x="568" y="91"/>
                  </a:lnTo>
                  <a:lnTo>
                    <a:pt x="577" y="108"/>
                  </a:lnTo>
                  <a:lnTo>
                    <a:pt x="632" y="120"/>
                  </a:lnTo>
                  <a:lnTo>
                    <a:pt x="684" y="151"/>
                  </a:lnTo>
                  <a:lnTo>
                    <a:pt x="718" y="176"/>
                  </a:lnTo>
                  <a:lnTo>
                    <a:pt x="721" y="196"/>
                  </a:lnTo>
                  <a:lnTo>
                    <a:pt x="693" y="246"/>
                  </a:lnTo>
                  <a:lnTo>
                    <a:pt x="692" y="258"/>
                  </a:lnTo>
                  <a:lnTo>
                    <a:pt x="692" y="269"/>
                  </a:lnTo>
                  <a:lnTo>
                    <a:pt x="737" y="274"/>
                  </a:lnTo>
                  <a:lnTo>
                    <a:pt x="764" y="286"/>
                  </a:lnTo>
                  <a:lnTo>
                    <a:pt x="817" y="278"/>
                  </a:lnTo>
                  <a:lnTo>
                    <a:pt x="862" y="235"/>
                  </a:lnTo>
                  <a:lnTo>
                    <a:pt x="871" y="190"/>
                  </a:lnTo>
                  <a:lnTo>
                    <a:pt x="893" y="188"/>
                  </a:lnTo>
                  <a:lnTo>
                    <a:pt x="898" y="193"/>
                  </a:lnTo>
                  <a:lnTo>
                    <a:pt x="908" y="227"/>
                  </a:lnTo>
                  <a:lnTo>
                    <a:pt x="905" y="266"/>
                  </a:lnTo>
                  <a:lnTo>
                    <a:pt x="884" y="283"/>
                  </a:lnTo>
                  <a:lnTo>
                    <a:pt x="860" y="289"/>
                  </a:lnTo>
                  <a:lnTo>
                    <a:pt x="808" y="339"/>
                  </a:lnTo>
                  <a:lnTo>
                    <a:pt x="769" y="393"/>
                  </a:lnTo>
                  <a:lnTo>
                    <a:pt x="726" y="432"/>
                  </a:lnTo>
                  <a:lnTo>
                    <a:pt x="715" y="445"/>
                  </a:lnTo>
                  <a:lnTo>
                    <a:pt x="713" y="496"/>
                  </a:lnTo>
                  <a:lnTo>
                    <a:pt x="704" y="524"/>
                  </a:lnTo>
                  <a:lnTo>
                    <a:pt x="703" y="575"/>
                  </a:lnTo>
                  <a:lnTo>
                    <a:pt x="692" y="600"/>
                  </a:lnTo>
                  <a:lnTo>
                    <a:pt x="687" y="634"/>
                  </a:lnTo>
                  <a:lnTo>
                    <a:pt x="684" y="651"/>
                  </a:lnTo>
                  <a:lnTo>
                    <a:pt x="692" y="668"/>
                  </a:lnTo>
                  <a:lnTo>
                    <a:pt x="720" y="685"/>
                  </a:lnTo>
                  <a:lnTo>
                    <a:pt x="744" y="710"/>
                  </a:lnTo>
                  <a:lnTo>
                    <a:pt x="735" y="738"/>
                  </a:lnTo>
                  <a:lnTo>
                    <a:pt x="749" y="762"/>
                  </a:lnTo>
                  <a:lnTo>
                    <a:pt x="768" y="766"/>
                  </a:lnTo>
                  <a:lnTo>
                    <a:pt x="769" y="798"/>
                  </a:lnTo>
                  <a:lnTo>
                    <a:pt x="764" y="809"/>
                  </a:lnTo>
                  <a:lnTo>
                    <a:pt x="732" y="852"/>
                  </a:lnTo>
                  <a:lnTo>
                    <a:pt x="727" y="872"/>
                  </a:lnTo>
                  <a:lnTo>
                    <a:pt x="706" y="888"/>
                  </a:lnTo>
                  <a:lnTo>
                    <a:pt x="644" y="908"/>
                  </a:lnTo>
                  <a:lnTo>
                    <a:pt x="569" y="919"/>
                  </a:lnTo>
                  <a:lnTo>
                    <a:pt x="522" y="916"/>
                  </a:lnTo>
                  <a:lnTo>
                    <a:pt x="510" y="906"/>
                  </a:lnTo>
                  <a:lnTo>
                    <a:pt x="510" y="934"/>
                  </a:lnTo>
                  <a:lnTo>
                    <a:pt x="520" y="948"/>
                  </a:lnTo>
                  <a:lnTo>
                    <a:pt x="519" y="964"/>
                  </a:lnTo>
                  <a:lnTo>
                    <a:pt x="519" y="970"/>
                  </a:lnTo>
                  <a:lnTo>
                    <a:pt x="508" y="982"/>
                  </a:lnTo>
                  <a:lnTo>
                    <a:pt x="510" y="1026"/>
                  </a:lnTo>
                  <a:lnTo>
                    <a:pt x="502" y="1038"/>
                  </a:lnTo>
                  <a:lnTo>
                    <a:pt x="489" y="1043"/>
                  </a:lnTo>
                  <a:lnTo>
                    <a:pt x="474" y="1052"/>
                  </a:lnTo>
                  <a:lnTo>
                    <a:pt x="443" y="1050"/>
                  </a:lnTo>
                  <a:lnTo>
                    <a:pt x="396" y="1032"/>
                  </a:lnTo>
                  <a:lnTo>
                    <a:pt x="388" y="1021"/>
                  </a:lnTo>
                  <a:lnTo>
                    <a:pt x="379" y="1033"/>
                  </a:lnTo>
                  <a:lnTo>
                    <a:pt x="387" y="1106"/>
                  </a:lnTo>
                  <a:lnTo>
                    <a:pt x="409" y="1119"/>
                  </a:lnTo>
                  <a:lnTo>
                    <a:pt x="405" y="1126"/>
                  </a:lnTo>
                  <a:lnTo>
                    <a:pt x="410" y="1129"/>
                  </a:lnTo>
                  <a:lnTo>
                    <a:pt x="427" y="1126"/>
                  </a:lnTo>
                  <a:lnTo>
                    <a:pt x="418" y="1114"/>
                  </a:lnTo>
                  <a:lnTo>
                    <a:pt x="444" y="1107"/>
                  </a:lnTo>
                  <a:lnTo>
                    <a:pt x="449" y="1117"/>
                  </a:lnTo>
                  <a:lnTo>
                    <a:pt x="452" y="1140"/>
                  </a:lnTo>
                  <a:lnTo>
                    <a:pt x="444" y="1153"/>
                  </a:lnTo>
                  <a:lnTo>
                    <a:pt x="422" y="1153"/>
                  </a:lnTo>
                  <a:lnTo>
                    <a:pt x="420" y="1143"/>
                  </a:lnTo>
                  <a:lnTo>
                    <a:pt x="407" y="1134"/>
                  </a:lnTo>
                  <a:lnTo>
                    <a:pt x="387" y="1148"/>
                  </a:lnTo>
                  <a:lnTo>
                    <a:pt x="387" y="1153"/>
                  </a:lnTo>
                  <a:lnTo>
                    <a:pt x="420" y="1166"/>
                  </a:lnTo>
                  <a:lnTo>
                    <a:pt x="392" y="1182"/>
                  </a:lnTo>
                  <a:lnTo>
                    <a:pt x="388" y="1188"/>
                  </a:lnTo>
                  <a:lnTo>
                    <a:pt x="378" y="1204"/>
                  </a:lnTo>
                  <a:lnTo>
                    <a:pt x="378" y="1251"/>
                  </a:lnTo>
                  <a:lnTo>
                    <a:pt x="358" y="1276"/>
                  </a:lnTo>
                  <a:lnTo>
                    <a:pt x="361" y="1297"/>
                  </a:lnTo>
                  <a:lnTo>
                    <a:pt x="333" y="1295"/>
                  </a:lnTo>
                  <a:lnTo>
                    <a:pt x="319" y="1307"/>
                  </a:lnTo>
                  <a:lnTo>
                    <a:pt x="302" y="1310"/>
                  </a:lnTo>
                  <a:lnTo>
                    <a:pt x="269" y="1358"/>
                  </a:lnTo>
                  <a:lnTo>
                    <a:pt x="268" y="1371"/>
                  </a:lnTo>
                  <a:lnTo>
                    <a:pt x="280" y="1398"/>
                  </a:lnTo>
                  <a:lnTo>
                    <a:pt x="307" y="1425"/>
                  </a:lnTo>
                  <a:lnTo>
                    <a:pt x="347" y="1432"/>
                  </a:lnTo>
                  <a:lnTo>
                    <a:pt x="354" y="1437"/>
                  </a:lnTo>
                  <a:lnTo>
                    <a:pt x="356" y="1461"/>
                  </a:lnTo>
                  <a:lnTo>
                    <a:pt x="347" y="1474"/>
                  </a:lnTo>
                  <a:lnTo>
                    <a:pt x="351" y="1491"/>
                  </a:lnTo>
                  <a:lnTo>
                    <a:pt x="345" y="1495"/>
                  </a:lnTo>
                  <a:lnTo>
                    <a:pt x="344" y="1504"/>
                  </a:lnTo>
                  <a:lnTo>
                    <a:pt x="330" y="1508"/>
                  </a:lnTo>
                  <a:lnTo>
                    <a:pt x="269" y="1564"/>
                  </a:lnTo>
                  <a:lnTo>
                    <a:pt x="263" y="1580"/>
                  </a:lnTo>
                  <a:lnTo>
                    <a:pt x="259" y="1589"/>
                  </a:lnTo>
                  <a:lnTo>
                    <a:pt x="268" y="1584"/>
                  </a:lnTo>
                  <a:lnTo>
                    <a:pt x="256" y="1629"/>
                  </a:lnTo>
                  <a:lnTo>
                    <a:pt x="232" y="1640"/>
                  </a:lnTo>
                  <a:lnTo>
                    <a:pt x="217" y="1617"/>
                  </a:lnTo>
                  <a:lnTo>
                    <a:pt x="219" y="1634"/>
                  </a:lnTo>
                  <a:lnTo>
                    <a:pt x="228" y="1646"/>
                  </a:lnTo>
                  <a:lnTo>
                    <a:pt x="200" y="1666"/>
                  </a:lnTo>
                  <a:lnTo>
                    <a:pt x="183" y="1710"/>
                  </a:lnTo>
                  <a:lnTo>
                    <a:pt x="194" y="1708"/>
                  </a:lnTo>
                  <a:lnTo>
                    <a:pt x="202" y="1742"/>
                  </a:lnTo>
                  <a:lnTo>
                    <a:pt x="185" y="1748"/>
                  </a:lnTo>
                  <a:lnTo>
                    <a:pt x="202" y="1756"/>
                  </a:lnTo>
                  <a:lnTo>
                    <a:pt x="231" y="1801"/>
                  </a:lnTo>
                  <a:close/>
                  <a:moveTo>
                    <a:pt x="413" y="1994"/>
                  </a:moveTo>
                  <a:lnTo>
                    <a:pt x="447" y="1991"/>
                  </a:lnTo>
                  <a:lnTo>
                    <a:pt x="413" y="2002"/>
                  </a:lnTo>
                  <a:lnTo>
                    <a:pt x="405" y="2001"/>
                  </a:lnTo>
                  <a:lnTo>
                    <a:pt x="413" y="1994"/>
                  </a:lnTo>
                  <a:close/>
                  <a:moveTo>
                    <a:pt x="222" y="2001"/>
                  </a:moveTo>
                  <a:lnTo>
                    <a:pt x="219" y="1827"/>
                  </a:lnTo>
                  <a:lnTo>
                    <a:pt x="240" y="1864"/>
                  </a:lnTo>
                  <a:lnTo>
                    <a:pt x="232" y="1861"/>
                  </a:lnTo>
                  <a:lnTo>
                    <a:pt x="226" y="1867"/>
                  </a:lnTo>
                  <a:lnTo>
                    <a:pt x="253" y="1909"/>
                  </a:lnTo>
                  <a:lnTo>
                    <a:pt x="336" y="1976"/>
                  </a:lnTo>
                  <a:lnTo>
                    <a:pt x="379" y="1989"/>
                  </a:lnTo>
                  <a:lnTo>
                    <a:pt x="376" y="2002"/>
                  </a:lnTo>
                  <a:lnTo>
                    <a:pt x="364" y="2008"/>
                  </a:lnTo>
                  <a:lnTo>
                    <a:pt x="347" y="2005"/>
                  </a:lnTo>
                  <a:lnTo>
                    <a:pt x="325" y="2014"/>
                  </a:lnTo>
                  <a:lnTo>
                    <a:pt x="246" y="1994"/>
                  </a:lnTo>
                  <a:lnTo>
                    <a:pt x="222" y="200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906" name="Freeform 248"/>
            <p:cNvSpPr>
              <a:spLocks noChangeAspect="1" noEditPoints="1"/>
            </p:cNvSpPr>
            <p:nvPr/>
          </p:nvSpPr>
          <p:spPr bwMode="gray">
            <a:xfrm>
              <a:off x="3322638" y="4572001"/>
              <a:ext cx="190500" cy="1106488"/>
            </a:xfrm>
            <a:custGeom>
              <a:avLst/>
              <a:gdLst>
                <a:gd name="T0" fmla="*/ 9 w 393"/>
                <a:gd name="T1" fmla="*/ 4 h 2273"/>
                <a:gd name="T2" fmla="*/ 9 w 393"/>
                <a:gd name="T3" fmla="*/ 11 h 2273"/>
                <a:gd name="T4" fmla="*/ 6 w 393"/>
                <a:gd name="T5" fmla="*/ 21 h 2273"/>
                <a:gd name="T6" fmla="*/ 6 w 393"/>
                <a:gd name="T7" fmla="*/ 26 h 2273"/>
                <a:gd name="T8" fmla="*/ 5 w 393"/>
                <a:gd name="T9" fmla="*/ 37 h 2273"/>
                <a:gd name="T10" fmla="*/ 5 w 393"/>
                <a:gd name="T11" fmla="*/ 43 h 2273"/>
                <a:gd name="T12" fmla="*/ 4 w 393"/>
                <a:gd name="T13" fmla="*/ 50 h 2273"/>
                <a:gd name="T14" fmla="*/ 8 w 393"/>
                <a:gd name="T15" fmla="*/ 57 h 2273"/>
                <a:gd name="T16" fmla="*/ 4 w 393"/>
                <a:gd name="T17" fmla="*/ 61 h 2273"/>
                <a:gd name="T18" fmla="*/ 4 w 393"/>
                <a:gd name="T19" fmla="*/ 58 h 2273"/>
                <a:gd name="T20" fmla="*/ 3 w 393"/>
                <a:gd name="T21" fmla="*/ 57 h 2273"/>
                <a:gd name="T22" fmla="*/ 2 w 393"/>
                <a:gd name="T23" fmla="*/ 55 h 2273"/>
                <a:gd name="T24" fmla="*/ 2 w 393"/>
                <a:gd name="T25" fmla="*/ 52 h 2273"/>
                <a:gd name="T26" fmla="*/ 2 w 393"/>
                <a:gd name="T27" fmla="*/ 50 h 2273"/>
                <a:gd name="T28" fmla="*/ 2 w 393"/>
                <a:gd name="T29" fmla="*/ 48 h 2273"/>
                <a:gd name="T30" fmla="*/ 2 w 393"/>
                <a:gd name="T31" fmla="*/ 47 h 2273"/>
                <a:gd name="T32" fmla="*/ 0 w 393"/>
                <a:gd name="T33" fmla="*/ 46 h 2273"/>
                <a:gd name="T34" fmla="*/ 2 w 393"/>
                <a:gd name="T35" fmla="*/ 46 h 2273"/>
                <a:gd name="T36" fmla="*/ 3 w 393"/>
                <a:gd name="T37" fmla="*/ 44 h 2273"/>
                <a:gd name="T38" fmla="*/ 4 w 393"/>
                <a:gd name="T39" fmla="*/ 43 h 2273"/>
                <a:gd name="T40" fmla="*/ 4 w 393"/>
                <a:gd name="T41" fmla="*/ 38 h 2273"/>
                <a:gd name="T42" fmla="*/ 3 w 393"/>
                <a:gd name="T43" fmla="*/ 37 h 2273"/>
                <a:gd name="T44" fmla="*/ 2 w 393"/>
                <a:gd name="T45" fmla="*/ 32 h 2273"/>
                <a:gd name="T46" fmla="*/ 4 w 393"/>
                <a:gd name="T47" fmla="*/ 26 h 2273"/>
                <a:gd name="T48" fmla="*/ 5 w 393"/>
                <a:gd name="T49" fmla="*/ 18 h 2273"/>
                <a:gd name="T50" fmla="*/ 6 w 393"/>
                <a:gd name="T51" fmla="*/ 11 h 2273"/>
                <a:gd name="T52" fmla="*/ 7 w 393"/>
                <a:gd name="T53" fmla="*/ 1 h 2273"/>
                <a:gd name="T54" fmla="*/ 2 w 393"/>
                <a:gd name="T55" fmla="*/ 44 h 2273"/>
                <a:gd name="T56" fmla="*/ 2 w 393"/>
                <a:gd name="T57" fmla="*/ 43 h 2273"/>
                <a:gd name="T58" fmla="*/ 3 w 393"/>
                <a:gd name="T59" fmla="*/ 42 h 2273"/>
                <a:gd name="T60" fmla="*/ 2 w 393"/>
                <a:gd name="T61" fmla="*/ 40 h 2273"/>
                <a:gd name="T62" fmla="*/ 6 w 393"/>
                <a:gd name="T63" fmla="*/ 62 h 2273"/>
                <a:gd name="T64" fmla="*/ 5 w 393"/>
                <a:gd name="T65" fmla="*/ 62 h 2273"/>
                <a:gd name="T66" fmla="*/ 5 w 393"/>
                <a:gd name="T67" fmla="*/ 62 h 2273"/>
                <a:gd name="T68" fmla="*/ 4 w 393"/>
                <a:gd name="T69" fmla="*/ 61 h 2273"/>
                <a:gd name="T70" fmla="*/ 3 w 393"/>
                <a:gd name="T71" fmla="*/ 61 h 2273"/>
                <a:gd name="T72" fmla="*/ 3 w 393"/>
                <a:gd name="T73" fmla="*/ 60 h 2273"/>
                <a:gd name="T74" fmla="*/ 2 w 393"/>
                <a:gd name="T75" fmla="*/ 59 h 2273"/>
                <a:gd name="T76" fmla="*/ 3 w 393"/>
                <a:gd name="T77" fmla="*/ 59 h 2273"/>
                <a:gd name="T78" fmla="*/ 4 w 393"/>
                <a:gd name="T79" fmla="*/ 60 h 2273"/>
                <a:gd name="T80" fmla="*/ 2 w 393"/>
                <a:gd name="T81" fmla="*/ 56 h 2273"/>
                <a:gd name="T82" fmla="*/ 1 w 393"/>
                <a:gd name="T83" fmla="*/ 57 h 2273"/>
                <a:gd name="T84" fmla="*/ 2 w 393"/>
                <a:gd name="T85" fmla="*/ 56 h 2273"/>
                <a:gd name="T86" fmla="*/ 2 w 393"/>
                <a:gd name="T87" fmla="*/ 54 h 2273"/>
                <a:gd name="T88" fmla="*/ 0 w 393"/>
                <a:gd name="T89" fmla="*/ 54 h 2273"/>
                <a:gd name="T90" fmla="*/ 2 w 393"/>
                <a:gd name="T91" fmla="*/ 51 h 2273"/>
                <a:gd name="T92" fmla="*/ 1 w 393"/>
                <a:gd name="T93" fmla="*/ 51 h 2273"/>
                <a:gd name="T94" fmla="*/ 1 w 393"/>
                <a:gd name="T95" fmla="*/ 50 h 2273"/>
                <a:gd name="T96" fmla="*/ 1 w 393"/>
                <a:gd name="T97" fmla="*/ 49 h 2273"/>
                <a:gd name="T98" fmla="*/ 2 w 393"/>
                <a:gd name="T99" fmla="*/ 48 h 2273"/>
                <a:gd name="T100" fmla="*/ 10 w 393"/>
                <a:gd name="T101" fmla="*/ 65 h 2273"/>
                <a:gd name="T102" fmla="*/ 8 w 393"/>
                <a:gd name="T103" fmla="*/ 65 h 2273"/>
                <a:gd name="T104" fmla="*/ 6 w 393"/>
                <a:gd name="T105" fmla="*/ 64 h 2273"/>
                <a:gd name="T106" fmla="*/ 10 w 393"/>
                <a:gd name="T107" fmla="*/ 64 h 2273"/>
                <a:gd name="T108" fmla="*/ 9 w 393"/>
                <a:gd name="T109" fmla="*/ 64 h 2273"/>
                <a:gd name="T110" fmla="*/ 7 w 393"/>
                <a:gd name="T111" fmla="*/ 63 h 2273"/>
                <a:gd name="T112" fmla="*/ 7 w 393"/>
                <a:gd name="T113" fmla="*/ 61 h 2273"/>
                <a:gd name="T114" fmla="*/ 7 w 393"/>
                <a:gd name="T115" fmla="*/ 59 h 2273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w 393"/>
                <a:gd name="T175" fmla="*/ 0 h 2273"/>
                <a:gd name="T176" fmla="*/ 393 w 393"/>
                <a:gd name="T177" fmla="*/ 2273 h 2273"/>
              </a:gdLst>
              <a:ahLst/>
              <a:cxnLst>
                <a:cxn ang="T116">
                  <a:pos x="T0" y="T1"/>
                </a:cxn>
                <a:cxn ang="T117">
                  <a:pos x="T2" y="T3"/>
                </a:cxn>
                <a:cxn ang="T118">
                  <a:pos x="T4" y="T5"/>
                </a:cxn>
                <a:cxn ang="T119">
                  <a:pos x="T6" y="T7"/>
                </a:cxn>
                <a:cxn ang="T120">
                  <a:pos x="T8" y="T9"/>
                </a:cxn>
                <a:cxn ang="T121">
                  <a:pos x="T10" y="T11"/>
                </a:cxn>
                <a:cxn ang="T122">
                  <a:pos x="T12" y="T13"/>
                </a:cxn>
                <a:cxn ang="T123">
                  <a:pos x="T14" y="T15"/>
                </a:cxn>
                <a:cxn ang="T124">
                  <a:pos x="T16" y="T17"/>
                </a:cxn>
                <a:cxn ang="T125">
                  <a:pos x="T18" y="T19"/>
                </a:cxn>
                <a:cxn ang="T126">
                  <a:pos x="T20" y="T21"/>
                </a:cxn>
                <a:cxn ang="T127">
                  <a:pos x="T22" y="T23"/>
                </a:cxn>
                <a:cxn ang="T128">
                  <a:pos x="T24" y="T25"/>
                </a:cxn>
                <a:cxn ang="T129">
                  <a:pos x="T26" y="T27"/>
                </a:cxn>
                <a:cxn ang="T130">
                  <a:pos x="T28" y="T29"/>
                </a:cxn>
                <a:cxn ang="T131">
                  <a:pos x="T30" y="T31"/>
                </a:cxn>
                <a:cxn ang="T132">
                  <a:pos x="T32" y="T33"/>
                </a:cxn>
                <a:cxn ang="T133">
                  <a:pos x="T34" y="T35"/>
                </a:cxn>
                <a:cxn ang="T134">
                  <a:pos x="T36" y="T37"/>
                </a:cxn>
                <a:cxn ang="T135">
                  <a:pos x="T38" y="T39"/>
                </a:cxn>
                <a:cxn ang="T136">
                  <a:pos x="T40" y="T41"/>
                </a:cxn>
                <a:cxn ang="T137">
                  <a:pos x="T42" y="T43"/>
                </a:cxn>
                <a:cxn ang="T138">
                  <a:pos x="T44" y="T45"/>
                </a:cxn>
                <a:cxn ang="T139">
                  <a:pos x="T46" y="T47"/>
                </a:cxn>
                <a:cxn ang="T140">
                  <a:pos x="T48" y="T49"/>
                </a:cxn>
                <a:cxn ang="T141">
                  <a:pos x="T50" y="T51"/>
                </a:cxn>
                <a:cxn ang="T142">
                  <a:pos x="T52" y="T53"/>
                </a:cxn>
                <a:cxn ang="T143">
                  <a:pos x="T54" y="T55"/>
                </a:cxn>
                <a:cxn ang="T144">
                  <a:pos x="T56" y="T57"/>
                </a:cxn>
                <a:cxn ang="T145">
                  <a:pos x="T58" y="T59"/>
                </a:cxn>
                <a:cxn ang="T146">
                  <a:pos x="T60" y="T61"/>
                </a:cxn>
                <a:cxn ang="T147">
                  <a:pos x="T62" y="T63"/>
                </a:cxn>
                <a:cxn ang="T148">
                  <a:pos x="T64" y="T65"/>
                </a:cxn>
                <a:cxn ang="T149">
                  <a:pos x="T66" y="T67"/>
                </a:cxn>
                <a:cxn ang="T150">
                  <a:pos x="T68" y="T69"/>
                </a:cxn>
                <a:cxn ang="T151">
                  <a:pos x="T70" y="T71"/>
                </a:cxn>
                <a:cxn ang="T152">
                  <a:pos x="T72" y="T73"/>
                </a:cxn>
                <a:cxn ang="T153">
                  <a:pos x="T74" y="T75"/>
                </a:cxn>
                <a:cxn ang="T154">
                  <a:pos x="T76" y="T77"/>
                </a:cxn>
                <a:cxn ang="T155">
                  <a:pos x="T78" y="T79"/>
                </a:cxn>
                <a:cxn ang="T156">
                  <a:pos x="T80" y="T81"/>
                </a:cxn>
                <a:cxn ang="T157">
                  <a:pos x="T82" y="T83"/>
                </a:cxn>
                <a:cxn ang="T158">
                  <a:pos x="T84" y="T85"/>
                </a:cxn>
                <a:cxn ang="T159">
                  <a:pos x="T86" y="T87"/>
                </a:cxn>
                <a:cxn ang="T160">
                  <a:pos x="T88" y="T89"/>
                </a:cxn>
                <a:cxn ang="T161">
                  <a:pos x="T90" y="T91"/>
                </a:cxn>
                <a:cxn ang="T162">
                  <a:pos x="T92" y="T93"/>
                </a:cxn>
                <a:cxn ang="T163">
                  <a:pos x="T94" y="T95"/>
                </a:cxn>
                <a:cxn ang="T164">
                  <a:pos x="T96" y="T97"/>
                </a:cxn>
                <a:cxn ang="T165">
                  <a:pos x="T98" y="T99"/>
                </a:cxn>
                <a:cxn ang="T166">
                  <a:pos x="T100" y="T101"/>
                </a:cxn>
                <a:cxn ang="T167">
                  <a:pos x="T102" y="T103"/>
                </a:cxn>
                <a:cxn ang="T168">
                  <a:pos x="T104" y="T105"/>
                </a:cxn>
                <a:cxn ang="T169">
                  <a:pos x="T106" y="T107"/>
                </a:cxn>
                <a:cxn ang="T170">
                  <a:pos x="T108" y="T109"/>
                </a:cxn>
                <a:cxn ang="T171">
                  <a:pos x="T110" y="T111"/>
                </a:cxn>
                <a:cxn ang="T172">
                  <a:pos x="T112" y="T113"/>
                </a:cxn>
                <a:cxn ang="T173">
                  <a:pos x="T114" y="T115"/>
                </a:cxn>
              </a:cxnLst>
              <a:rect l="T174" t="T175" r="T176" b="T177"/>
              <a:pathLst>
                <a:path w="393" h="2273">
                  <a:moveTo>
                    <a:pt x="275" y="0"/>
                  </a:moveTo>
                  <a:lnTo>
                    <a:pt x="294" y="22"/>
                  </a:lnTo>
                  <a:lnTo>
                    <a:pt x="300" y="64"/>
                  </a:lnTo>
                  <a:lnTo>
                    <a:pt x="322" y="85"/>
                  </a:lnTo>
                  <a:lnTo>
                    <a:pt x="320" y="108"/>
                  </a:lnTo>
                  <a:lnTo>
                    <a:pt x="312" y="115"/>
                  </a:lnTo>
                  <a:lnTo>
                    <a:pt x="311" y="130"/>
                  </a:lnTo>
                  <a:lnTo>
                    <a:pt x="319" y="136"/>
                  </a:lnTo>
                  <a:lnTo>
                    <a:pt x="319" y="150"/>
                  </a:lnTo>
                  <a:lnTo>
                    <a:pt x="332" y="164"/>
                  </a:lnTo>
                  <a:lnTo>
                    <a:pt x="349" y="257"/>
                  </a:lnTo>
                  <a:lnTo>
                    <a:pt x="362" y="262"/>
                  </a:lnTo>
                  <a:lnTo>
                    <a:pt x="385" y="258"/>
                  </a:lnTo>
                  <a:lnTo>
                    <a:pt x="390" y="277"/>
                  </a:lnTo>
                  <a:lnTo>
                    <a:pt x="382" y="316"/>
                  </a:lnTo>
                  <a:lnTo>
                    <a:pt x="328" y="342"/>
                  </a:lnTo>
                  <a:lnTo>
                    <a:pt x="328" y="370"/>
                  </a:lnTo>
                  <a:lnTo>
                    <a:pt x="322" y="379"/>
                  </a:lnTo>
                  <a:lnTo>
                    <a:pt x="322" y="393"/>
                  </a:lnTo>
                  <a:lnTo>
                    <a:pt x="331" y="461"/>
                  </a:lnTo>
                  <a:lnTo>
                    <a:pt x="305" y="480"/>
                  </a:lnTo>
                  <a:lnTo>
                    <a:pt x="298" y="504"/>
                  </a:lnTo>
                  <a:lnTo>
                    <a:pt x="277" y="528"/>
                  </a:lnTo>
                  <a:lnTo>
                    <a:pt x="260" y="591"/>
                  </a:lnTo>
                  <a:lnTo>
                    <a:pt x="256" y="639"/>
                  </a:lnTo>
                  <a:lnTo>
                    <a:pt x="232" y="692"/>
                  </a:lnTo>
                  <a:lnTo>
                    <a:pt x="230" y="716"/>
                  </a:lnTo>
                  <a:lnTo>
                    <a:pt x="238" y="724"/>
                  </a:lnTo>
                  <a:lnTo>
                    <a:pt x="238" y="749"/>
                  </a:lnTo>
                  <a:lnTo>
                    <a:pt x="249" y="777"/>
                  </a:lnTo>
                  <a:lnTo>
                    <a:pt x="249" y="795"/>
                  </a:lnTo>
                  <a:lnTo>
                    <a:pt x="258" y="806"/>
                  </a:lnTo>
                  <a:lnTo>
                    <a:pt x="261" y="849"/>
                  </a:lnTo>
                  <a:lnTo>
                    <a:pt x="246" y="876"/>
                  </a:lnTo>
                  <a:lnTo>
                    <a:pt x="241" y="902"/>
                  </a:lnTo>
                  <a:lnTo>
                    <a:pt x="230" y="912"/>
                  </a:lnTo>
                  <a:lnTo>
                    <a:pt x="234" y="958"/>
                  </a:lnTo>
                  <a:lnTo>
                    <a:pt x="207" y="983"/>
                  </a:lnTo>
                  <a:lnTo>
                    <a:pt x="204" y="995"/>
                  </a:lnTo>
                  <a:lnTo>
                    <a:pt x="201" y="1060"/>
                  </a:lnTo>
                  <a:lnTo>
                    <a:pt x="207" y="1103"/>
                  </a:lnTo>
                  <a:lnTo>
                    <a:pt x="192" y="1127"/>
                  </a:lnTo>
                  <a:lnTo>
                    <a:pt x="175" y="1191"/>
                  </a:lnTo>
                  <a:lnTo>
                    <a:pt x="165" y="1267"/>
                  </a:lnTo>
                  <a:lnTo>
                    <a:pt x="176" y="1292"/>
                  </a:lnTo>
                  <a:lnTo>
                    <a:pt x="176" y="1301"/>
                  </a:lnTo>
                  <a:lnTo>
                    <a:pt x="159" y="1340"/>
                  </a:lnTo>
                  <a:lnTo>
                    <a:pt x="159" y="1371"/>
                  </a:lnTo>
                  <a:lnTo>
                    <a:pt x="165" y="1379"/>
                  </a:lnTo>
                  <a:lnTo>
                    <a:pt x="167" y="1408"/>
                  </a:lnTo>
                  <a:lnTo>
                    <a:pt x="173" y="1430"/>
                  </a:lnTo>
                  <a:lnTo>
                    <a:pt x="170" y="1459"/>
                  </a:lnTo>
                  <a:lnTo>
                    <a:pt x="188" y="1462"/>
                  </a:lnTo>
                  <a:lnTo>
                    <a:pt x="195" y="1478"/>
                  </a:lnTo>
                  <a:lnTo>
                    <a:pt x="193" y="1484"/>
                  </a:lnTo>
                  <a:lnTo>
                    <a:pt x="165" y="1484"/>
                  </a:lnTo>
                  <a:lnTo>
                    <a:pt x="168" y="1495"/>
                  </a:lnTo>
                  <a:lnTo>
                    <a:pt x="188" y="1508"/>
                  </a:lnTo>
                  <a:lnTo>
                    <a:pt x="179" y="1533"/>
                  </a:lnTo>
                  <a:lnTo>
                    <a:pt x="178" y="1608"/>
                  </a:lnTo>
                  <a:lnTo>
                    <a:pt x="167" y="1642"/>
                  </a:lnTo>
                  <a:lnTo>
                    <a:pt x="144" y="1677"/>
                  </a:lnTo>
                  <a:lnTo>
                    <a:pt x="148" y="1722"/>
                  </a:lnTo>
                  <a:lnTo>
                    <a:pt x="137" y="1756"/>
                  </a:lnTo>
                  <a:lnTo>
                    <a:pt x="107" y="1807"/>
                  </a:lnTo>
                  <a:lnTo>
                    <a:pt x="100" y="1853"/>
                  </a:lnTo>
                  <a:lnTo>
                    <a:pt x="105" y="1899"/>
                  </a:lnTo>
                  <a:lnTo>
                    <a:pt x="120" y="1887"/>
                  </a:lnTo>
                  <a:lnTo>
                    <a:pt x="148" y="1889"/>
                  </a:lnTo>
                  <a:lnTo>
                    <a:pt x="150" y="1965"/>
                  </a:lnTo>
                  <a:lnTo>
                    <a:pt x="159" y="1984"/>
                  </a:lnTo>
                  <a:lnTo>
                    <a:pt x="266" y="1988"/>
                  </a:lnTo>
                  <a:lnTo>
                    <a:pt x="331" y="2007"/>
                  </a:lnTo>
                  <a:lnTo>
                    <a:pt x="326" y="2013"/>
                  </a:lnTo>
                  <a:lnTo>
                    <a:pt x="292" y="2010"/>
                  </a:lnTo>
                  <a:lnTo>
                    <a:pt x="280" y="2007"/>
                  </a:lnTo>
                  <a:lnTo>
                    <a:pt x="273" y="2018"/>
                  </a:lnTo>
                  <a:lnTo>
                    <a:pt x="217" y="2041"/>
                  </a:lnTo>
                  <a:lnTo>
                    <a:pt x="207" y="2121"/>
                  </a:lnTo>
                  <a:lnTo>
                    <a:pt x="179" y="2119"/>
                  </a:lnTo>
                  <a:lnTo>
                    <a:pt x="154" y="2103"/>
                  </a:lnTo>
                  <a:lnTo>
                    <a:pt x="151" y="2087"/>
                  </a:lnTo>
                  <a:lnTo>
                    <a:pt x="158" y="2081"/>
                  </a:lnTo>
                  <a:lnTo>
                    <a:pt x="159" y="2094"/>
                  </a:lnTo>
                  <a:lnTo>
                    <a:pt x="195" y="2072"/>
                  </a:lnTo>
                  <a:lnTo>
                    <a:pt x="205" y="2050"/>
                  </a:lnTo>
                  <a:lnTo>
                    <a:pt x="187" y="2029"/>
                  </a:lnTo>
                  <a:lnTo>
                    <a:pt x="159" y="2026"/>
                  </a:lnTo>
                  <a:lnTo>
                    <a:pt x="142" y="2035"/>
                  </a:lnTo>
                  <a:lnTo>
                    <a:pt x="141" y="2024"/>
                  </a:lnTo>
                  <a:lnTo>
                    <a:pt x="129" y="2027"/>
                  </a:lnTo>
                  <a:lnTo>
                    <a:pt x="144" y="2005"/>
                  </a:lnTo>
                  <a:lnTo>
                    <a:pt x="134" y="1984"/>
                  </a:lnTo>
                  <a:lnTo>
                    <a:pt x="141" y="1982"/>
                  </a:lnTo>
                  <a:lnTo>
                    <a:pt x="141" y="1970"/>
                  </a:lnTo>
                  <a:lnTo>
                    <a:pt x="134" y="1963"/>
                  </a:lnTo>
                  <a:lnTo>
                    <a:pt x="134" y="1970"/>
                  </a:lnTo>
                  <a:lnTo>
                    <a:pt x="114" y="1962"/>
                  </a:lnTo>
                  <a:lnTo>
                    <a:pt x="119" y="1975"/>
                  </a:lnTo>
                  <a:lnTo>
                    <a:pt x="112" y="1985"/>
                  </a:lnTo>
                  <a:lnTo>
                    <a:pt x="100" y="1956"/>
                  </a:lnTo>
                  <a:lnTo>
                    <a:pt x="105" y="1990"/>
                  </a:lnTo>
                  <a:lnTo>
                    <a:pt x="97" y="1987"/>
                  </a:lnTo>
                  <a:lnTo>
                    <a:pt x="96" y="1956"/>
                  </a:lnTo>
                  <a:lnTo>
                    <a:pt x="88" y="1942"/>
                  </a:lnTo>
                  <a:lnTo>
                    <a:pt x="68" y="1919"/>
                  </a:lnTo>
                  <a:lnTo>
                    <a:pt x="68" y="1902"/>
                  </a:lnTo>
                  <a:lnTo>
                    <a:pt x="85" y="1900"/>
                  </a:lnTo>
                  <a:lnTo>
                    <a:pt x="85" y="1891"/>
                  </a:lnTo>
                  <a:lnTo>
                    <a:pt x="70" y="1889"/>
                  </a:lnTo>
                  <a:lnTo>
                    <a:pt x="66" y="1880"/>
                  </a:lnTo>
                  <a:lnTo>
                    <a:pt x="77" y="1875"/>
                  </a:lnTo>
                  <a:lnTo>
                    <a:pt x="56" y="1865"/>
                  </a:lnTo>
                  <a:lnTo>
                    <a:pt x="46" y="1852"/>
                  </a:lnTo>
                  <a:lnTo>
                    <a:pt x="58" y="1838"/>
                  </a:lnTo>
                  <a:lnTo>
                    <a:pt x="62" y="1816"/>
                  </a:lnTo>
                  <a:lnTo>
                    <a:pt x="82" y="1811"/>
                  </a:lnTo>
                  <a:lnTo>
                    <a:pt x="74" y="1799"/>
                  </a:lnTo>
                  <a:lnTo>
                    <a:pt x="82" y="1775"/>
                  </a:lnTo>
                  <a:lnTo>
                    <a:pt x="71" y="1784"/>
                  </a:lnTo>
                  <a:lnTo>
                    <a:pt x="65" y="1799"/>
                  </a:lnTo>
                  <a:lnTo>
                    <a:pt x="62" y="1798"/>
                  </a:lnTo>
                  <a:lnTo>
                    <a:pt x="58" y="1753"/>
                  </a:lnTo>
                  <a:lnTo>
                    <a:pt x="65" y="1750"/>
                  </a:lnTo>
                  <a:lnTo>
                    <a:pt x="60" y="1744"/>
                  </a:lnTo>
                  <a:lnTo>
                    <a:pt x="62" y="1733"/>
                  </a:lnTo>
                  <a:lnTo>
                    <a:pt x="83" y="1739"/>
                  </a:lnTo>
                  <a:lnTo>
                    <a:pt x="79" y="1722"/>
                  </a:lnTo>
                  <a:lnTo>
                    <a:pt x="54" y="1728"/>
                  </a:lnTo>
                  <a:lnTo>
                    <a:pt x="49" y="1696"/>
                  </a:lnTo>
                  <a:lnTo>
                    <a:pt x="56" y="1697"/>
                  </a:lnTo>
                  <a:lnTo>
                    <a:pt x="63" y="1714"/>
                  </a:lnTo>
                  <a:lnTo>
                    <a:pt x="66" y="1699"/>
                  </a:lnTo>
                  <a:lnTo>
                    <a:pt x="91" y="1705"/>
                  </a:lnTo>
                  <a:lnTo>
                    <a:pt x="85" y="1684"/>
                  </a:lnTo>
                  <a:lnTo>
                    <a:pt x="82" y="1679"/>
                  </a:lnTo>
                  <a:lnTo>
                    <a:pt x="68" y="1684"/>
                  </a:lnTo>
                  <a:lnTo>
                    <a:pt x="65" y="1676"/>
                  </a:lnTo>
                  <a:lnTo>
                    <a:pt x="71" y="1668"/>
                  </a:lnTo>
                  <a:lnTo>
                    <a:pt x="49" y="1659"/>
                  </a:lnTo>
                  <a:lnTo>
                    <a:pt x="71" y="1643"/>
                  </a:lnTo>
                  <a:lnTo>
                    <a:pt x="65" y="1638"/>
                  </a:lnTo>
                  <a:lnTo>
                    <a:pt x="73" y="1629"/>
                  </a:lnTo>
                  <a:lnTo>
                    <a:pt x="62" y="1617"/>
                  </a:lnTo>
                  <a:lnTo>
                    <a:pt x="49" y="1612"/>
                  </a:lnTo>
                  <a:lnTo>
                    <a:pt x="41" y="1620"/>
                  </a:lnTo>
                  <a:lnTo>
                    <a:pt x="19" y="1603"/>
                  </a:lnTo>
                  <a:lnTo>
                    <a:pt x="6" y="1611"/>
                  </a:lnTo>
                  <a:lnTo>
                    <a:pt x="12" y="1620"/>
                  </a:lnTo>
                  <a:lnTo>
                    <a:pt x="9" y="1628"/>
                  </a:lnTo>
                  <a:lnTo>
                    <a:pt x="0" y="1626"/>
                  </a:lnTo>
                  <a:lnTo>
                    <a:pt x="0" y="1620"/>
                  </a:lnTo>
                  <a:lnTo>
                    <a:pt x="4" y="1601"/>
                  </a:lnTo>
                  <a:lnTo>
                    <a:pt x="37" y="1577"/>
                  </a:lnTo>
                  <a:lnTo>
                    <a:pt x="37" y="1570"/>
                  </a:lnTo>
                  <a:lnTo>
                    <a:pt x="28" y="1569"/>
                  </a:lnTo>
                  <a:lnTo>
                    <a:pt x="24" y="1558"/>
                  </a:lnTo>
                  <a:lnTo>
                    <a:pt x="62" y="1558"/>
                  </a:lnTo>
                  <a:lnTo>
                    <a:pt x="70" y="1574"/>
                  </a:lnTo>
                  <a:lnTo>
                    <a:pt x="62" y="1586"/>
                  </a:lnTo>
                  <a:lnTo>
                    <a:pt x="71" y="1594"/>
                  </a:lnTo>
                  <a:lnTo>
                    <a:pt x="80" y="1581"/>
                  </a:lnTo>
                  <a:lnTo>
                    <a:pt x="80" y="1600"/>
                  </a:lnTo>
                  <a:lnTo>
                    <a:pt x="99" y="1581"/>
                  </a:lnTo>
                  <a:lnTo>
                    <a:pt x="90" y="1577"/>
                  </a:lnTo>
                  <a:lnTo>
                    <a:pt x="91" y="1557"/>
                  </a:lnTo>
                  <a:lnTo>
                    <a:pt x="107" y="1550"/>
                  </a:lnTo>
                  <a:lnTo>
                    <a:pt x="100" y="1544"/>
                  </a:lnTo>
                  <a:lnTo>
                    <a:pt x="111" y="1533"/>
                  </a:lnTo>
                  <a:lnTo>
                    <a:pt x="94" y="1538"/>
                  </a:lnTo>
                  <a:lnTo>
                    <a:pt x="96" y="1530"/>
                  </a:lnTo>
                  <a:lnTo>
                    <a:pt x="105" y="1521"/>
                  </a:lnTo>
                  <a:lnTo>
                    <a:pt x="112" y="1527"/>
                  </a:lnTo>
                  <a:lnTo>
                    <a:pt x="120" y="1532"/>
                  </a:lnTo>
                  <a:lnTo>
                    <a:pt x="125" y="1530"/>
                  </a:lnTo>
                  <a:lnTo>
                    <a:pt x="125" y="1523"/>
                  </a:lnTo>
                  <a:lnTo>
                    <a:pt x="100" y="1516"/>
                  </a:lnTo>
                  <a:lnTo>
                    <a:pt x="102" y="1501"/>
                  </a:lnTo>
                  <a:lnTo>
                    <a:pt x="122" y="1498"/>
                  </a:lnTo>
                  <a:lnTo>
                    <a:pt x="133" y="1484"/>
                  </a:lnTo>
                  <a:lnTo>
                    <a:pt x="129" y="1462"/>
                  </a:lnTo>
                  <a:lnTo>
                    <a:pt x="107" y="1444"/>
                  </a:lnTo>
                  <a:lnTo>
                    <a:pt x="122" y="1420"/>
                  </a:lnTo>
                  <a:lnTo>
                    <a:pt x="117" y="1400"/>
                  </a:lnTo>
                  <a:lnTo>
                    <a:pt x="129" y="1371"/>
                  </a:lnTo>
                  <a:lnTo>
                    <a:pt x="127" y="1354"/>
                  </a:lnTo>
                  <a:lnTo>
                    <a:pt x="134" y="1343"/>
                  </a:lnTo>
                  <a:lnTo>
                    <a:pt x="139" y="1346"/>
                  </a:lnTo>
                  <a:lnTo>
                    <a:pt x="131" y="1334"/>
                  </a:lnTo>
                  <a:lnTo>
                    <a:pt x="134" y="1325"/>
                  </a:lnTo>
                  <a:lnTo>
                    <a:pt x="141" y="1326"/>
                  </a:lnTo>
                  <a:lnTo>
                    <a:pt x="144" y="1338"/>
                  </a:lnTo>
                  <a:lnTo>
                    <a:pt x="142" y="1310"/>
                  </a:lnTo>
                  <a:lnTo>
                    <a:pt x="129" y="1308"/>
                  </a:lnTo>
                  <a:lnTo>
                    <a:pt x="131" y="1300"/>
                  </a:lnTo>
                  <a:lnTo>
                    <a:pt x="150" y="1286"/>
                  </a:lnTo>
                  <a:lnTo>
                    <a:pt x="137" y="1289"/>
                  </a:lnTo>
                  <a:lnTo>
                    <a:pt x="119" y="1279"/>
                  </a:lnTo>
                  <a:lnTo>
                    <a:pt x="108" y="1293"/>
                  </a:lnTo>
                  <a:lnTo>
                    <a:pt x="99" y="1295"/>
                  </a:lnTo>
                  <a:lnTo>
                    <a:pt x="87" y="1289"/>
                  </a:lnTo>
                  <a:lnTo>
                    <a:pt x="79" y="1272"/>
                  </a:lnTo>
                  <a:lnTo>
                    <a:pt x="85" y="1181"/>
                  </a:lnTo>
                  <a:lnTo>
                    <a:pt x="94" y="1176"/>
                  </a:lnTo>
                  <a:lnTo>
                    <a:pt x="102" y="1157"/>
                  </a:lnTo>
                  <a:lnTo>
                    <a:pt x="100" y="1132"/>
                  </a:lnTo>
                  <a:lnTo>
                    <a:pt x="90" y="1102"/>
                  </a:lnTo>
                  <a:lnTo>
                    <a:pt x="94" y="1078"/>
                  </a:lnTo>
                  <a:lnTo>
                    <a:pt x="87" y="1058"/>
                  </a:lnTo>
                  <a:lnTo>
                    <a:pt x="88" y="1029"/>
                  </a:lnTo>
                  <a:lnTo>
                    <a:pt x="96" y="1020"/>
                  </a:lnTo>
                  <a:lnTo>
                    <a:pt x="108" y="1020"/>
                  </a:lnTo>
                  <a:lnTo>
                    <a:pt x="107" y="992"/>
                  </a:lnTo>
                  <a:lnTo>
                    <a:pt x="119" y="990"/>
                  </a:lnTo>
                  <a:lnTo>
                    <a:pt x="139" y="927"/>
                  </a:lnTo>
                  <a:lnTo>
                    <a:pt x="153" y="904"/>
                  </a:lnTo>
                  <a:lnTo>
                    <a:pt x="171" y="834"/>
                  </a:lnTo>
                  <a:lnTo>
                    <a:pt x="176" y="828"/>
                  </a:lnTo>
                  <a:lnTo>
                    <a:pt x="176" y="797"/>
                  </a:lnTo>
                  <a:lnTo>
                    <a:pt x="185" y="778"/>
                  </a:lnTo>
                  <a:lnTo>
                    <a:pt x="185" y="758"/>
                  </a:lnTo>
                  <a:lnTo>
                    <a:pt x="175" y="662"/>
                  </a:lnTo>
                  <a:lnTo>
                    <a:pt x="178" y="641"/>
                  </a:lnTo>
                  <a:lnTo>
                    <a:pt x="188" y="634"/>
                  </a:lnTo>
                  <a:lnTo>
                    <a:pt x="192" y="619"/>
                  </a:lnTo>
                  <a:lnTo>
                    <a:pt x="181" y="582"/>
                  </a:lnTo>
                  <a:lnTo>
                    <a:pt x="185" y="568"/>
                  </a:lnTo>
                  <a:lnTo>
                    <a:pt x="193" y="557"/>
                  </a:lnTo>
                  <a:lnTo>
                    <a:pt x="204" y="507"/>
                  </a:lnTo>
                  <a:lnTo>
                    <a:pt x="210" y="495"/>
                  </a:lnTo>
                  <a:lnTo>
                    <a:pt x="210" y="478"/>
                  </a:lnTo>
                  <a:lnTo>
                    <a:pt x="221" y="460"/>
                  </a:lnTo>
                  <a:lnTo>
                    <a:pt x="221" y="406"/>
                  </a:lnTo>
                  <a:lnTo>
                    <a:pt x="230" y="381"/>
                  </a:lnTo>
                  <a:lnTo>
                    <a:pt x="232" y="294"/>
                  </a:lnTo>
                  <a:lnTo>
                    <a:pt x="227" y="283"/>
                  </a:lnTo>
                  <a:lnTo>
                    <a:pt x="241" y="260"/>
                  </a:lnTo>
                  <a:lnTo>
                    <a:pt x="249" y="195"/>
                  </a:lnTo>
                  <a:lnTo>
                    <a:pt x="244" y="164"/>
                  </a:lnTo>
                  <a:lnTo>
                    <a:pt x="246" y="118"/>
                  </a:lnTo>
                  <a:lnTo>
                    <a:pt x="230" y="32"/>
                  </a:lnTo>
                  <a:lnTo>
                    <a:pt x="241" y="23"/>
                  </a:lnTo>
                  <a:lnTo>
                    <a:pt x="261" y="22"/>
                  </a:lnTo>
                  <a:lnTo>
                    <a:pt x="275" y="0"/>
                  </a:lnTo>
                  <a:close/>
                  <a:moveTo>
                    <a:pt x="79" y="1550"/>
                  </a:moveTo>
                  <a:lnTo>
                    <a:pt x="83" y="1558"/>
                  </a:lnTo>
                  <a:lnTo>
                    <a:pt x="79" y="1558"/>
                  </a:lnTo>
                  <a:lnTo>
                    <a:pt x="79" y="1550"/>
                  </a:lnTo>
                  <a:close/>
                  <a:moveTo>
                    <a:pt x="65" y="1513"/>
                  </a:moveTo>
                  <a:lnTo>
                    <a:pt x="79" y="1523"/>
                  </a:lnTo>
                  <a:lnTo>
                    <a:pt x="65" y="1513"/>
                  </a:lnTo>
                  <a:close/>
                  <a:moveTo>
                    <a:pt x="65" y="1506"/>
                  </a:moveTo>
                  <a:lnTo>
                    <a:pt x="80" y="1503"/>
                  </a:lnTo>
                  <a:lnTo>
                    <a:pt x="83" y="1516"/>
                  </a:lnTo>
                  <a:lnTo>
                    <a:pt x="65" y="1506"/>
                  </a:lnTo>
                  <a:close/>
                  <a:moveTo>
                    <a:pt x="62" y="1501"/>
                  </a:moveTo>
                  <a:lnTo>
                    <a:pt x="56" y="1496"/>
                  </a:lnTo>
                  <a:lnTo>
                    <a:pt x="65" y="1493"/>
                  </a:lnTo>
                  <a:lnTo>
                    <a:pt x="73" y="1496"/>
                  </a:lnTo>
                  <a:lnTo>
                    <a:pt x="62" y="1501"/>
                  </a:lnTo>
                  <a:close/>
                  <a:moveTo>
                    <a:pt x="58" y="1474"/>
                  </a:moveTo>
                  <a:lnTo>
                    <a:pt x="73" y="1479"/>
                  </a:lnTo>
                  <a:lnTo>
                    <a:pt x="63" y="1484"/>
                  </a:lnTo>
                  <a:lnTo>
                    <a:pt x="58" y="1474"/>
                  </a:lnTo>
                  <a:close/>
                  <a:moveTo>
                    <a:pt x="117" y="1459"/>
                  </a:moveTo>
                  <a:lnTo>
                    <a:pt x="127" y="1469"/>
                  </a:lnTo>
                  <a:lnTo>
                    <a:pt x="127" y="1487"/>
                  </a:lnTo>
                  <a:lnTo>
                    <a:pt x="105" y="1493"/>
                  </a:lnTo>
                  <a:lnTo>
                    <a:pt x="97" y="1473"/>
                  </a:lnTo>
                  <a:lnTo>
                    <a:pt x="117" y="1459"/>
                  </a:lnTo>
                  <a:close/>
                  <a:moveTo>
                    <a:pt x="77" y="1293"/>
                  </a:moveTo>
                  <a:lnTo>
                    <a:pt x="80" y="1300"/>
                  </a:lnTo>
                  <a:lnTo>
                    <a:pt x="90" y="1300"/>
                  </a:lnTo>
                  <a:lnTo>
                    <a:pt x="100" y="1332"/>
                  </a:lnTo>
                  <a:lnTo>
                    <a:pt x="83" y="1346"/>
                  </a:lnTo>
                  <a:lnTo>
                    <a:pt x="94" y="1360"/>
                  </a:lnTo>
                  <a:lnTo>
                    <a:pt x="85" y="1362"/>
                  </a:lnTo>
                  <a:lnTo>
                    <a:pt x="91" y="1383"/>
                  </a:lnTo>
                  <a:lnTo>
                    <a:pt x="83" y="1383"/>
                  </a:lnTo>
                  <a:lnTo>
                    <a:pt x="82" y="1397"/>
                  </a:lnTo>
                  <a:lnTo>
                    <a:pt x="58" y="1393"/>
                  </a:lnTo>
                  <a:lnTo>
                    <a:pt x="53" y="1383"/>
                  </a:lnTo>
                  <a:lnTo>
                    <a:pt x="63" y="1354"/>
                  </a:lnTo>
                  <a:lnTo>
                    <a:pt x="66" y="1304"/>
                  </a:lnTo>
                  <a:lnTo>
                    <a:pt x="77" y="1293"/>
                  </a:lnTo>
                  <a:close/>
                  <a:moveTo>
                    <a:pt x="230" y="2106"/>
                  </a:moveTo>
                  <a:lnTo>
                    <a:pt x="239" y="2141"/>
                  </a:lnTo>
                  <a:lnTo>
                    <a:pt x="227" y="2136"/>
                  </a:lnTo>
                  <a:lnTo>
                    <a:pt x="227" y="2143"/>
                  </a:lnTo>
                  <a:lnTo>
                    <a:pt x="241" y="2158"/>
                  </a:lnTo>
                  <a:lnTo>
                    <a:pt x="219" y="2141"/>
                  </a:lnTo>
                  <a:lnTo>
                    <a:pt x="217" y="2129"/>
                  </a:lnTo>
                  <a:lnTo>
                    <a:pt x="227" y="2124"/>
                  </a:lnTo>
                  <a:lnTo>
                    <a:pt x="226" y="2115"/>
                  </a:lnTo>
                  <a:lnTo>
                    <a:pt x="230" y="2106"/>
                  </a:lnTo>
                  <a:close/>
                  <a:moveTo>
                    <a:pt x="170" y="2126"/>
                  </a:moveTo>
                  <a:lnTo>
                    <a:pt x="179" y="2144"/>
                  </a:lnTo>
                  <a:lnTo>
                    <a:pt x="185" y="2136"/>
                  </a:lnTo>
                  <a:lnTo>
                    <a:pt x="195" y="2140"/>
                  </a:lnTo>
                  <a:lnTo>
                    <a:pt x="201" y="2151"/>
                  </a:lnTo>
                  <a:lnTo>
                    <a:pt x="205" y="2149"/>
                  </a:lnTo>
                  <a:lnTo>
                    <a:pt x="210" y="2160"/>
                  </a:lnTo>
                  <a:lnTo>
                    <a:pt x="201" y="2165"/>
                  </a:lnTo>
                  <a:lnTo>
                    <a:pt x="179" y="2154"/>
                  </a:lnTo>
                  <a:lnTo>
                    <a:pt x="178" y="2161"/>
                  </a:lnTo>
                  <a:lnTo>
                    <a:pt x="159" y="2149"/>
                  </a:lnTo>
                  <a:lnTo>
                    <a:pt x="156" y="2132"/>
                  </a:lnTo>
                  <a:lnTo>
                    <a:pt x="170" y="2126"/>
                  </a:lnTo>
                  <a:close/>
                  <a:moveTo>
                    <a:pt x="90" y="2090"/>
                  </a:moveTo>
                  <a:lnTo>
                    <a:pt x="111" y="2098"/>
                  </a:lnTo>
                  <a:lnTo>
                    <a:pt x="125" y="2095"/>
                  </a:lnTo>
                  <a:lnTo>
                    <a:pt x="133" y="2107"/>
                  </a:lnTo>
                  <a:lnTo>
                    <a:pt x="141" y="2106"/>
                  </a:lnTo>
                  <a:lnTo>
                    <a:pt x="153" y="2117"/>
                  </a:lnTo>
                  <a:lnTo>
                    <a:pt x="154" y="2126"/>
                  </a:lnTo>
                  <a:lnTo>
                    <a:pt x="148" y="2126"/>
                  </a:lnTo>
                  <a:lnTo>
                    <a:pt x="144" y="2143"/>
                  </a:lnTo>
                  <a:lnTo>
                    <a:pt x="136" y="2137"/>
                  </a:lnTo>
                  <a:lnTo>
                    <a:pt x="136" y="2146"/>
                  </a:lnTo>
                  <a:lnTo>
                    <a:pt x="122" y="2146"/>
                  </a:lnTo>
                  <a:lnTo>
                    <a:pt x="127" y="2141"/>
                  </a:lnTo>
                  <a:lnTo>
                    <a:pt x="103" y="2134"/>
                  </a:lnTo>
                  <a:lnTo>
                    <a:pt x="105" y="2121"/>
                  </a:lnTo>
                  <a:lnTo>
                    <a:pt x="97" y="2117"/>
                  </a:lnTo>
                  <a:lnTo>
                    <a:pt x="87" y="2094"/>
                  </a:lnTo>
                  <a:lnTo>
                    <a:pt x="90" y="2090"/>
                  </a:lnTo>
                  <a:close/>
                  <a:moveTo>
                    <a:pt x="43" y="1963"/>
                  </a:moveTo>
                  <a:lnTo>
                    <a:pt x="45" y="1985"/>
                  </a:lnTo>
                  <a:lnTo>
                    <a:pt x="40" y="1992"/>
                  </a:lnTo>
                  <a:lnTo>
                    <a:pt x="37" y="1982"/>
                  </a:lnTo>
                  <a:lnTo>
                    <a:pt x="43" y="1963"/>
                  </a:lnTo>
                  <a:close/>
                  <a:moveTo>
                    <a:pt x="41" y="2041"/>
                  </a:moveTo>
                  <a:lnTo>
                    <a:pt x="112" y="2089"/>
                  </a:lnTo>
                  <a:lnTo>
                    <a:pt x="96" y="2086"/>
                  </a:lnTo>
                  <a:lnTo>
                    <a:pt x="79" y="2077"/>
                  </a:lnTo>
                  <a:lnTo>
                    <a:pt x="49" y="2061"/>
                  </a:lnTo>
                  <a:lnTo>
                    <a:pt x="41" y="2041"/>
                  </a:lnTo>
                  <a:close/>
                  <a:moveTo>
                    <a:pt x="85" y="2018"/>
                  </a:moveTo>
                  <a:lnTo>
                    <a:pt x="85" y="2033"/>
                  </a:lnTo>
                  <a:lnTo>
                    <a:pt x="79" y="2036"/>
                  </a:lnTo>
                  <a:lnTo>
                    <a:pt x="80" y="2027"/>
                  </a:lnTo>
                  <a:lnTo>
                    <a:pt x="77" y="2029"/>
                  </a:lnTo>
                  <a:lnTo>
                    <a:pt x="74" y="2021"/>
                  </a:lnTo>
                  <a:lnTo>
                    <a:pt x="85" y="2018"/>
                  </a:lnTo>
                  <a:close/>
                  <a:moveTo>
                    <a:pt x="94" y="2001"/>
                  </a:moveTo>
                  <a:lnTo>
                    <a:pt x="114" y="1993"/>
                  </a:lnTo>
                  <a:lnTo>
                    <a:pt x="120" y="2009"/>
                  </a:lnTo>
                  <a:lnTo>
                    <a:pt x="127" y="1987"/>
                  </a:lnTo>
                  <a:lnTo>
                    <a:pt x="133" y="1990"/>
                  </a:lnTo>
                  <a:lnTo>
                    <a:pt x="136" y="2009"/>
                  </a:lnTo>
                  <a:lnTo>
                    <a:pt x="122" y="2033"/>
                  </a:lnTo>
                  <a:lnTo>
                    <a:pt x="142" y="2053"/>
                  </a:lnTo>
                  <a:lnTo>
                    <a:pt x="162" y="2036"/>
                  </a:lnTo>
                  <a:lnTo>
                    <a:pt x="185" y="2038"/>
                  </a:lnTo>
                  <a:lnTo>
                    <a:pt x="188" y="2052"/>
                  </a:lnTo>
                  <a:lnTo>
                    <a:pt x="141" y="2078"/>
                  </a:lnTo>
                  <a:lnTo>
                    <a:pt x="142" y="2098"/>
                  </a:lnTo>
                  <a:lnTo>
                    <a:pt x="136" y="2095"/>
                  </a:lnTo>
                  <a:lnTo>
                    <a:pt x="112" y="2073"/>
                  </a:lnTo>
                  <a:lnTo>
                    <a:pt x="133" y="2073"/>
                  </a:lnTo>
                  <a:lnTo>
                    <a:pt x="124" y="2056"/>
                  </a:lnTo>
                  <a:lnTo>
                    <a:pt x="117" y="2063"/>
                  </a:lnTo>
                  <a:lnTo>
                    <a:pt x="105" y="2063"/>
                  </a:lnTo>
                  <a:lnTo>
                    <a:pt x="107" y="2055"/>
                  </a:lnTo>
                  <a:lnTo>
                    <a:pt x="90" y="2041"/>
                  </a:lnTo>
                  <a:lnTo>
                    <a:pt x="94" y="2001"/>
                  </a:lnTo>
                  <a:close/>
                  <a:moveTo>
                    <a:pt x="85" y="1950"/>
                  </a:moveTo>
                  <a:lnTo>
                    <a:pt x="87" y="1963"/>
                  </a:lnTo>
                  <a:lnTo>
                    <a:pt x="77" y="1942"/>
                  </a:lnTo>
                  <a:lnTo>
                    <a:pt x="85" y="1950"/>
                  </a:lnTo>
                  <a:close/>
                  <a:moveTo>
                    <a:pt x="70" y="1960"/>
                  </a:moveTo>
                  <a:lnTo>
                    <a:pt x="79" y="1975"/>
                  </a:lnTo>
                  <a:lnTo>
                    <a:pt x="66" y="1968"/>
                  </a:lnTo>
                  <a:lnTo>
                    <a:pt x="65" y="1954"/>
                  </a:lnTo>
                  <a:lnTo>
                    <a:pt x="70" y="1960"/>
                  </a:lnTo>
                  <a:close/>
                  <a:moveTo>
                    <a:pt x="31" y="1993"/>
                  </a:moveTo>
                  <a:lnTo>
                    <a:pt x="28" y="1993"/>
                  </a:lnTo>
                  <a:lnTo>
                    <a:pt x="28" y="1982"/>
                  </a:lnTo>
                  <a:lnTo>
                    <a:pt x="32" y="1960"/>
                  </a:lnTo>
                  <a:lnTo>
                    <a:pt x="36" y="1975"/>
                  </a:lnTo>
                  <a:lnTo>
                    <a:pt x="31" y="1993"/>
                  </a:lnTo>
                  <a:close/>
                  <a:moveTo>
                    <a:pt x="31" y="1942"/>
                  </a:moveTo>
                  <a:lnTo>
                    <a:pt x="43" y="1923"/>
                  </a:lnTo>
                  <a:lnTo>
                    <a:pt x="46" y="1937"/>
                  </a:lnTo>
                  <a:lnTo>
                    <a:pt x="31" y="1942"/>
                  </a:lnTo>
                  <a:close/>
                  <a:moveTo>
                    <a:pt x="53" y="1908"/>
                  </a:moveTo>
                  <a:lnTo>
                    <a:pt x="49" y="1925"/>
                  </a:lnTo>
                  <a:lnTo>
                    <a:pt x="43" y="1920"/>
                  </a:lnTo>
                  <a:lnTo>
                    <a:pt x="34" y="1902"/>
                  </a:lnTo>
                  <a:lnTo>
                    <a:pt x="34" y="1885"/>
                  </a:lnTo>
                  <a:lnTo>
                    <a:pt x="49" y="1894"/>
                  </a:lnTo>
                  <a:lnTo>
                    <a:pt x="53" y="1908"/>
                  </a:lnTo>
                  <a:close/>
                  <a:moveTo>
                    <a:pt x="51" y="1887"/>
                  </a:moveTo>
                  <a:lnTo>
                    <a:pt x="46" y="1885"/>
                  </a:lnTo>
                  <a:lnTo>
                    <a:pt x="40" y="1865"/>
                  </a:lnTo>
                  <a:lnTo>
                    <a:pt x="60" y="1883"/>
                  </a:lnTo>
                  <a:lnTo>
                    <a:pt x="65" y="1897"/>
                  </a:lnTo>
                  <a:lnTo>
                    <a:pt x="51" y="1887"/>
                  </a:lnTo>
                  <a:close/>
                  <a:moveTo>
                    <a:pt x="9" y="1860"/>
                  </a:moveTo>
                  <a:lnTo>
                    <a:pt x="9" y="1852"/>
                  </a:lnTo>
                  <a:lnTo>
                    <a:pt x="32" y="1853"/>
                  </a:lnTo>
                  <a:lnTo>
                    <a:pt x="28" y="1872"/>
                  </a:lnTo>
                  <a:lnTo>
                    <a:pt x="17" y="1863"/>
                  </a:lnTo>
                  <a:lnTo>
                    <a:pt x="11" y="1866"/>
                  </a:lnTo>
                  <a:lnTo>
                    <a:pt x="9" y="1860"/>
                  </a:lnTo>
                  <a:close/>
                  <a:moveTo>
                    <a:pt x="2" y="1816"/>
                  </a:moveTo>
                  <a:lnTo>
                    <a:pt x="7" y="1812"/>
                  </a:lnTo>
                  <a:lnTo>
                    <a:pt x="15" y="1826"/>
                  </a:lnTo>
                  <a:lnTo>
                    <a:pt x="6" y="1828"/>
                  </a:lnTo>
                  <a:lnTo>
                    <a:pt x="2" y="1816"/>
                  </a:lnTo>
                  <a:close/>
                  <a:moveTo>
                    <a:pt x="26" y="1765"/>
                  </a:moveTo>
                  <a:lnTo>
                    <a:pt x="26" y="1753"/>
                  </a:lnTo>
                  <a:lnTo>
                    <a:pt x="36" y="1745"/>
                  </a:lnTo>
                  <a:lnTo>
                    <a:pt x="48" y="1762"/>
                  </a:lnTo>
                  <a:lnTo>
                    <a:pt x="51" y="1823"/>
                  </a:lnTo>
                  <a:lnTo>
                    <a:pt x="46" y="1840"/>
                  </a:lnTo>
                  <a:lnTo>
                    <a:pt x="37" y="1841"/>
                  </a:lnTo>
                  <a:lnTo>
                    <a:pt x="32" y="1833"/>
                  </a:lnTo>
                  <a:lnTo>
                    <a:pt x="34" y="1804"/>
                  </a:lnTo>
                  <a:lnTo>
                    <a:pt x="15" y="1789"/>
                  </a:lnTo>
                  <a:lnTo>
                    <a:pt x="26" y="1790"/>
                  </a:lnTo>
                  <a:lnTo>
                    <a:pt x="28" y="1781"/>
                  </a:lnTo>
                  <a:lnTo>
                    <a:pt x="17" y="1775"/>
                  </a:lnTo>
                  <a:lnTo>
                    <a:pt x="26" y="1765"/>
                  </a:lnTo>
                  <a:close/>
                  <a:moveTo>
                    <a:pt x="4" y="1739"/>
                  </a:moveTo>
                  <a:lnTo>
                    <a:pt x="4" y="1731"/>
                  </a:lnTo>
                  <a:lnTo>
                    <a:pt x="9" y="1730"/>
                  </a:lnTo>
                  <a:lnTo>
                    <a:pt x="12" y="1739"/>
                  </a:lnTo>
                  <a:lnTo>
                    <a:pt x="6" y="1750"/>
                  </a:lnTo>
                  <a:lnTo>
                    <a:pt x="4" y="1739"/>
                  </a:lnTo>
                  <a:close/>
                  <a:moveTo>
                    <a:pt x="29" y="1727"/>
                  </a:moveTo>
                  <a:lnTo>
                    <a:pt x="40" y="1728"/>
                  </a:lnTo>
                  <a:lnTo>
                    <a:pt x="48" y="1741"/>
                  </a:lnTo>
                  <a:lnTo>
                    <a:pt x="31" y="1735"/>
                  </a:lnTo>
                  <a:lnTo>
                    <a:pt x="29" y="1727"/>
                  </a:lnTo>
                  <a:close/>
                  <a:moveTo>
                    <a:pt x="6" y="1710"/>
                  </a:moveTo>
                  <a:lnTo>
                    <a:pt x="4" y="1702"/>
                  </a:lnTo>
                  <a:lnTo>
                    <a:pt x="11" y="1699"/>
                  </a:lnTo>
                  <a:lnTo>
                    <a:pt x="23" y="1736"/>
                  </a:lnTo>
                  <a:lnTo>
                    <a:pt x="6" y="1710"/>
                  </a:lnTo>
                  <a:close/>
                  <a:moveTo>
                    <a:pt x="19" y="1704"/>
                  </a:moveTo>
                  <a:lnTo>
                    <a:pt x="34" y="1710"/>
                  </a:lnTo>
                  <a:lnTo>
                    <a:pt x="36" y="1718"/>
                  </a:lnTo>
                  <a:lnTo>
                    <a:pt x="29" y="1721"/>
                  </a:lnTo>
                  <a:lnTo>
                    <a:pt x="19" y="1704"/>
                  </a:lnTo>
                  <a:close/>
                  <a:moveTo>
                    <a:pt x="26" y="1677"/>
                  </a:moveTo>
                  <a:lnTo>
                    <a:pt x="23" y="1685"/>
                  </a:lnTo>
                  <a:lnTo>
                    <a:pt x="12" y="1685"/>
                  </a:lnTo>
                  <a:lnTo>
                    <a:pt x="26" y="1677"/>
                  </a:lnTo>
                  <a:close/>
                  <a:moveTo>
                    <a:pt x="58" y="1682"/>
                  </a:moveTo>
                  <a:lnTo>
                    <a:pt x="43" y="1679"/>
                  </a:lnTo>
                  <a:lnTo>
                    <a:pt x="43" y="1674"/>
                  </a:lnTo>
                  <a:lnTo>
                    <a:pt x="49" y="1667"/>
                  </a:lnTo>
                  <a:lnTo>
                    <a:pt x="58" y="1682"/>
                  </a:lnTo>
                  <a:close/>
                  <a:moveTo>
                    <a:pt x="260" y="2229"/>
                  </a:moveTo>
                  <a:lnTo>
                    <a:pt x="329" y="2214"/>
                  </a:lnTo>
                  <a:lnTo>
                    <a:pt x="337" y="2225"/>
                  </a:lnTo>
                  <a:lnTo>
                    <a:pt x="339" y="2236"/>
                  </a:lnTo>
                  <a:lnTo>
                    <a:pt x="342" y="2241"/>
                  </a:lnTo>
                  <a:lnTo>
                    <a:pt x="345" y="2251"/>
                  </a:lnTo>
                  <a:lnTo>
                    <a:pt x="353" y="2273"/>
                  </a:lnTo>
                  <a:lnTo>
                    <a:pt x="332" y="2253"/>
                  </a:lnTo>
                  <a:lnTo>
                    <a:pt x="319" y="2256"/>
                  </a:lnTo>
                  <a:lnTo>
                    <a:pt x="302" y="2237"/>
                  </a:lnTo>
                  <a:lnTo>
                    <a:pt x="288" y="2242"/>
                  </a:lnTo>
                  <a:lnTo>
                    <a:pt x="302" y="2259"/>
                  </a:lnTo>
                  <a:lnTo>
                    <a:pt x="286" y="2259"/>
                  </a:lnTo>
                  <a:lnTo>
                    <a:pt x="275" y="2244"/>
                  </a:lnTo>
                  <a:lnTo>
                    <a:pt x="286" y="2233"/>
                  </a:lnTo>
                  <a:lnTo>
                    <a:pt x="263" y="2239"/>
                  </a:lnTo>
                  <a:lnTo>
                    <a:pt x="260" y="2229"/>
                  </a:lnTo>
                  <a:close/>
                  <a:moveTo>
                    <a:pt x="295" y="2216"/>
                  </a:moveTo>
                  <a:lnTo>
                    <a:pt x="266" y="2222"/>
                  </a:lnTo>
                  <a:lnTo>
                    <a:pt x="263" y="2211"/>
                  </a:lnTo>
                  <a:lnTo>
                    <a:pt x="295" y="2216"/>
                  </a:lnTo>
                  <a:close/>
                  <a:moveTo>
                    <a:pt x="239" y="2237"/>
                  </a:moveTo>
                  <a:lnTo>
                    <a:pt x="227" y="2225"/>
                  </a:lnTo>
                  <a:lnTo>
                    <a:pt x="239" y="2227"/>
                  </a:lnTo>
                  <a:lnTo>
                    <a:pt x="239" y="2237"/>
                  </a:lnTo>
                  <a:close/>
                  <a:moveTo>
                    <a:pt x="210" y="2224"/>
                  </a:moveTo>
                  <a:lnTo>
                    <a:pt x="219" y="2214"/>
                  </a:lnTo>
                  <a:lnTo>
                    <a:pt x="222" y="2222"/>
                  </a:lnTo>
                  <a:lnTo>
                    <a:pt x="210" y="2224"/>
                  </a:lnTo>
                  <a:close/>
                  <a:moveTo>
                    <a:pt x="345" y="2217"/>
                  </a:moveTo>
                  <a:lnTo>
                    <a:pt x="336" y="2212"/>
                  </a:lnTo>
                  <a:lnTo>
                    <a:pt x="357" y="2208"/>
                  </a:lnTo>
                  <a:lnTo>
                    <a:pt x="386" y="2214"/>
                  </a:lnTo>
                  <a:lnTo>
                    <a:pt x="393" y="2233"/>
                  </a:lnTo>
                  <a:lnTo>
                    <a:pt x="383" y="2242"/>
                  </a:lnTo>
                  <a:lnTo>
                    <a:pt x="371" y="2234"/>
                  </a:lnTo>
                  <a:lnTo>
                    <a:pt x="363" y="2237"/>
                  </a:lnTo>
                  <a:lnTo>
                    <a:pt x="348" y="2233"/>
                  </a:lnTo>
                  <a:lnTo>
                    <a:pt x="345" y="2217"/>
                  </a:lnTo>
                  <a:close/>
                  <a:moveTo>
                    <a:pt x="322" y="2207"/>
                  </a:moveTo>
                  <a:lnTo>
                    <a:pt x="302" y="2216"/>
                  </a:lnTo>
                  <a:lnTo>
                    <a:pt x="277" y="2203"/>
                  </a:lnTo>
                  <a:lnTo>
                    <a:pt x="215" y="2202"/>
                  </a:lnTo>
                  <a:lnTo>
                    <a:pt x="212" y="2197"/>
                  </a:lnTo>
                  <a:lnTo>
                    <a:pt x="219" y="2190"/>
                  </a:lnTo>
                  <a:lnTo>
                    <a:pt x="195" y="2190"/>
                  </a:lnTo>
                  <a:lnTo>
                    <a:pt x="193" y="2177"/>
                  </a:lnTo>
                  <a:lnTo>
                    <a:pt x="224" y="2165"/>
                  </a:lnTo>
                  <a:lnTo>
                    <a:pt x="212" y="2144"/>
                  </a:lnTo>
                  <a:lnTo>
                    <a:pt x="247" y="2173"/>
                  </a:lnTo>
                  <a:lnTo>
                    <a:pt x="255" y="2168"/>
                  </a:lnTo>
                  <a:lnTo>
                    <a:pt x="246" y="2161"/>
                  </a:lnTo>
                  <a:lnTo>
                    <a:pt x="251" y="2157"/>
                  </a:lnTo>
                  <a:lnTo>
                    <a:pt x="261" y="2168"/>
                  </a:lnTo>
                  <a:lnTo>
                    <a:pt x="263" y="2160"/>
                  </a:lnTo>
                  <a:lnTo>
                    <a:pt x="277" y="2169"/>
                  </a:lnTo>
                  <a:lnTo>
                    <a:pt x="286" y="2165"/>
                  </a:lnTo>
                  <a:lnTo>
                    <a:pt x="256" y="2149"/>
                  </a:lnTo>
                  <a:lnTo>
                    <a:pt x="249" y="2119"/>
                  </a:lnTo>
                  <a:lnTo>
                    <a:pt x="285" y="2103"/>
                  </a:lnTo>
                  <a:lnTo>
                    <a:pt x="286" y="2092"/>
                  </a:lnTo>
                  <a:lnTo>
                    <a:pt x="277" y="2086"/>
                  </a:lnTo>
                  <a:lnTo>
                    <a:pt x="249" y="2094"/>
                  </a:lnTo>
                  <a:lnTo>
                    <a:pt x="238" y="2086"/>
                  </a:lnTo>
                  <a:lnTo>
                    <a:pt x="236" y="2060"/>
                  </a:lnTo>
                  <a:lnTo>
                    <a:pt x="249" y="2061"/>
                  </a:lnTo>
                  <a:lnTo>
                    <a:pt x="251" y="2055"/>
                  </a:lnTo>
                  <a:lnTo>
                    <a:pt x="246" y="2046"/>
                  </a:lnTo>
                  <a:lnTo>
                    <a:pt x="238" y="2041"/>
                  </a:lnTo>
                  <a:lnTo>
                    <a:pt x="268" y="2039"/>
                  </a:lnTo>
                  <a:lnTo>
                    <a:pt x="273" y="2022"/>
                  </a:lnTo>
                  <a:lnTo>
                    <a:pt x="283" y="2019"/>
                  </a:lnTo>
                  <a:lnTo>
                    <a:pt x="290" y="2031"/>
                  </a:lnTo>
                  <a:lnTo>
                    <a:pt x="314" y="2026"/>
                  </a:lnTo>
                  <a:lnTo>
                    <a:pt x="319" y="2033"/>
                  </a:lnTo>
                  <a:lnTo>
                    <a:pt x="322" y="220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907" name="Freeform 249"/>
            <p:cNvSpPr>
              <a:spLocks noChangeAspect="1" noEditPoints="1"/>
            </p:cNvSpPr>
            <p:nvPr/>
          </p:nvSpPr>
          <p:spPr bwMode="gray">
            <a:xfrm>
              <a:off x="3652838" y="5513388"/>
              <a:ext cx="73025" cy="36513"/>
            </a:xfrm>
            <a:custGeom>
              <a:avLst/>
              <a:gdLst>
                <a:gd name="T0" fmla="*/ 2 w 147"/>
                <a:gd name="T1" fmla="*/ 0 h 77"/>
                <a:gd name="T2" fmla="*/ 3 w 147"/>
                <a:gd name="T3" fmla="*/ 0 h 77"/>
                <a:gd name="T4" fmla="*/ 3 w 147"/>
                <a:gd name="T5" fmla="*/ 1 h 77"/>
                <a:gd name="T6" fmla="*/ 2 w 147"/>
                <a:gd name="T7" fmla="*/ 1 h 77"/>
                <a:gd name="T8" fmla="*/ 1 w 147"/>
                <a:gd name="T9" fmla="*/ 1 h 77"/>
                <a:gd name="T10" fmla="*/ 1 w 147"/>
                <a:gd name="T11" fmla="*/ 1 h 77"/>
                <a:gd name="T12" fmla="*/ 1 w 147"/>
                <a:gd name="T13" fmla="*/ 2 h 77"/>
                <a:gd name="T14" fmla="*/ 0 w 147"/>
                <a:gd name="T15" fmla="*/ 1 h 77"/>
                <a:gd name="T16" fmla="*/ 1 w 147"/>
                <a:gd name="T17" fmla="*/ 1 h 77"/>
                <a:gd name="T18" fmla="*/ 1 w 147"/>
                <a:gd name="T19" fmla="*/ 1 h 77"/>
                <a:gd name="T20" fmla="*/ 1 w 147"/>
                <a:gd name="T21" fmla="*/ 1 h 77"/>
                <a:gd name="T22" fmla="*/ 1 w 147"/>
                <a:gd name="T23" fmla="*/ 0 h 77"/>
                <a:gd name="T24" fmla="*/ 1 w 147"/>
                <a:gd name="T25" fmla="*/ 0 h 77"/>
                <a:gd name="T26" fmla="*/ 1 w 147"/>
                <a:gd name="T27" fmla="*/ 0 h 77"/>
                <a:gd name="T28" fmla="*/ 1 w 147"/>
                <a:gd name="T29" fmla="*/ 0 h 77"/>
                <a:gd name="T30" fmla="*/ 2 w 147"/>
                <a:gd name="T31" fmla="*/ 0 h 77"/>
                <a:gd name="T32" fmla="*/ 4 w 147"/>
                <a:gd name="T33" fmla="*/ 1 h 77"/>
                <a:gd name="T34" fmla="*/ 4 w 147"/>
                <a:gd name="T35" fmla="*/ 1 h 77"/>
                <a:gd name="T36" fmla="*/ 3 w 147"/>
                <a:gd name="T37" fmla="*/ 1 h 77"/>
                <a:gd name="T38" fmla="*/ 3 w 147"/>
                <a:gd name="T39" fmla="*/ 1 h 77"/>
                <a:gd name="T40" fmla="*/ 3 w 147"/>
                <a:gd name="T41" fmla="*/ 1 h 77"/>
                <a:gd name="T42" fmla="*/ 3 w 147"/>
                <a:gd name="T43" fmla="*/ 2 h 77"/>
                <a:gd name="T44" fmla="*/ 3 w 147"/>
                <a:gd name="T45" fmla="*/ 2 h 77"/>
                <a:gd name="T46" fmla="*/ 3 w 147"/>
                <a:gd name="T47" fmla="*/ 2 h 77"/>
                <a:gd name="T48" fmla="*/ 2 w 147"/>
                <a:gd name="T49" fmla="*/ 2 h 77"/>
                <a:gd name="T50" fmla="*/ 2 w 147"/>
                <a:gd name="T51" fmla="*/ 1 h 77"/>
                <a:gd name="T52" fmla="*/ 2 w 147"/>
                <a:gd name="T53" fmla="*/ 1 h 77"/>
                <a:gd name="T54" fmla="*/ 3 w 147"/>
                <a:gd name="T55" fmla="*/ 1 h 77"/>
                <a:gd name="T56" fmla="*/ 3 w 147"/>
                <a:gd name="T57" fmla="*/ 1 h 77"/>
                <a:gd name="T58" fmla="*/ 3 w 147"/>
                <a:gd name="T59" fmla="*/ 0 h 77"/>
                <a:gd name="T60" fmla="*/ 3 w 147"/>
                <a:gd name="T61" fmla="*/ 0 h 77"/>
                <a:gd name="T62" fmla="*/ 3 w 147"/>
                <a:gd name="T63" fmla="*/ 0 h 77"/>
                <a:gd name="T64" fmla="*/ 4 w 147"/>
                <a:gd name="T65" fmla="*/ 0 h 77"/>
                <a:gd name="T66" fmla="*/ 4 w 147"/>
                <a:gd name="T67" fmla="*/ 0 h 77"/>
                <a:gd name="T68" fmla="*/ 4 w 147"/>
                <a:gd name="T69" fmla="*/ 1 h 77"/>
                <a:gd name="T70" fmla="*/ 4 w 147"/>
                <a:gd name="T71" fmla="*/ 1 h 77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147"/>
                <a:gd name="T109" fmla="*/ 0 h 77"/>
                <a:gd name="T110" fmla="*/ 147 w 147"/>
                <a:gd name="T111" fmla="*/ 77 h 77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147" h="77">
                  <a:moveTo>
                    <a:pt x="73" y="9"/>
                  </a:moveTo>
                  <a:lnTo>
                    <a:pt x="80" y="13"/>
                  </a:lnTo>
                  <a:lnTo>
                    <a:pt x="76" y="21"/>
                  </a:lnTo>
                  <a:lnTo>
                    <a:pt x="52" y="51"/>
                  </a:lnTo>
                  <a:lnTo>
                    <a:pt x="34" y="52"/>
                  </a:lnTo>
                  <a:lnTo>
                    <a:pt x="34" y="59"/>
                  </a:lnTo>
                  <a:lnTo>
                    <a:pt x="17" y="69"/>
                  </a:lnTo>
                  <a:lnTo>
                    <a:pt x="0" y="55"/>
                  </a:lnTo>
                  <a:lnTo>
                    <a:pt x="20" y="51"/>
                  </a:lnTo>
                  <a:lnTo>
                    <a:pt x="26" y="38"/>
                  </a:lnTo>
                  <a:lnTo>
                    <a:pt x="43" y="30"/>
                  </a:lnTo>
                  <a:lnTo>
                    <a:pt x="22" y="17"/>
                  </a:lnTo>
                  <a:lnTo>
                    <a:pt x="26" y="13"/>
                  </a:lnTo>
                  <a:lnTo>
                    <a:pt x="18" y="4"/>
                  </a:lnTo>
                  <a:lnTo>
                    <a:pt x="39" y="13"/>
                  </a:lnTo>
                  <a:lnTo>
                    <a:pt x="73" y="9"/>
                  </a:lnTo>
                  <a:close/>
                  <a:moveTo>
                    <a:pt x="141" y="34"/>
                  </a:moveTo>
                  <a:lnTo>
                    <a:pt x="124" y="42"/>
                  </a:lnTo>
                  <a:lnTo>
                    <a:pt x="97" y="42"/>
                  </a:lnTo>
                  <a:lnTo>
                    <a:pt x="107" y="60"/>
                  </a:lnTo>
                  <a:lnTo>
                    <a:pt x="88" y="54"/>
                  </a:lnTo>
                  <a:lnTo>
                    <a:pt x="86" y="64"/>
                  </a:lnTo>
                  <a:lnTo>
                    <a:pt x="91" y="69"/>
                  </a:lnTo>
                  <a:lnTo>
                    <a:pt x="76" y="64"/>
                  </a:lnTo>
                  <a:lnTo>
                    <a:pt x="73" y="77"/>
                  </a:lnTo>
                  <a:lnTo>
                    <a:pt x="61" y="59"/>
                  </a:lnTo>
                  <a:lnTo>
                    <a:pt x="65" y="40"/>
                  </a:lnTo>
                  <a:lnTo>
                    <a:pt x="80" y="30"/>
                  </a:lnTo>
                  <a:lnTo>
                    <a:pt x="91" y="37"/>
                  </a:lnTo>
                  <a:lnTo>
                    <a:pt x="86" y="10"/>
                  </a:lnTo>
                  <a:lnTo>
                    <a:pt x="99" y="0"/>
                  </a:lnTo>
                  <a:lnTo>
                    <a:pt x="111" y="0"/>
                  </a:lnTo>
                  <a:lnTo>
                    <a:pt x="122" y="12"/>
                  </a:lnTo>
                  <a:lnTo>
                    <a:pt x="139" y="10"/>
                  </a:lnTo>
                  <a:lnTo>
                    <a:pt x="147" y="27"/>
                  </a:lnTo>
                  <a:lnTo>
                    <a:pt x="141" y="3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908" name="Freeform 250"/>
            <p:cNvSpPr>
              <a:spLocks noChangeAspect="1" noEditPoints="1"/>
            </p:cNvSpPr>
            <p:nvPr/>
          </p:nvSpPr>
          <p:spPr bwMode="gray">
            <a:xfrm>
              <a:off x="1616075" y="4498976"/>
              <a:ext cx="357188" cy="207963"/>
            </a:xfrm>
            <a:custGeom>
              <a:avLst/>
              <a:gdLst>
                <a:gd name="T0" fmla="*/ 21 w 737"/>
                <a:gd name="T1" fmla="*/ 10 h 426"/>
                <a:gd name="T2" fmla="*/ 21 w 737"/>
                <a:gd name="T3" fmla="*/ 10 h 426"/>
                <a:gd name="T4" fmla="*/ 21 w 737"/>
                <a:gd name="T5" fmla="*/ 10 h 426"/>
                <a:gd name="T6" fmla="*/ 21 w 737"/>
                <a:gd name="T7" fmla="*/ 10 h 426"/>
                <a:gd name="T8" fmla="*/ 14 w 737"/>
                <a:gd name="T9" fmla="*/ 10 h 426"/>
                <a:gd name="T10" fmla="*/ 14 w 737"/>
                <a:gd name="T11" fmla="*/ 10 h 426"/>
                <a:gd name="T12" fmla="*/ 14 w 737"/>
                <a:gd name="T13" fmla="*/ 10 h 426"/>
                <a:gd name="T14" fmla="*/ 15 w 737"/>
                <a:gd name="T15" fmla="*/ 7 h 426"/>
                <a:gd name="T16" fmla="*/ 15 w 737"/>
                <a:gd name="T17" fmla="*/ 7 h 426"/>
                <a:gd name="T18" fmla="*/ 15 w 737"/>
                <a:gd name="T19" fmla="*/ 7 h 426"/>
                <a:gd name="T20" fmla="*/ 9 w 737"/>
                <a:gd name="T21" fmla="*/ 8 h 426"/>
                <a:gd name="T22" fmla="*/ 9 w 737"/>
                <a:gd name="T23" fmla="*/ 8 h 426"/>
                <a:gd name="T24" fmla="*/ 9 w 737"/>
                <a:gd name="T25" fmla="*/ 8 h 426"/>
                <a:gd name="T26" fmla="*/ 19 w 737"/>
                <a:gd name="T27" fmla="*/ 12 h 426"/>
                <a:gd name="T28" fmla="*/ 19 w 737"/>
                <a:gd name="T29" fmla="*/ 12 h 426"/>
                <a:gd name="T30" fmla="*/ 19 w 737"/>
                <a:gd name="T31" fmla="*/ 12 h 426"/>
                <a:gd name="T32" fmla="*/ 3 w 737"/>
                <a:gd name="T33" fmla="*/ 4 h 426"/>
                <a:gd name="T34" fmla="*/ 3 w 737"/>
                <a:gd name="T35" fmla="*/ 5 h 426"/>
                <a:gd name="T36" fmla="*/ 3 w 737"/>
                <a:gd name="T37" fmla="*/ 5 h 426"/>
                <a:gd name="T38" fmla="*/ 3 w 737"/>
                <a:gd name="T39" fmla="*/ 5 h 426"/>
                <a:gd name="T40" fmla="*/ 3 w 737"/>
                <a:gd name="T41" fmla="*/ 5 h 426"/>
                <a:gd name="T42" fmla="*/ 2 w 737"/>
                <a:gd name="T43" fmla="*/ 5 h 426"/>
                <a:gd name="T44" fmla="*/ 2 w 737"/>
                <a:gd name="T45" fmla="*/ 4 h 426"/>
                <a:gd name="T46" fmla="*/ 3 w 737"/>
                <a:gd name="T47" fmla="*/ 4 h 426"/>
                <a:gd name="T48" fmla="*/ 2 w 737"/>
                <a:gd name="T49" fmla="*/ 4 h 426"/>
                <a:gd name="T50" fmla="*/ 2 w 737"/>
                <a:gd name="T51" fmla="*/ 4 h 426"/>
                <a:gd name="T52" fmla="*/ 2 w 737"/>
                <a:gd name="T53" fmla="*/ 4 h 426"/>
                <a:gd name="T54" fmla="*/ 2 w 737"/>
                <a:gd name="T55" fmla="*/ 4 h 426"/>
                <a:gd name="T56" fmla="*/ 15 w 737"/>
                <a:gd name="T57" fmla="*/ 2 h 426"/>
                <a:gd name="T58" fmla="*/ 15 w 737"/>
                <a:gd name="T59" fmla="*/ 2 h 426"/>
                <a:gd name="T60" fmla="*/ 15 w 737"/>
                <a:gd name="T61" fmla="*/ 2 h 426"/>
                <a:gd name="T62" fmla="*/ 7 w 737"/>
                <a:gd name="T63" fmla="*/ 0 h 426"/>
                <a:gd name="T64" fmla="*/ 7 w 737"/>
                <a:gd name="T65" fmla="*/ 0 h 426"/>
                <a:gd name="T66" fmla="*/ 7 w 737"/>
                <a:gd name="T67" fmla="*/ 0 h 426"/>
                <a:gd name="T68" fmla="*/ 7 w 737"/>
                <a:gd name="T69" fmla="*/ 0 h 426"/>
                <a:gd name="T70" fmla="*/ 7 w 737"/>
                <a:gd name="T71" fmla="*/ 0 h 426"/>
                <a:gd name="T72" fmla="*/ 7 w 737"/>
                <a:gd name="T73" fmla="*/ 0 h 426"/>
                <a:gd name="T74" fmla="*/ 7 w 737"/>
                <a:gd name="T75" fmla="*/ 0 h 426"/>
                <a:gd name="T76" fmla="*/ 8 w 737"/>
                <a:gd name="T77" fmla="*/ 4 h 426"/>
                <a:gd name="T78" fmla="*/ 8 w 737"/>
                <a:gd name="T79" fmla="*/ 4 h 426"/>
                <a:gd name="T80" fmla="*/ 8 w 737"/>
                <a:gd name="T81" fmla="*/ 4 h 426"/>
                <a:gd name="T82" fmla="*/ 8 w 737"/>
                <a:gd name="T83" fmla="*/ 4 h 426"/>
                <a:gd name="T84" fmla="*/ 0 w 737"/>
                <a:gd name="T85" fmla="*/ 3 h 426"/>
                <a:gd name="T86" fmla="*/ 0 w 737"/>
                <a:gd name="T87" fmla="*/ 3 h 426"/>
                <a:gd name="T88" fmla="*/ 0 w 737"/>
                <a:gd name="T89" fmla="*/ 3 h 426"/>
                <a:gd name="T90" fmla="*/ 0 w 737"/>
                <a:gd name="T91" fmla="*/ 3 h 42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737"/>
                <a:gd name="T139" fmla="*/ 0 h 426"/>
                <a:gd name="T140" fmla="*/ 737 w 737"/>
                <a:gd name="T141" fmla="*/ 426 h 426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737" h="426">
                  <a:moveTo>
                    <a:pt x="735" y="340"/>
                  </a:moveTo>
                  <a:lnTo>
                    <a:pt x="732" y="347"/>
                  </a:lnTo>
                  <a:lnTo>
                    <a:pt x="737" y="346"/>
                  </a:lnTo>
                  <a:lnTo>
                    <a:pt x="735" y="340"/>
                  </a:lnTo>
                  <a:close/>
                  <a:moveTo>
                    <a:pt x="500" y="355"/>
                  </a:moveTo>
                  <a:lnTo>
                    <a:pt x="502" y="350"/>
                  </a:lnTo>
                  <a:lnTo>
                    <a:pt x="500" y="355"/>
                  </a:lnTo>
                  <a:close/>
                  <a:moveTo>
                    <a:pt x="511" y="254"/>
                  </a:moveTo>
                  <a:lnTo>
                    <a:pt x="512" y="249"/>
                  </a:lnTo>
                  <a:lnTo>
                    <a:pt x="511" y="254"/>
                  </a:lnTo>
                  <a:close/>
                  <a:moveTo>
                    <a:pt x="304" y="261"/>
                  </a:moveTo>
                  <a:lnTo>
                    <a:pt x="300" y="266"/>
                  </a:lnTo>
                  <a:lnTo>
                    <a:pt x="304" y="261"/>
                  </a:lnTo>
                  <a:close/>
                  <a:moveTo>
                    <a:pt x="664" y="423"/>
                  </a:moveTo>
                  <a:lnTo>
                    <a:pt x="661" y="426"/>
                  </a:lnTo>
                  <a:lnTo>
                    <a:pt x="664" y="423"/>
                  </a:lnTo>
                  <a:close/>
                  <a:moveTo>
                    <a:pt x="101" y="152"/>
                  </a:moveTo>
                  <a:lnTo>
                    <a:pt x="109" y="162"/>
                  </a:lnTo>
                  <a:lnTo>
                    <a:pt x="105" y="168"/>
                  </a:lnTo>
                  <a:lnTo>
                    <a:pt x="102" y="160"/>
                  </a:lnTo>
                  <a:lnTo>
                    <a:pt x="95" y="160"/>
                  </a:lnTo>
                  <a:lnTo>
                    <a:pt x="90" y="156"/>
                  </a:lnTo>
                  <a:lnTo>
                    <a:pt x="90" y="149"/>
                  </a:lnTo>
                  <a:lnTo>
                    <a:pt x="101" y="152"/>
                  </a:lnTo>
                  <a:close/>
                  <a:moveTo>
                    <a:pt x="75" y="149"/>
                  </a:moveTo>
                  <a:lnTo>
                    <a:pt x="75" y="152"/>
                  </a:lnTo>
                  <a:lnTo>
                    <a:pt x="80" y="148"/>
                  </a:lnTo>
                  <a:lnTo>
                    <a:pt x="75" y="149"/>
                  </a:lnTo>
                  <a:close/>
                  <a:moveTo>
                    <a:pt x="520" y="76"/>
                  </a:moveTo>
                  <a:lnTo>
                    <a:pt x="525" y="72"/>
                  </a:lnTo>
                  <a:lnTo>
                    <a:pt x="520" y="76"/>
                  </a:lnTo>
                  <a:close/>
                  <a:moveTo>
                    <a:pt x="254" y="0"/>
                  </a:moveTo>
                  <a:lnTo>
                    <a:pt x="251" y="5"/>
                  </a:lnTo>
                  <a:lnTo>
                    <a:pt x="260" y="0"/>
                  </a:lnTo>
                  <a:lnTo>
                    <a:pt x="254" y="0"/>
                  </a:lnTo>
                  <a:close/>
                  <a:moveTo>
                    <a:pt x="239" y="2"/>
                  </a:moveTo>
                  <a:lnTo>
                    <a:pt x="236" y="8"/>
                  </a:lnTo>
                  <a:lnTo>
                    <a:pt x="239" y="2"/>
                  </a:lnTo>
                  <a:close/>
                  <a:moveTo>
                    <a:pt x="277" y="140"/>
                  </a:moveTo>
                  <a:lnTo>
                    <a:pt x="282" y="148"/>
                  </a:lnTo>
                  <a:lnTo>
                    <a:pt x="277" y="149"/>
                  </a:lnTo>
                  <a:lnTo>
                    <a:pt x="277" y="140"/>
                  </a:lnTo>
                  <a:close/>
                  <a:moveTo>
                    <a:pt x="0" y="112"/>
                  </a:moveTo>
                  <a:lnTo>
                    <a:pt x="5" y="114"/>
                  </a:lnTo>
                  <a:lnTo>
                    <a:pt x="5" y="118"/>
                  </a:lnTo>
                  <a:lnTo>
                    <a:pt x="0" y="11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909" name="Freeform 251"/>
            <p:cNvSpPr>
              <a:spLocks noChangeAspect="1"/>
            </p:cNvSpPr>
            <p:nvPr/>
          </p:nvSpPr>
          <p:spPr bwMode="gray">
            <a:xfrm>
              <a:off x="2560638" y="4799013"/>
              <a:ext cx="4763" cy="4763"/>
            </a:xfrm>
            <a:custGeom>
              <a:avLst/>
              <a:gdLst>
                <a:gd name="T0" fmla="*/ 0 w 7"/>
                <a:gd name="T1" fmla="*/ 0 h 7"/>
                <a:gd name="T2" fmla="*/ 0 w 7"/>
                <a:gd name="T3" fmla="*/ 0 h 7"/>
                <a:gd name="T4" fmla="*/ 0 w 7"/>
                <a:gd name="T5" fmla="*/ 0 h 7"/>
                <a:gd name="T6" fmla="*/ 0 w 7"/>
                <a:gd name="T7" fmla="*/ 0 h 7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7"/>
                <a:gd name="T13" fmla="*/ 0 h 7"/>
                <a:gd name="T14" fmla="*/ 7 w 7"/>
                <a:gd name="T15" fmla="*/ 7 h 7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7" h="7">
                  <a:moveTo>
                    <a:pt x="0" y="7"/>
                  </a:moveTo>
                  <a:lnTo>
                    <a:pt x="7" y="3"/>
                  </a:lnTo>
                  <a:lnTo>
                    <a:pt x="2" y="0"/>
                  </a:lnTo>
                  <a:lnTo>
                    <a:pt x="0" y="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grpSp>
          <p:nvGrpSpPr>
            <p:cNvPr id="6" name="Group 252"/>
            <p:cNvGrpSpPr>
              <a:grpSpLocks/>
            </p:cNvGrpSpPr>
            <p:nvPr/>
          </p:nvGrpSpPr>
          <p:grpSpPr bwMode="auto">
            <a:xfrm>
              <a:off x="1219200" y="1862138"/>
              <a:ext cx="2298700" cy="1887538"/>
              <a:chOff x="768" y="1173"/>
              <a:chExt cx="1448" cy="1189"/>
            </a:xfrm>
          </p:grpSpPr>
          <p:grpSp>
            <p:nvGrpSpPr>
              <p:cNvPr id="7" name="Group 253"/>
              <p:cNvGrpSpPr>
                <a:grpSpLocks/>
              </p:cNvGrpSpPr>
              <p:nvPr/>
            </p:nvGrpSpPr>
            <p:grpSpPr bwMode="auto">
              <a:xfrm>
                <a:off x="1400" y="1829"/>
                <a:ext cx="816" cy="445"/>
                <a:chOff x="1397" y="1825"/>
                <a:chExt cx="816" cy="445"/>
              </a:xfrm>
            </p:grpSpPr>
            <p:sp>
              <p:nvSpPr>
                <p:cNvPr id="936" name="Freeform 254"/>
                <p:cNvSpPr>
                  <a:spLocks/>
                </p:cNvSpPr>
                <p:nvPr/>
              </p:nvSpPr>
              <p:spPr bwMode="auto">
                <a:xfrm>
                  <a:off x="2086" y="2082"/>
                  <a:ext cx="5" cy="15"/>
                </a:xfrm>
                <a:custGeom>
                  <a:avLst/>
                  <a:gdLst>
                    <a:gd name="T0" fmla="*/ 0 w 5"/>
                    <a:gd name="T1" fmla="*/ 15 h 15"/>
                    <a:gd name="T2" fmla="*/ 3 w 5"/>
                    <a:gd name="T3" fmla="*/ 14 h 15"/>
                    <a:gd name="T4" fmla="*/ 5 w 5"/>
                    <a:gd name="T5" fmla="*/ 7 h 15"/>
                    <a:gd name="T6" fmla="*/ 1 w 5"/>
                    <a:gd name="T7" fmla="*/ 0 h 15"/>
                    <a:gd name="T8" fmla="*/ 4 w 5"/>
                    <a:gd name="T9" fmla="*/ 7 h 15"/>
                    <a:gd name="T10" fmla="*/ 3 w 5"/>
                    <a:gd name="T11" fmla="*/ 14 h 15"/>
                    <a:gd name="T12" fmla="*/ 0 w 5"/>
                    <a:gd name="T13" fmla="*/ 15 h 15"/>
                    <a:gd name="T14" fmla="*/ 0 60000 65536"/>
                    <a:gd name="T15" fmla="*/ 0 60000 65536"/>
                    <a:gd name="T16" fmla="*/ 0 60000 65536"/>
                    <a:gd name="T17" fmla="*/ 0 60000 65536"/>
                    <a:gd name="T18" fmla="*/ 0 60000 65536"/>
                    <a:gd name="T19" fmla="*/ 0 60000 65536"/>
                    <a:gd name="T20" fmla="*/ 0 60000 65536"/>
                    <a:gd name="T21" fmla="*/ 0 w 5"/>
                    <a:gd name="T22" fmla="*/ 0 h 15"/>
                    <a:gd name="T23" fmla="*/ 5 w 5"/>
                    <a:gd name="T24" fmla="*/ 15 h 15"/>
                  </a:gdLst>
                  <a:ahLst/>
                  <a:cxnLst>
                    <a:cxn ang="T14">
                      <a:pos x="T0" y="T1"/>
                    </a:cxn>
                    <a:cxn ang="T15">
                      <a:pos x="T2" y="T3"/>
                    </a:cxn>
                    <a:cxn ang="T16">
                      <a:pos x="T4" y="T5"/>
                    </a:cxn>
                    <a:cxn ang="T17">
                      <a:pos x="T6" y="T7"/>
                    </a:cxn>
                    <a:cxn ang="T18">
                      <a:pos x="T8" y="T9"/>
                    </a:cxn>
                    <a:cxn ang="T19">
                      <a:pos x="T10" y="T11"/>
                    </a:cxn>
                    <a:cxn ang="T20">
                      <a:pos x="T12" y="T13"/>
                    </a:cxn>
                  </a:cxnLst>
                  <a:rect l="T21" t="T22" r="T23" b="T24"/>
                  <a:pathLst>
                    <a:path w="5" h="15">
                      <a:moveTo>
                        <a:pt x="0" y="15"/>
                      </a:moveTo>
                      <a:lnTo>
                        <a:pt x="3" y="14"/>
                      </a:lnTo>
                      <a:lnTo>
                        <a:pt x="5" y="7"/>
                      </a:lnTo>
                      <a:lnTo>
                        <a:pt x="1" y="0"/>
                      </a:lnTo>
                      <a:lnTo>
                        <a:pt x="4" y="7"/>
                      </a:lnTo>
                      <a:lnTo>
                        <a:pt x="3" y="14"/>
                      </a:lnTo>
                      <a:lnTo>
                        <a:pt x="0" y="15"/>
                      </a:lnTo>
                      <a:close/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37" name="Freeform 255"/>
                <p:cNvSpPr>
                  <a:spLocks/>
                </p:cNvSpPr>
                <p:nvPr/>
              </p:nvSpPr>
              <p:spPr bwMode="auto">
                <a:xfrm>
                  <a:off x="1397" y="1825"/>
                  <a:ext cx="814" cy="436"/>
                </a:xfrm>
                <a:custGeom>
                  <a:avLst/>
                  <a:gdLst>
                    <a:gd name="T0" fmla="*/ 781 w 814"/>
                    <a:gd name="T1" fmla="*/ 41 h 436"/>
                    <a:gd name="T2" fmla="*/ 806 w 814"/>
                    <a:gd name="T3" fmla="*/ 85 h 436"/>
                    <a:gd name="T4" fmla="*/ 795 w 814"/>
                    <a:gd name="T5" fmla="*/ 106 h 436"/>
                    <a:gd name="T6" fmla="*/ 773 w 814"/>
                    <a:gd name="T7" fmla="*/ 113 h 436"/>
                    <a:gd name="T8" fmla="*/ 766 w 814"/>
                    <a:gd name="T9" fmla="*/ 153 h 436"/>
                    <a:gd name="T10" fmla="*/ 756 w 814"/>
                    <a:gd name="T11" fmla="*/ 158 h 436"/>
                    <a:gd name="T12" fmla="*/ 712 w 814"/>
                    <a:gd name="T13" fmla="*/ 176 h 436"/>
                    <a:gd name="T14" fmla="*/ 692 w 814"/>
                    <a:gd name="T15" fmla="*/ 194 h 436"/>
                    <a:gd name="T16" fmla="*/ 691 w 814"/>
                    <a:gd name="T17" fmla="*/ 236 h 436"/>
                    <a:gd name="T18" fmla="*/ 685 w 814"/>
                    <a:gd name="T19" fmla="*/ 211 h 436"/>
                    <a:gd name="T20" fmla="*/ 680 w 814"/>
                    <a:gd name="T21" fmla="*/ 214 h 436"/>
                    <a:gd name="T22" fmla="*/ 681 w 814"/>
                    <a:gd name="T23" fmla="*/ 229 h 436"/>
                    <a:gd name="T24" fmla="*/ 689 w 814"/>
                    <a:gd name="T25" fmla="*/ 257 h 436"/>
                    <a:gd name="T26" fmla="*/ 686 w 814"/>
                    <a:gd name="T27" fmla="*/ 263 h 436"/>
                    <a:gd name="T28" fmla="*/ 681 w 814"/>
                    <a:gd name="T29" fmla="*/ 276 h 436"/>
                    <a:gd name="T30" fmla="*/ 641 w 814"/>
                    <a:gd name="T31" fmla="*/ 306 h 436"/>
                    <a:gd name="T32" fmla="*/ 608 w 814"/>
                    <a:gd name="T33" fmla="*/ 343 h 436"/>
                    <a:gd name="T34" fmla="*/ 624 w 814"/>
                    <a:gd name="T35" fmla="*/ 435 h 436"/>
                    <a:gd name="T36" fmla="*/ 600 w 814"/>
                    <a:gd name="T37" fmla="*/ 413 h 436"/>
                    <a:gd name="T38" fmla="*/ 591 w 814"/>
                    <a:gd name="T39" fmla="*/ 380 h 436"/>
                    <a:gd name="T40" fmla="*/ 551 w 814"/>
                    <a:gd name="T41" fmla="*/ 358 h 436"/>
                    <a:gd name="T42" fmla="*/ 514 w 814"/>
                    <a:gd name="T43" fmla="*/ 352 h 436"/>
                    <a:gd name="T44" fmla="*/ 491 w 814"/>
                    <a:gd name="T45" fmla="*/ 359 h 436"/>
                    <a:gd name="T46" fmla="*/ 497 w 814"/>
                    <a:gd name="T47" fmla="*/ 375 h 436"/>
                    <a:gd name="T48" fmla="*/ 461 w 814"/>
                    <a:gd name="T49" fmla="*/ 362 h 436"/>
                    <a:gd name="T50" fmla="*/ 422 w 814"/>
                    <a:gd name="T51" fmla="*/ 365 h 436"/>
                    <a:gd name="T52" fmla="*/ 402 w 814"/>
                    <a:gd name="T53" fmla="*/ 385 h 436"/>
                    <a:gd name="T54" fmla="*/ 395 w 814"/>
                    <a:gd name="T55" fmla="*/ 385 h 436"/>
                    <a:gd name="T56" fmla="*/ 383 w 814"/>
                    <a:gd name="T57" fmla="*/ 404 h 436"/>
                    <a:gd name="T58" fmla="*/ 361 w 814"/>
                    <a:gd name="T59" fmla="*/ 416 h 436"/>
                    <a:gd name="T60" fmla="*/ 312 w 814"/>
                    <a:gd name="T61" fmla="*/ 361 h 436"/>
                    <a:gd name="T62" fmla="*/ 259 w 814"/>
                    <a:gd name="T63" fmla="*/ 334 h 436"/>
                    <a:gd name="T64" fmla="*/ 172 w 814"/>
                    <a:gd name="T65" fmla="*/ 329 h 436"/>
                    <a:gd name="T66" fmla="*/ 96 w 814"/>
                    <a:gd name="T67" fmla="*/ 299 h 436"/>
                    <a:gd name="T68" fmla="*/ 54 w 814"/>
                    <a:gd name="T69" fmla="*/ 271 h 436"/>
                    <a:gd name="T70" fmla="*/ 31 w 814"/>
                    <a:gd name="T71" fmla="*/ 226 h 436"/>
                    <a:gd name="T72" fmla="*/ 15 w 814"/>
                    <a:gd name="T73" fmla="*/ 207 h 436"/>
                    <a:gd name="T74" fmla="*/ 3 w 814"/>
                    <a:gd name="T75" fmla="*/ 132 h 436"/>
                    <a:gd name="T76" fmla="*/ 9 w 814"/>
                    <a:gd name="T77" fmla="*/ 57 h 436"/>
                    <a:gd name="T78" fmla="*/ 0 w 814"/>
                    <a:gd name="T79" fmla="*/ 29 h 436"/>
                    <a:gd name="T80" fmla="*/ 24 w 814"/>
                    <a:gd name="T81" fmla="*/ 40 h 436"/>
                    <a:gd name="T82" fmla="*/ 33 w 814"/>
                    <a:gd name="T83" fmla="*/ 14 h 436"/>
                    <a:gd name="T84" fmla="*/ 134 w 814"/>
                    <a:gd name="T85" fmla="*/ 8 h 436"/>
                    <a:gd name="T86" fmla="*/ 308 w 814"/>
                    <a:gd name="T87" fmla="*/ 9 h 436"/>
                    <a:gd name="T88" fmla="*/ 430 w 814"/>
                    <a:gd name="T89" fmla="*/ 14 h 436"/>
                    <a:gd name="T90" fmla="*/ 466 w 814"/>
                    <a:gd name="T91" fmla="*/ 58 h 436"/>
                    <a:gd name="T92" fmla="*/ 510 w 814"/>
                    <a:gd name="T93" fmla="*/ 52 h 436"/>
                    <a:gd name="T94" fmla="*/ 558 w 814"/>
                    <a:gd name="T95" fmla="*/ 60 h 436"/>
                    <a:gd name="T96" fmla="*/ 561 w 814"/>
                    <a:gd name="T97" fmla="*/ 73 h 436"/>
                    <a:gd name="T98" fmla="*/ 525 w 814"/>
                    <a:gd name="T99" fmla="*/ 94 h 436"/>
                    <a:gd name="T100" fmla="*/ 522 w 814"/>
                    <a:gd name="T101" fmla="*/ 152 h 436"/>
                    <a:gd name="T102" fmla="*/ 539 w 814"/>
                    <a:gd name="T103" fmla="*/ 107 h 436"/>
                    <a:gd name="T104" fmla="*/ 558 w 814"/>
                    <a:gd name="T105" fmla="*/ 80 h 436"/>
                    <a:gd name="T106" fmla="*/ 574 w 814"/>
                    <a:gd name="T107" fmla="*/ 116 h 436"/>
                    <a:gd name="T108" fmla="*/ 589 w 814"/>
                    <a:gd name="T109" fmla="*/ 139 h 436"/>
                    <a:gd name="T110" fmla="*/ 632 w 814"/>
                    <a:gd name="T111" fmla="*/ 144 h 436"/>
                    <a:gd name="T112" fmla="*/ 685 w 814"/>
                    <a:gd name="T113" fmla="*/ 110 h 436"/>
                    <a:gd name="T114" fmla="*/ 755 w 814"/>
                    <a:gd name="T115" fmla="*/ 86 h 436"/>
                    <a:gd name="T116" fmla="*/ 0 60000 65536"/>
                    <a:gd name="T117" fmla="*/ 0 60000 65536"/>
                    <a:gd name="T118" fmla="*/ 0 60000 65536"/>
                    <a:gd name="T119" fmla="*/ 0 60000 65536"/>
                    <a:gd name="T120" fmla="*/ 0 60000 65536"/>
                    <a:gd name="T121" fmla="*/ 0 60000 65536"/>
                    <a:gd name="T122" fmla="*/ 0 60000 65536"/>
                    <a:gd name="T123" fmla="*/ 0 60000 65536"/>
                    <a:gd name="T124" fmla="*/ 0 60000 65536"/>
                    <a:gd name="T125" fmla="*/ 0 60000 65536"/>
                    <a:gd name="T126" fmla="*/ 0 60000 65536"/>
                    <a:gd name="T127" fmla="*/ 0 60000 65536"/>
                    <a:gd name="T128" fmla="*/ 0 60000 65536"/>
                    <a:gd name="T129" fmla="*/ 0 60000 65536"/>
                    <a:gd name="T130" fmla="*/ 0 60000 65536"/>
                    <a:gd name="T131" fmla="*/ 0 60000 65536"/>
                    <a:gd name="T132" fmla="*/ 0 60000 65536"/>
                    <a:gd name="T133" fmla="*/ 0 60000 65536"/>
                    <a:gd name="T134" fmla="*/ 0 60000 65536"/>
                    <a:gd name="T135" fmla="*/ 0 60000 65536"/>
                    <a:gd name="T136" fmla="*/ 0 60000 65536"/>
                    <a:gd name="T137" fmla="*/ 0 60000 65536"/>
                    <a:gd name="T138" fmla="*/ 0 60000 65536"/>
                    <a:gd name="T139" fmla="*/ 0 60000 65536"/>
                    <a:gd name="T140" fmla="*/ 0 60000 65536"/>
                    <a:gd name="T141" fmla="*/ 0 60000 65536"/>
                    <a:gd name="T142" fmla="*/ 0 60000 65536"/>
                    <a:gd name="T143" fmla="*/ 0 60000 65536"/>
                    <a:gd name="T144" fmla="*/ 0 60000 65536"/>
                    <a:gd name="T145" fmla="*/ 0 60000 65536"/>
                    <a:gd name="T146" fmla="*/ 0 60000 65536"/>
                    <a:gd name="T147" fmla="*/ 0 60000 65536"/>
                    <a:gd name="T148" fmla="*/ 0 60000 65536"/>
                    <a:gd name="T149" fmla="*/ 0 60000 65536"/>
                    <a:gd name="T150" fmla="*/ 0 60000 65536"/>
                    <a:gd name="T151" fmla="*/ 0 60000 65536"/>
                    <a:gd name="T152" fmla="*/ 0 60000 65536"/>
                    <a:gd name="T153" fmla="*/ 0 60000 65536"/>
                    <a:gd name="T154" fmla="*/ 0 60000 65536"/>
                    <a:gd name="T155" fmla="*/ 0 60000 65536"/>
                    <a:gd name="T156" fmla="*/ 0 60000 65536"/>
                    <a:gd name="T157" fmla="*/ 0 60000 65536"/>
                    <a:gd name="T158" fmla="*/ 0 60000 65536"/>
                    <a:gd name="T159" fmla="*/ 0 60000 65536"/>
                    <a:gd name="T160" fmla="*/ 0 60000 65536"/>
                    <a:gd name="T161" fmla="*/ 0 60000 65536"/>
                    <a:gd name="T162" fmla="*/ 0 60000 65536"/>
                    <a:gd name="T163" fmla="*/ 0 60000 65536"/>
                    <a:gd name="T164" fmla="*/ 0 60000 65536"/>
                    <a:gd name="T165" fmla="*/ 0 60000 65536"/>
                    <a:gd name="T166" fmla="*/ 0 60000 65536"/>
                    <a:gd name="T167" fmla="*/ 0 60000 65536"/>
                    <a:gd name="T168" fmla="*/ 0 60000 65536"/>
                    <a:gd name="T169" fmla="*/ 0 60000 65536"/>
                    <a:gd name="T170" fmla="*/ 0 60000 65536"/>
                    <a:gd name="T171" fmla="*/ 0 60000 65536"/>
                    <a:gd name="T172" fmla="*/ 0 60000 65536"/>
                    <a:gd name="T173" fmla="*/ 0 60000 65536"/>
                    <a:gd name="T174" fmla="*/ 0 w 814"/>
                    <a:gd name="T175" fmla="*/ 0 h 436"/>
                    <a:gd name="T176" fmla="*/ 814 w 814"/>
                    <a:gd name="T177" fmla="*/ 436 h 436"/>
                  </a:gdLst>
                  <a:ahLst/>
                  <a:cxnLst>
                    <a:cxn ang="T116">
                      <a:pos x="T0" y="T1"/>
                    </a:cxn>
                    <a:cxn ang="T117">
                      <a:pos x="T2" y="T3"/>
                    </a:cxn>
                    <a:cxn ang="T118">
                      <a:pos x="T4" y="T5"/>
                    </a:cxn>
                    <a:cxn ang="T119">
                      <a:pos x="T6" y="T7"/>
                    </a:cxn>
                    <a:cxn ang="T120">
                      <a:pos x="T8" y="T9"/>
                    </a:cxn>
                    <a:cxn ang="T121">
                      <a:pos x="T10" y="T11"/>
                    </a:cxn>
                    <a:cxn ang="T122">
                      <a:pos x="T12" y="T13"/>
                    </a:cxn>
                    <a:cxn ang="T123">
                      <a:pos x="T14" y="T15"/>
                    </a:cxn>
                    <a:cxn ang="T124">
                      <a:pos x="T16" y="T17"/>
                    </a:cxn>
                    <a:cxn ang="T125">
                      <a:pos x="T18" y="T19"/>
                    </a:cxn>
                    <a:cxn ang="T126">
                      <a:pos x="T20" y="T21"/>
                    </a:cxn>
                    <a:cxn ang="T127">
                      <a:pos x="T22" y="T23"/>
                    </a:cxn>
                    <a:cxn ang="T128">
                      <a:pos x="T24" y="T25"/>
                    </a:cxn>
                    <a:cxn ang="T129">
                      <a:pos x="T26" y="T27"/>
                    </a:cxn>
                    <a:cxn ang="T130">
                      <a:pos x="T28" y="T29"/>
                    </a:cxn>
                    <a:cxn ang="T131">
                      <a:pos x="T30" y="T31"/>
                    </a:cxn>
                    <a:cxn ang="T132">
                      <a:pos x="T32" y="T33"/>
                    </a:cxn>
                    <a:cxn ang="T133">
                      <a:pos x="T34" y="T35"/>
                    </a:cxn>
                    <a:cxn ang="T134">
                      <a:pos x="T36" y="T37"/>
                    </a:cxn>
                    <a:cxn ang="T135">
                      <a:pos x="T38" y="T39"/>
                    </a:cxn>
                    <a:cxn ang="T136">
                      <a:pos x="T40" y="T41"/>
                    </a:cxn>
                    <a:cxn ang="T137">
                      <a:pos x="T42" y="T43"/>
                    </a:cxn>
                    <a:cxn ang="T138">
                      <a:pos x="T44" y="T45"/>
                    </a:cxn>
                    <a:cxn ang="T139">
                      <a:pos x="T46" y="T47"/>
                    </a:cxn>
                    <a:cxn ang="T140">
                      <a:pos x="T48" y="T49"/>
                    </a:cxn>
                    <a:cxn ang="T141">
                      <a:pos x="T50" y="T51"/>
                    </a:cxn>
                    <a:cxn ang="T142">
                      <a:pos x="T52" y="T53"/>
                    </a:cxn>
                    <a:cxn ang="T143">
                      <a:pos x="T54" y="T55"/>
                    </a:cxn>
                    <a:cxn ang="T144">
                      <a:pos x="T56" y="T57"/>
                    </a:cxn>
                    <a:cxn ang="T145">
                      <a:pos x="T58" y="T59"/>
                    </a:cxn>
                    <a:cxn ang="T146">
                      <a:pos x="T60" y="T61"/>
                    </a:cxn>
                    <a:cxn ang="T147">
                      <a:pos x="T62" y="T63"/>
                    </a:cxn>
                    <a:cxn ang="T148">
                      <a:pos x="T64" y="T65"/>
                    </a:cxn>
                    <a:cxn ang="T149">
                      <a:pos x="T66" y="T67"/>
                    </a:cxn>
                    <a:cxn ang="T150">
                      <a:pos x="T68" y="T69"/>
                    </a:cxn>
                    <a:cxn ang="T151">
                      <a:pos x="T70" y="T71"/>
                    </a:cxn>
                    <a:cxn ang="T152">
                      <a:pos x="T72" y="T73"/>
                    </a:cxn>
                    <a:cxn ang="T153">
                      <a:pos x="T74" y="T75"/>
                    </a:cxn>
                    <a:cxn ang="T154">
                      <a:pos x="T76" y="T77"/>
                    </a:cxn>
                    <a:cxn ang="T155">
                      <a:pos x="T78" y="T79"/>
                    </a:cxn>
                    <a:cxn ang="T156">
                      <a:pos x="T80" y="T81"/>
                    </a:cxn>
                    <a:cxn ang="T157">
                      <a:pos x="T82" y="T83"/>
                    </a:cxn>
                    <a:cxn ang="T158">
                      <a:pos x="T84" y="T85"/>
                    </a:cxn>
                    <a:cxn ang="T159">
                      <a:pos x="T86" y="T87"/>
                    </a:cxn>
                    <a:cxn ang="T160">
                      <a:pos x="T88" y="T89"/>
                    </a:cxn>
                    <a:cxn ang="T161">
                      <a:pos x="T90" y="T91"/>
                    </a:cxn>
                    <a:cxn ang="T162">
                      <a:pos x="T92" y="T93"/>
                    </a:cxn>
                    <a:cxn ang="T163">
                      <a:pos x="T94" y="T95"/>
                    </a:cxn>
                    <a:cxn ang="T164">
                      <a:pos x="T96" y="T97"/>
                    </a:cxn>
                    <a:cxn ang="T165">
                      <a:pos x="T98" y="T99"/>
                    </a:cxn>
                    <a:cxn ang="T166">
                      <a:pos x="T100" y="T101"/>
                    </a:cxn>
                    <a:cxn ang="T167">
                      <a:pos x="T102" y="T103"/>
                    </a:cxn>
                    <a:cxn ang="T168">
                      <a:pos x="T104" y="T105"/>
                    </a:cxn>
                    <a:cxn ang="T169">
                      <a:pos x="T106" y="T107"/>
                    </a:cxn>
                    <a:cxn ang="T170">
                      <a:pos x="T108" y="T109"/>
                    </a:cxn>
                    <a:cxn ang="T171">
                      <a:pos x="T110" y="T111"/>
                    </a:cxn>
                    <a:cxn ang="T172">
                      <a:pos x="T112" y="T113"/>
                    </a:cxn>
                    <a:cxn ang="T173">
                      <a:pos x="T114" y="T115"/>
                    </a:cxn>
                  </a:cxnLst>
                  <a:rect l="T174" t="T175" r="T176" b="T177"/>
                  <a:pathLst>
                    <a:path w="814" h="436">
                      <a:moveTo>
                        <a:pt x="755" y="86"/>
                      </a:moveTo>
                      <a:lnTo>
                        <a:pt x="762" y="85"/>
                      </a:lnTo>
                      <a:lnTo>
                        <a:pt x="762" y="81"/>
                      </a:lnTo>
                      <a:lnTo>
                        <a:pt x="765" y="78"/>
                      </a:lnTo>
                      <a:lnTo>
                        <a:pt x="766" y="69"/>
                      </a:lnTo>
                      <a:lnTo>
                        <a:pt x="770" y="60"/>
                      </a:lnTo>
                      <a:lnTo>
                        <a:pt x="771" y="54"/>
                      </a:lnTo>
                      <a:lnTo>
                        <a:pt x="778" y="42"/>
                      </a:lnTo>
                      <a:lnTo>
                        <a:pt x="781" y="41"/>
                      </a:lnTo>
                      <a:lnTo>
                        <a:pt x="783" y="45"/>
                      </a:lnTo>
                      <a:lnTo>
                        <a:pt x="784" y="46"/>
                      </a:lnTo>
                      <a:lnTo>
                        <a:pt x="788" y="47"/>
                      </a:lnTo>
                      <a:lnTo>
                        <a:pt x="795" y="43"/>
                      </a:lnTo>
                      <a:lnTo>
                        <a:pt x="802" y="50"/>
                      </a:lnTo>
                      <a:lnTo>
                        <a:pt x="802" y="63"/>
                      </a:lnTo>
                      <a:lnTo>
                        <a:pt x="802" y="78"/>
                      </a:lnTo>
                      <a:lnTo>
                        <a:pt x="806" y="80"/>
                      </a:lnTo>
                      <a:lnTo>
                        <a:pt x="806" y="85"/>
                      </a:lnTo>
                      <a:lnTo>
                        <a:pt x="809" y="87"/>
                      </a:lnTo>
                      <a:lnTo>
                        <a:pt x="811" y="88"/>
                      </a:lnTo>
                      <a:lnTo>
                        <a:pt x="813" y="87"/>
                      </a:lnTo>
                      <a:lnTo>
                        <a:pt x="813" y="91"/>
                      </a:lnTo>
                      <a:lnTo>
                        <a:pt x="812" y="93"/>
                      </a:lnTo>
                      <a:lnTo>
                        <a:pt x="814" y="94"/>
                      </a:lnTo>
                      <a:lnTo>
                        <a:pt x="814" y="96"/>
                      </a:lnTo>
                      <a:lnTo>
                        <a:pt x="802" y="100"/>
                      </a:lnTo>
                      <a:lnTo>
                        <a:pt x="795" y="106"/>
                      </a:lnTo>
                      <a:lnTo>
                        <a:pt x="790" y="104"/>
                      </a:lnTo>
                      <a:lnTo>
                        <a:pt x="789" y="101"/>
                      </a:lnTo>
                      <a:lnTo>
                        <a:pt x="788" y="101"/>
                      </a:lnTo>
                      <a:lnTo>
                        <a:pt x="784" y="110"/>
                      </a:lnTo>
                      <a:lnTo>
                        <a:pt x="782" y="110"/>
                      </a:lnTo>
                      <a:lnTo>
                        <a:pt x="778" y="113"/>
                      </a:lnTo>
                      <a:lnTo>
                        <a:pt x="777" y="112"/>
                      </a:lnTo>
                      <a:lnTo>
                        <a:pt x="775" y="116"/>
                      </a:lnTo>
                      <a:lnTo>
                        <a:pt x="773" y="113"/>
                      </a:lnTo>
                      <a:lnTo>
                        <a:pt x="771" y="114"/>
                      </a:lnTo>
                      <a:lnTo>
                        <a:pt x="763" y="125"/>
                      </a:lnTo>
                      <a:lnTo>
                        <a:pt x="760" y="128"/>
                      </a:lnTo>
                      <a:lnTo>
                        <a:pt x="759" y="132"/>
                      </a:lnTo>
                      <a:lnTo>
                        <a:pt x="762" y="137"/>
                      </a:lnTo>
                      <a:lnTo>
                        <a:pt x="758" y="143"/>
                      </a:lnTo>
                      <a:lnTo>
                        <a:pt x="762" y="146"/>
                      </a:lnTo>
                      <a:lnTo>
                        <a:pt x="764" y="152"/>
                      </a:lnTo>
                      <a:lnTo>
                        <a:pt x="766" y="153"/>
                      </a:lnTo>
                      <a:lnTo>
                        <a:pt x="771" y="154"/>
                      </a:lnTo>
                      <a:lnTo>
                        <a:pt x="772" y="151"/>
                      </a:lnTo>
                      <a:lnTo>
                        <a:pt x="771" y="150"/>
                      </a:lnTo>
                      <a:lnTo>
                        <a:pt x="772" y="150"/>
                      </a:lnTo>
                      <a:lnTo>
                        <a:pt x="773" y="153"/>
                      </a:lnTo>
                      <a:lnTo>
                        <a:pt x="769" y="156"/>
                      </a:lnTo>
                      <a:lnTo>
                        <a:pt x="765" y="157"/>
                      </a:lnTo>
                      <a:lnTo>
                        <a:pt x="762" y="155"/>
                      </a:lnTo>
                      <a:lnTo>
                        <a:pt x="756" y="158"/>
                      </a:lnTo>
                      <a:lnTo>
                        <a:pt x="754" y="155"/>
                      </a:lnTo>
                      <a:lnTo>
                        <a:pt x="752" y="159"/>
                      </a:lnTo>
                      <a:lnTo>
                        <a:pt x="744" y="161"/>
                      </a:lnTo>
                      <a:lnTo>
                        <a:pt x="738" y="162"/>
                      </a:lnTo>
                      <a:lnTo>
                        <a:pt x="731" y="162"/>
                      </a:lnTo>
                      <a:lnTo>
                        <a:pt x="728" y="164"/>
                      </a:lnTo>
                      <a:lnTo>
                        <a:pt x="719" y="167"/>
                      </a:lnTo>
                      <a:lnTo>
                        <a:pt x="714" y="173"/>
                      </a:lnTo>
                      <a:lnTo>
                        <a:pt x="712" y="176"/>
                      </a:lnTo>
                      <a:lnTo>
                        <a:pt x="715" y="181"/>
                      </a:lnTo>
                      <a:lnTo>
                        <a:pt x="714" y="187"/>
                      </a:lnTo>
                      <a:lnTo>
                        <a:pt x="713" y="187"/>
                      </a:lnTo>
                      <a:lnTo>
                        <a:pt x="712" y="192"/>
                      </a:lnTo>
                      <a:lnTo>
                        <a:pt x="705" y="203"/>
                      </a:lnTo>
                      <a:lnTo>
                        <a:pt x="702" y="205"/>
                      </a:lnTo>
                      <a:lnTo>
                        <a:pt x="702" y="201"/>
                      </a:lnTo>
                      <a:lnTo>
                        <a:pt x="696" y="199"/>
                      </a:lnTo>
                      <a:lnTo>
                        <a:pt x="692" y="194"/>
                      </a:lnTo>
                      <a:lnTo>
                        <a:pt x="692" y="193"/>
                      </a:lnTo>
                      <a:lnTo>
                        <a:pt x="692" y="196"/>
                      </a:lnTo>
                      <a:lnTo>
                        <a:pt x="699" y="208"/>
                      </a:lnTo>
                      <a:lnTo>
                        <a:pt x="700" y="213"/>
                      </a:lnTo>
                      <a:lnTo>
                        <a:pt x="699" y="214"/>
                      </a:lnTo>
                      <a:lnTo>
                        <a:pt x="697" y="219"/>
                      </a:lnTo>
                      <a:lnTo>
                        <a:pt x="697" y="222"/>
                      </a:lnTo>
                      <a:lnTo>
                        <a:pt x="692" y="229"/>
                      </a:lnTo>
                      <a:lnTo>
                        <a:pt x="691" y="236"/>
                      </a:lnTo>
                      <a:lnTo>
                        <a:pt x="687" y="238"/>
                      </a:lnTo>
                      <a:lnTo>
                        <a:pt x="686" y="232"/>
                      </a:lnTo>
                      <a:lnTo>
                        <a:pt x="691" y="225"/>
                      </a:lnTo>
                      <a:lnTo>
                        <a:pt x="691" y="224"/>
                      </a:lnTo>
                      <a:lnTo>
                        <a:pt x="690" y="223"/>
                      </a:lnTo>
                      <a:lnTo>
                        <a:pt x="688" y="218"/>
                      </a:lnTo>
                      <a:lnTo>
                        <a:pt x="685" y="218"/>
                      </a:lnTo>
                      <a:lnTo>
                        <a:pt x="683" y="214"/>
                      </a:lnTo>
                      <a:lnTo>
                        <a:pt x="685" y="211"/>
                      </a:lnTo>
                      <a:lnTo>
                        <a:pt x="685" y="207"/>
                      </a:lnTo>
                      <a:lnTo>
                        <a:pt x="683" y="206"/>
                      </a:lnTo>
                      <a:lnTo>
                        <a:pt x="684" y="203"/>
                      </a:lnTo>
                      <a:lnTo>
                        <a:pt x="684" y="200"/>
                      </a:lnTo>
                      <a:lnTo>
                        <a:pt x="687" y="197"/>
                      </a:lnTo>
                      <a:lnTo>
                        <a:pt x="687" y="194"/>
                      </a:lnTo>
                      <a:lnTo>
                        <a:pt x="686" y="195"/>
                      </a:lnTo>
                      <a:lnTo>
                        <a:pt x="679" y="201"/>
                      </a:lnTo>
                      <a:lnTo>
                        <a:pt x="680" y="214"/>
                      </a:lnTo>
                      <a:lnTo>
                        <a:pt x="679" y="214"/>
                      </a:lnTo>
                      <a:lnTo>
                        <a:pt x="681" y="216"/>
                      </a:lnTo>
                      <a:lnTo>
                        <a:pt x="682" y="221"/>
                      </a:lnTo>
                      <a:lnTo>
                        <a:pt x="669" y="214"/>
                      </a:lnTo>
                      <a:lnTo>
                        <a:pt x="671" y="209"/>
                      </a:lnTo>
                      <a:lnTo>
                        <a:pt x="668" y="214"/>
                      </a:lnTo>
                      <a:lnTo>
                        <a:pt x="668" y="215"/>
                      </a:lnTo>
                      <a:lnTo>
                        <a:pt x="682" y="224"/>
                      </a:lnTo>
                      <a:lnTo>
                        <a:pt x="681" y="229"/>
                      </a:lnTo>
                      <a:lnTo>
                        <a:pt x="683" y="234"/>
                      </a:lnTo>
                      <a:lnTo>
                        <a:pt x="681" y="236"/>
                      </a:lnTo>
                      <a:lnTo>
                        <a:pt x="683" y="239"/>
                      </a:lnTo>
                      <a:lnTo>
                        <a:pt x="680" y="239"/>
                      </a:lnTo>
                      <a:lnTo>
                        <a:pt x="679" y="241"/>
                      </a:lnTo>
                      <a:lnTo>
                        <a:pt x="688" y="242"/>
                      </a:lnTo>
                      <a:lnTo>
                        <a:pt x="688" y="246"/>
                      </a:lnTo>
                      <a:lnTo>
                        <a:pt x="687" y="250"/>
                      </a:lnTo>
                      <a:lnTo>
                        <a:pt x="689" y="257"/>
                      </a:lnTo>
                      <a:lnTo>
                        <a:pt x="688" y="255"/>
                      </a:lnTo>
                      <a:lnTo>
                        <a:pt x="685" y="254"/>
                      </a:lnTo>
                      <a:lnTo>
                        <a:pt x="679" y="257"/>
                      </a:lnTo>
                      <a:lnTo>
                        <a:pt x="678" y="253"/>
                      </a:lnTo>
                      <a:lnTo>
                        <a:pt x="677" y="258"/>
                      </a:lnTo>
                      <a:lnTo>
                        <a:pt x="678" y="260"/>
                      </a:lnTo>
                      <a:lnTo>
                        <a:pt x="679" y="260"/>
                      </a:lnTo>
                      <a:lnTo>
                        <a:pt x="685" y="259"/>
                      </a:lnTo>
                      <a:lnTo>
                        <a:pt x="686" y="263"/>
                      </a:lnTo>
                      <a:lnTo>
                        <a:pt x="689" y="259"/>
                      </a:lnTo>
                      <a:lnTo>
                        <a:pt x="691" y="265"/>
                      </a:lnTo>
                      <a:lnTo>
                        <a:pt x="685" y="270"/>
                      </a:lnTo>
                      <a:lnTo>
                        <a:pt x="682" y="270"/>
                      </a:lnTo>
                      <a:lnTo>
                        <a:pt x="680" y="266"/>
                      </a:lnTo>
                      <a:lnTo>
                        <a:pt x="675" y="268"/>
                      </a:lnTo>
                      <a:lnTo>
                        <a:pt x="680" y="271"/>
                      </a:lnTo>
                      <a:lnTo>
                        <a:pt x="677" y="276"/>
                      </a:lnTo>
                      <a:lnTo>
                        <a:pt x="681" y="276"/>
                      </a:lnTo>
                      <a:lnTo>
                        <a:pt x="681" y="279"/>
                      </a:lnTo>
                      <a:lnTo>
                        <a:pt x="676" y="282"/>
                      </a:lnTo>
                      <a:lnTo>
                        <a:pt x="671" y="282"/>
                      </a:lnTo>
                      <a:lnTo>
                        <a:pt x="667" y="284"/>
                      </a:lnTo>
                      <a:lnTo>
                        <a:pt x="660" y="291"/>
                      </a:lnTo>
                      <a:lnTo>
                        <a:pt x="656" y="293"/>
                      </a:lnTo>
                      <a:lnTo>
                        <a:pt x="649" y="294"/>
                      </a:lnTo>
                      <a:lnTo>
                        <a:pt x="641" y="304"/>
                      </a:lnTo>
                      <a:lnTo>
                        <a:pt x="641" y="306"/>
                      </a:lnTo>
                      <a:lnTo>
                        <a:pt x="629" y="316"/>
                      </a:lnTo>
                      <a:lnTo>
                        <a:pt x="620" y="316"/>
                      </a:lnTo>
                      <a:lnTo>
                        <a:pt x="621" y="321"/>
                      </a:lnTo>
                      <a:lnTo>
                        <a:pt x="617" y="324"/>
                      </a:lnTo>
                      <a:lnTo>
                        <a:pt x="616" y="325"/>
                      </a:lnTo>
                      <a:lnTo>
                        <a:pt x="614" y="328"/>
                      </a:lnTo>
                      <a:lnTo>
                        <a:pt x="610" y="335"/>
                      </a:lnTo>
                      <a:lnTo>
                        <a:pt x="610" y="338"/>
                      </a:lnTo>
                      <a:lnTo>
                        <a:pt x="608" y="343"/>
                      </a:lnTo>
                      <a:lnTo>
                        <a:pt x="608" y="347"/>
                      </a:lnTo>
                      <a:lnTo>
                        <a:pt x="607" y="349"/>
                      </a:lnTo>
                      <a:lnTo>
                        <a:pt x="610" y="361"/>
                      </a:lnTo>
                      <a:lnTo>
                        <a:pt x="614" y="371"/>
                      </a:lnTo>
                      <a:lnTo>
                        <a:pt x="620" y="382"/>
                      </a:lnTo>
                      <a:lnTo>
                        <a:pt x="621" y="392"/>
                      </a:lnTo>
                      <a:lnTo>
                        <a:pt x="627" y="408"/>
                      </a:lnTo>
                      <a:lnTo>
                        <a:pt x="627" y="421"/>
                      </a:lnTo>
                      <a:lnTo>
                        <a:pt x="624" y="435"/>
                      </a:lnTo>
                      <a:lnTo>
                        <a:pt x="622" y="434"/>
                      </a:lnTo>
                      <a:lnTo>
                        <a:pt x="617" y="436"/>
                      </a:lnTo>
                      <a:lnTo>
                        <a:pt x="612" y="436"/>
                      </a:lnTo>
                      <a:lnTo>
                        <a:pt x="612" y="431"/>
                      </a:lnTo>
                      <a:lnTo>
                        <a:pt x="610" y="426"/>
                      </a:lnTo>
                      <a:lnTo>
                        <a:pt x="604" y="423"/>
                      </a:lnTo>
                      <a:lnTo>
                        <a:pt x="601" y="415"/>
                      </a:lnTo>
                      <a:lnTo>
                        <a:pt x="602" y="413"/>
                      </a:lnTo>
                      <a:lnTo>
                        <a:pt x="600" y="413"/>
                      </a:lnTo>
                      <a:lnTo>
                        <a:pt x="600" y="408"/>
                      </a:lnTo>
                      <a:lnTo>
                        <a:pt x="597" y="408"/>
                      </a:lnTo>
                      <a:lnTo>
                        <a:pt x="592" y="401"/>
                      </a:lnTo>
                      <a:lnTo>
                        <a:pt x="594" y="392"/>
                      </a:lnTo>
                      <a:lnTo>
                        <a:pt x="592" y="391"/>
                      </a:lnTo>
                      <a:lnTo>
                        <a:pt x="591" y="393"/>
                      </a:lnTo>
                      <a:lnTo>
                        <a:pt x="590" y="393"/>
                      </a:lnTo>
                      <a:lnTo>
                        <a:pt x="590" y="391"/>
                      </a:lnTo>
                      <a:lnTo>
                        <a:pt x="591" y="380"/>
                      </a:lnTo>
                      <a:lnTo>
                        <a:pt x="590" y="373"/>
                      </a:lnTo>
                      <a:lnTo>
                        <a:pt x="581" y="366"/>
                      </a:lnTo>
                      <a:lnTo>
                        <a:pt x="581" y="364"/>
                      </a:lnTo>
                      <a:lnTo>
                        <a:pt x="575" y="358"/>
                      </a:lnTo>
                      <a:lnTo>
                        <a:pt x="569" y="357"/>
                      </a:lnTo>
                      <a:lnTo>
                        <a:pt x="567" y="360"/>
                      </a:lnTo>
                      <a:lnTo>
                        <a:pt x="558" y="362"/>
                      </a:lnTo>
                      <a:lnTo>
                        <a:pt x="555" y="363"/>
                      </a:lnTo>
                      <a:lnTo>
                        <a:pt x="551" y="358"/>
                      </a:lnTo>
                      <a:lnTo>
                        <a:pt x="539" y="353"/>
                      </a:lnTo>
                      <a:lnTo>
                        <a:pt x="541" y="351"/>
                      </a:lnTo>
                      <a:lnTo>
                        <a:pt x="539" y="351"/>
                      </a:lnTo>
                      <a:lnTo>
                        <a:pt x="529" y="352"/>
                      </a:lnTo>
                      <a:lnTo>
                        <a:pt x="529" y="349"/>
                      </a:lnTo>
                      <a:lnTo>
                        <a:pt x="525" y="353"/>
                      </a:lnTo>
                      <a:lnTo>
                        <a:pt x="517" y="355"/>
                      </a:lnTo>
                      <a:lnTo>
                        <a:pt x="516" y="344"/>
                      </a:lnTo>
                      <a:lnTo>
                        <a:pt x="514" y="352"/>
                      </a:lnTo>
                      <a:lnTo>
                        <a:pt x="511" y="352"/>
                      </a:lnTo>
                      <a:lnTo>
                        <a:pt x="502" y="352"/>
                      </a:lnTo>
                      <a:lnTo>
                        <a:pt x="494" y="355"/>
                      </a:lnTo>
                      <a:lnTo>
                        <a:pt x="486" y="352"/>
                      </a:lnTo>
                      <a:lnTo>
                        <a:pt x="482" y="353"/>
                      </a:lnTo>
                      <a:lnTo>
                        <a:pt x="482" y="356"/>
                      </a:lnTo>
                      <a:lnTo>
                        <a:pt x="484" y="357"/>
                      </a:lnTo>
                      <a:lnTo>
                        <a:pt x="490" y="356"/>
                      </a:lnTo>
                      <a:lnTo>
                        <a:pt x="491" y="359"/>
                      </a:lnTo>
                      <a:lnTo>
                        <a:pt x="492" y="359"/>
                      </a:lnTo>
                      <a:lnTo>
                        <a:pt x="497" y="356"/>
                      </a:lnTo>
                      <a:lnTo>
                        <a:pt x="498" y="357"/>
                      </a:lnTo>
                      <a:lnTo>
                        <a:pt x="497" y="361"/>
                      </a:lnTo>
                      <a:lnTo>
                        <a:pt x="493" y="366"/>
                      </a:lnTo>
                      <a:lnTo>
                        <a:pt x="500" y="372"/>
                      </a:lnTo>
                      <a:lnTo>
                        <a:pt x="499" y="373"/>
                      </a:lnTo>
                      <a:lnTo>
                        <a:pt x="498" y="374"/>
                      </a:lnTo>
                      <a:lnTo>
                        <a:pt x="497" y="375"/>
                      </a:lnTo>
                      <a:lnTo>
                        <a:pt x="494" y="371"/>
                      </a:lnTo>
                      <a:lnTo>
                        <a:pt x="489" y="368"/>
                      </a:lnTo>
                      <a:lnTo>
                        <a:pt x="487" y="368"/>
                      </a:lnTo>
                      <a:lnTo>
                        <a:pt x="486" y="372"/>
                      </a:lnTo>
                      <a:lnTo>
                        <a:pt x="479" y="371"/>
                      </a:lnTo>
                      <a:lnTo>
                        <a:pt x="477" y="372"/>
                      </a:lnTo>
                      <a:lnTo>
                        <a:pt x="471" y="371"/>
                      </a:lnTo>
                      <a:lnTo>
                        <a:pt x="468" y="366"/>
                      </a:lnTo>
                      <a:lnTo>
                        <a:pt x="461" y="362"/>
                      </a:lnTo>
                      <a:lnTo>
                        <a:pt x="458" y="362"/>
                      </a:lnTo>
                      <a:lnTo>
                        <a:pt x="458" y="364"/>
                      </a:lnTo>
                      <a:lnTo>
                        <a:pt x="456" y="366"/>
                      </a:lnTo>
                      <a:lnTo>
                        <a:pt x="450" y="365"/>
                      </a:lnTo>
                      <a:lnTo>
                        <a:pt x="442" y="362"/>
                      </a:lnTo>
                      <a:lnTo>
                        <a:pt x="434" y="364"/>
                      </a:lnTo>
                      <a:lnTo>
                        <a:pt x="429" y="364"/>
                      </a:lnTo>
                      <a:lnTo>
                        <a:pt x="421" y="367"/>
                      </a:lnTo>
                      <a:lnTo>
                        <a:pt x="422" y="365"/>
                      </a:lnTo>
                      <a:lnTo>
                        <a:pt x="421" y="365"/>
                      </a:lnTo>
                      <a:lnTo>
                        <a:pt x="421" y="362"/>
                      </a:lnTo>
                      <a:lnTo>
                        <a:pt x="419" y="363"/>
                      </a:lnTo>
                      <a:lnTo>
                        <a:pt x="418" y="372"/>
                      </a:lnTo>
                      <a:lnTo>
                        <a:pt x="416" y="377"/>
                      </a:lnTo>
                      <a:lnTo>
                        <a:pt x="413" y="379"/>
                      </a:lnTo>
                      <a:lnTo>
                        <a:pt x="411" y="381"/>
                      </a:lnTo>
                      <a:lnTo>
                        <a:pt x="405" y="384"/>
                      </a:lnTo>
                      <a:lnTo>
                        <a:pt x="402" y="385"/>
                      </a:lnTo>
                      <a:lnTo>
                        <a:pt x="408" y="380"/>
                      </a:lnTo>
                      <a:lnTo>
                        <a:pt x="404" y="382"/>
                      </a:lnTo>
                      <a:lnTo>
                        <a:pt x="404" y="379"/>
                      </a:lnTo>
                      <a:lnTo>
                        <a:pt x="402" y="381"/>
                      </a:lnTo>
                      <a:lnTo>
                        <a:pt x="400" y="380"/>
                      </a:lnTo>
                      <a:lnTo>
                        <a:pt x="399" y="382"/>
                      </a:lnTo>
                      <a:lnTo>
                        <a:pt x="397" y="380"/>
                      </a:lnTo>
                      <a:lnTo>
                        <a:pt x="398" y="385"/>
                      </a:lnTo>
                      <a:lnTo>
                        <a:pt x="395" y="385"/>
                      </a:lnTo>
                      <a:lnTo>
                        <a:pt x="392" y="389"/>
                      </a:lnTo>
                      <a:lnTo>
                        <a:pt x="389" y="390"/>
                      </a:lnTo>
                      <a:lnTo>
                        <a:pt x="389" y="391"/>
                      </a:lnTo>
                      <a:lnTo>
                        <a:pt x="390" y="392"/>
                      </a:lnTo>
                      <a:lnTo>
                        <a:pt x="389" y="394"/>
                      </a:lnTo>
                      <a:lnTo>
                        <a:pt x="386" y="395"/>
                      </a:lnTo>
                      <a:lnTo>
                        <a:pt x="387" y="397"/>
                      </a:lnTo>
                      <a:lnTo>
                        <a:pt x="387" y="403"/>
                      </a:lnTo>
                      <a:lnTo>
                        <a:pt x="383" y="404"/>
                      </a:lnTo>
                      <a:lnTo>
                        <a:pt x="385" y="405"/>
                      </a:lnTo>
                      <a:lnTo>
                        <a:pt x="384" y="412"/>
                      </a:lnTo>
                      <a:lnTo>
                        <a:pt x="386" y="420"/>
                      </a:lnTo>
                      <a:lnTo>
                        <a:pt x="389" y="424"/>
                      </a:lnTo>
                      <a:lnTo>
                        <a:pt x="384" y="424"/>
                      </a:lnTo>
                      <a:lnTo>
                        <a:pt x="379" y="422"/>
                      </a:lnTo>
                      <a:lnTo>
                        <a:pt x="372" y="421"/>
                      </a:lnTo>
                      <a:lnTo>
                        <a:pt x="365" y="419"/>
                      </a:lnTo>
                      <a:lnTo>
                        <a:pt x="361" y="416"/>
                      </a:lnTo>
                      <a:lnTo>
                        <a:pt x="356" y="410"/>
                      </a:lnTo>
                      <a:lnTo>
                        <a:pt x="352" y="397"/>
                      </a:lnTo>
                      <a:lnTo>
                        <a:pt x="348" y="394"/>
                      </a:lnTo>
                      <a:lnTo>
                        <a:pt x="346" y="389"/>
                      </a:lnTo>
                      <a:lnTo>
                        <a:pt x="342" y="385"/>
                      </a:lnTo>
                      <a:lnTo>
                        <a:pt x="337" y="373"/>
                      </a:lnTo>
                      <a:lnTo>
                        <a:pt x="328" y="364"/>
                      </a:lnTo>
                      <a:lnTo>
                        <a:pt x="326" y="362"/>
                      </a:lnTo>
                      <a:lnTo>
                        <a:pt x="312" y="361"/>
                      </a:lnTo>
                      <a:lnTo>
                        <a:pt x="308" y="363"/>
                      </a:lnTo>
                      <a:lnTo>
                        <a:pt x="302" y="376"/>
                      </a:lnTo>
                      <a:lnTo>
                        <a:pt x="296" y="374"/>
                      </a:lnTo>
                      <a:lnTo>
                        <a:pt x="285" y="366"/>
                      </a:lnTo>
                      <a:lnTo>
                        <a:pt x="281" y="361"/>
                      </a:lnTo>
                      <a:lnTo>
                        <a:pt x="277" y="348"/>
                      </a:lnTo>
                      <a:lnTo>
                        <a:pt x="270" y="344"/>
                      </a:lnTo>
                      <a:lnTo>
                        <a:pt x="262" y="336"/>
                      </a:lnTo>
                      <a:lnTo>
                        <a:pt x="259" y="334"/>
                      </a:lnTo>
                      <a:lnTo>
                        <a:pt x="258" y="331"/>
                      </a:lnTo>
                      <a:lnTo>
                        <a:pt x="254" y="329"/>
                      </a:lnTo>
                      <a:lnTo>
                        <a:pt x="243" y="329"/>
                      </a:lnTo>
                      <a:lnTo>
                        <a:pt x="231" y="329"/>
                      </a:lnTo>
                      <a:lnTo>
                        <a:pt x="230" y="337"/>
                      </a:lnTo>
                      <a:lnTo>
                        <a:pt x="219" y="337"/>
                      </a:lnTo>
                      <a:lnTo>
                        <a:pt x="207" y="337"/>
                      </a:lnTo>
                      <a:lnTo>
                        <a:pt x="192" y="337"/>
                      </a:lnTo>
                      <a:lnTo>
                        <a:pt x="172" y="329"/>
                      </a:lnTo>
                      <a:lnTo>
                        <a:pt x="152" y="322"/>
                      </a:lnTo>
                      <a:lnTo>
                        <a:pt x="139" y="316"/>
                      </a:lnTo>
                      <a:lnTo>
                        <a:pt x="139" y="315"/>
                      </a:lnTo>
                      <a:lnTo>
                        <a:pt x="129" y="316"/>
                      </a:lnTo>
                      <a:lnTo>
                        <a:pt x="118" y="317"/>
                      </a:lnTo>
                      <a:lnTo>
                        <a:pt x="106" y="317"/>
                      </a:lnTo>
                      <a:lnTo>
                        <a:pt x="106" y="309"/>
                      </a:lnTo>
                      <a:lnTo>
                        <a:pt x="104" y="306"/>
                      </a:lnTo>
                      <a:lnTo>
                        <a:pt x="96" y="299"/>
                      </a:lnTo>
                      <a:lnTo>
                        <a:pt x="89" y="297"/>
                      </a:lnTo>
                      <a:lnTo>
                        <a:pt x="87" y="292"/>
                      </a:lnTo>
                      <a:lnTo>
                        <a:pt x="84" y="291"/>
                      </a:lnTo>
                      <a:lnTo>
                        <a:pt x="83" y="293"/>
                      </a:lnTo>
                      <a:lnTo>
                        <a:pt x="71" y="286"/>
                      </a:lnTo>
                      <a:lnTo>
                        <a:pt x="68" y="286"/>
                      </a:lnTo>
                      <a:lnTo>
                        <a:pt x="59" y="283"/>
                      </a:lnTo>
                      <a:lnTo>
                        <a:pt x="57" y="274"/>
                      </a:lnTo>
                      <a:lnTo>
                        <a:pt x="54" y="271"/>
                      </a:lnTo>
                      <a:lnTo>
                        <a:pt x="54" y="268"/>
                      </a:lnTo>
                      <a:lnTo>
                        <a:pt x="40" y="252"/>
                      </a:lnTo>
                      <a:lnTo>
                        <a:pt x="39" y="247"/>
                      </a:lnTo>
                      <a:lnTo>
                        <a:pt x="41" y="246"/>
                      </a:lnTo>
                      <a:lnTo>
                        <a:pt x="41" y="243"/>
                      </a:lnTo>
                      <a:lnTo>
                        <a:pt x="39" y="241"/>
                      </a:lnTo>
                      <a:lnTo>
                        <a:pt x="36" y="240"/>
                      </a:lnTo>
                      <a:lnTo>
                        <a:pt x="33" y="238"/>
                      </a:lnTo>
                      <a:lnTo>
                        <a:pt x="31" y="226"/>
                      </a:lnTo>
                      <a:lnTo>
                        <a:pt x="36" y="231"/>
                      </a:lnTo>
                      <a:lnTo>
                        <a:pt x="33" y="224"/>
                      </a:lnTo>
                      <a:lnTo>
                        <a:pt x="38" y="221"/>
                      </a:lnTo>
                      <a:lnTo>
                        <a:pt x="31" y="219"/>
                      </a:lnTo>
                      <a:lnTo>
                        <a:pt x="31" y="224"/>
                      </a:lnTo>
                      <a:lnTo>
                        <a:pt x="27" y="223"/>
                      </a:lnTo>
                      <a:lnTo>
                        <a:pt x="24" y="221"/>
                      </a:lnTo>
                      <a:lnTo>
                        <a:pt x="23" y="216"/>
                      </a:lnTo>
                      <a:lnTo>
                        <a:pt x="15" y="207"/>
                      </a:lnTo>
                      <a:lnTo>
                        <a:pt x="13" y="198"/>
                      </a:lnTo>
                      <a:lnTo>
                        <a:pt x="13" y="192"/>
                      </a:lnTo>
                      <a:lnTo>
                        <a:pt x="5" y="179"/>
                      </a:lnTo>
                      <a:lnTo>
                        <a:pt x="5" y="176"/>
                      </a:lnTo>
                      <a:lnTo>
                        <a:pt x="8" y="171"/>
                      </a:lnTo>
                      <a:lnTo>
                        <a:pt x="10" y="160"/>
                      </a:lnTo>
                      <a:lnTo>
                        <a:pt x="7" y="149"/>
                      </a:lnTo>
                      <a:lnTo>
                        <a:pt x="5" y="142"/>
                      </a:lnTo>
                      <a:lnTo>
                        <a:pt x="3" y="132"/>
                      </a:lnTo>
                      <a:lnTo>
                        <a:pt x="5" y="125"/>
                      </a:lnTo>
                      <a:lnTo>
                        <a:pt x="7" y="121"/>
                      </a:lnTo>
                      <a:lnTo>
                        <a:pt x="6" y="119"/>
                      </a:lnTo>
                      <a:lnTo>
                        <a:pt x="9" y="105"/>
                      </a:lnTo>
                      <a:lnTo>
                        <a:pt x="11" y="68"/>
                      </a:lnTo>
                      <a:lnTo>
                        <a:pt x="20" y="67"/>
                      </a:lnTo>
                      <a:lnTo>
                        <a:pt x="17" y="64"/>
                      </a:lnTo>
                      <a:lnTo>
                        <a:pt x="10" y="63"/>
                      </a:lnTo>
                      <a:lnTo>
                        <a:pt x="9" y="57"/>
                      </a:lnTo>
                      <a:lnTo>
                        <a:pt x="10" y="61"/>
                      </a:lnTo>
                      <a:lnTo>
                        <a:pt x="12" y="60"/>
                      </a:lnTo>
                      <a:lnTo>
                        <a:pt x="11" y="56"/>
                      </a:lnTo>
                      <a:lnTo>
                        <a:pt x="9" y="54"/>
                      </a:lnTo>
                      <a:lnTo>
                        <a:pt x="10" y="49"/>
                      </a:lnTo>
                      <a:lnTo>
                        <a:pt x="9" y="48"/>
                      </a:lnTo>
                      <a:lnTo>
                        <a:pt x="7" y="49"/>
                      </a:lnTo>
                      <a:lnTo>
                        <a:pt x="5" y="37"/>
                      </a:lnTo>
                      <a:lnTo>
                        <a:pt x="0" y="29"/>
                      </a:lnTo>
                      <a:lnTo>
                        <a:pt x="0" y="22"/>
                      </a:lnTo>
                      <a:lnTo>
                        <a:pt x="1" y="20"/>
                      </a:lnTo>
                      <a:lnTo>
                        <a:pt x="12" y="25"/>
                      </a:lnTo>
                      <a:lnTo>
                        <a:pt x="27" y="26"/>
                      </a:lnTo>
                      <a:lnTo>
                        <a:pt x="28" y="31"/>
                      </a:lnTo>
                      <a:lnTo>
                        <a:pt x="23" y="39"/>
                      </a:lnTo>
                      <a:lnTo>
                        <a:pt x="23" y="41"/>
                      </a:lnTo>
                      <a:lnTo>
                        <a:pt x="25" y="41"/>
                      </a:lnTo>
                      <a:lnTo>
                        <a:pt x="24" y="40"/>
                      </a:lnTo>
                      <a:lnTo>
                        <a:pt x="30" y="32"/>
                      </a:lnTo>
                      <a:lnTo>
                        <a:pt x="32" y="32"/>
                      </a:lnTo>
                      <a:lnTo>
                        <a:pt x="33" y="34"/>
                      </a:lnTo>
                      <a:lnTo>
                        <a:pt x="33" y="30"/>
                      </a:lnTo>
                      <a:lnTo>
                        <a:pt x="32" y="22"/>
                      </a:lnTo>
                      <a:lnTo>
                        <a:pt x="29" y="19"/>
                      </a:lnTo>
                      <a:lnTo>
                        <a:pt x="31" y="17"/>
                      </a:lnTo>
                      <a:lnTo>
                        <a:pt x="31" y="14"/>
                      </a:lnTo>
                      <a:lnTo>
                        <a:pt x="33" y="14"/>
                      </a:lnTo>
                      <a:lnTo>
                        <a:pt x="29" y="13"/>
                      </a:lnTo>
                      <a:lnTo>
                        <a:pt x="26" y="8"/>
                      </a:lnTo>
                      <a:lnTo>
                        <a:pt x="42" y="8"/>
                      </a:lnTo>
                      <a:lnTo>
                        <a:pt x="53" y="8"/>
                      </a:lnTo>
                      <a:lnTo>
                        <a:pt x="71" y="8"/>
                      </a:lnTo>
                      <a:lnTo>
                        <a:pt x="90" y="8"/>
                      </a:lnTo>
                      <a:lnTo>
                        <a:pt x="106" y="8"/>
                      </a:lnTo>
                      <a:lnTo>
                        <a:pt x="121" y="8"/>
                      </a:lnTo>
                      <a:lnTo>
                        <a:pt x="134" y="8"/>
                      </a:lnTo>
                      <a:lnTo>
                        <a:pt x="148" y="8"/>
                      </a:lnTo>
                      <a:lnTo>
                        <a:pt x="166" y="8"/>
                      </a:lnTo>
                      <a:lnTo>
                        <a:pt x="188" y="8"/>
                      </a:lnTo>
                      <a:lnTo>
                        <a:pt x="205" y="8"/>
                      </a:lnTo>
                      <a:lnTo>
                        <a:pt x="226" y="9"/>
                      </a:lnTo>
                      <a:lnTo>
                        <a:pt x="249" y="9"/>
                      </a:lnTo>
                      <a:lnTo>
                        <a:pt x="274" y="9"/>
                      </a:lnTo>
                      <a:lnTo>
                        <a:pt x="290" y="9"/>
                      </a:lnTo>
                      <a:lnTo>
                        <a:pt x="308" y="9"/>
                      </a:lnTo>
                      <a:lnTo>
                        <a:pt x="328" y="9"/>
                      </a:lnTo>
                      <a:lnTo>
                        <a:pt x="347" y="9"/>
                      </a:lnTo>
                      <a:lnTo>
                        <a:pt x="368" y="9"/>
                      </a:lnTo>
                      <a:lnTo>
                        <a:pt x="386" y="9"/>
                      </a:lnTo>
                      <a:lnTo>
                        <a:pt x="416" y="9"/>
                      </a:lnTo>
                      <a:lnTo>
                        <a:pt x="416" y="0"/>
                      </a:lnTo>
                      <a:lnTo>
                        <a:pt x="418" y="0"/>
                      </a:lnTo>
                      <a:lnTo>
                        <a:pt x="424" y="14"/>
                      </a:lnTo>
                      <a:lnTo>
                        <a:pt x="430" y="14"/>
                      </a:lnTo>
                      <a:lnTo>
                        <a:pt x="437" y="17"/>
                      </a:lnTo>
                      <a:lnTo>
                        <a:pt x="449" y="16"/>
                      </a:lnTo>
                      <a:lnTo>
                        <a:pt x="468" y="28"/>
                      </a:lnTo>
                      <a:lnTo>
                        <a:pt x="476" y="26"/>
                      </a:lnTo>
                      <a:lnTo>
                        <a:pt x="492" y="30"/>
                      </a:lnTo>
                      <a:lnTo>
                        <a:pt x="470" y="46"/>
                      </a:lnTo>
                      <a:lnTo>
                        <a:pt x="459" y="57"/>
                      </a:lnTo>
                      <a:lnTo>
                        <a:pt x="460" y="58"/>
                      </a:lnTo>
                      <a:lnTo>
                        <a:pt x="466" y="58"/>
                      </a:lnTo>
                      <a:lnTo>
                        <a:pt x="475" y="52"/>
                      </a:lnTo>
                      <a:lnTo>
                        <a:pt x="476" y="53"/>
                      </a:lnTo>
                      <a:lnTo>
                        <a:pt x="476" y="59"/>
                      </a:lnTo>
                      <a:lnTo>
                        <a:pt x="482" y="59"/>
                      </a:lnTo>
                      <a:lnTo>
                        <a:pt x="498" y="53"/>
                      </a:lnTo>
                      <a:lnTo>
                        <a:pt x="510" y="43"/>
                      </a:lnTo>
                      <a:lnTo>
                        <a:pt x="519" y="41"/>
                      </a:lnTo>
                      <a:lnTo>
                        <a:pt x="510" y="52"/>
                      </a:lnTo>
                      <a:lnTo>
                        <a:pt x="510" y="55"/>
                      </a:lnTo>
                      <a:lnTo>
                        <a:pt x="512" y="53"/>
                      </a:lnTo>
                      <a:lnTo>
                        <a:pt x="517" y="53"/>
                      </a:lnTo>
                      <a:lnTo>
                        <a:pt x="521" y="56"/>
                      </a:lnTo>
                      <a:lnTo>
                        <a:pt x="526" y="61"/>
                      </a:lnTo>
                      <a:lnTo>
                        <a:pt x="534" y="62"/>
                      </a:lnTo>
                      <a:lnTo>
                        <a:pt x="542" y="57"/>
                      </a:lnTo>
                      <a:lnTo>
                        <a:pt x="557" y="55"/>
                      </a:lnTo>
                      <a:lnTo>
                        <a:pt x="558" y="60"/>
                      </a:lnTo>
                      <a:lnTo>
                        <a:pt x="560" y="61"/>
                      </a:lnTo>
                      <a:lnTo>
                        <a:pt x="565" y="61"/>
                      </a:lnTo>
                      <a:lnTo>
                        <a:pt x="568" y="61"/>
                      </a:lnTo>
                      <a:lnTo>
                        <a:pt x="569" y="67"/>
                      </a:lnTo>
                      <a:lnTo>
                        <a:pt x="573" y="71"/>
                      </a:lnTo>
                      <a:lnTo>
                        <a:pt x="567" y="73"/>
                      </a:lnTo>
                      <a:lnTo>
                        <a:pt x="565" y="70"/>
                      </a:lnTo>
                      <a:lnTo>
                        <a:pt x="564" y="73"/>
                      </a:lnTo>
                      <a:lnTo>
                        <a:pt x="561" y="73"/>
                      </a:lnTo>
                      <a:lnTo>
                        <a:pt x="554" y="69"/>
                      </a:lnTo>
                      <a:lnTo>
                        <a:pt x="542" y="74"/>
                      </a:lnTo>
                      <a:lnTo>
                        <a:pt x="536" y="79"/>
                      </a:lnTo>
                      <a:lnTo>
                        <a:pt x="536" y="74"/>
                      </a:lnTo>
                      <a:lnTo>
                        <a:pt x="531" y="76"/>
                      </a:lnTo>
                      <a:lnTo>
                        <a:pt x="522" y="89"/>
                      </a:lnTo>
                      <a:lnTo>
                        <a:pt x="520" y="94"/>
                      </a:lnTo>
                      <a:lnTo>
                        <a:pt x="517" y="100"/>
                      </a:lnTo>
                      <a:lnTo>
                        <a:pt x="525" y="94"/>
                      </a:lnTo>
                      <a:lnTo>
                        <a:pt x="525" y="90"/>
                      </a:lnTo>
                      <a:lnTo>
                        <a:pt x="529" y="86"/>
                      </a:lnTo>
                      <a:lnTo>
                        <a:pt x="529" y="88"/>
                      </a:lnTo>
                      <a:lnTo>
                        <a:pt x="524" y="100"/>
                      </a:lnTo>
                      <a:lnTo>
                        <a:pt x="521" y="117"/>
                      </a:lnTo>
                      <a:lnTo>
                        <a:pt x="518" y="125"/>
                      </a:lnTo>
                      <a:lnTo>
                        <a:pt x="519" y="140"/>
                      </a:lnTo>
                      <a:lnTo>
                        <a:pt x="519" y="144"/>
                      </a:lnTo>
                      <a:lnTo>
                        <a:pt x="522" y="152"/>
                      </a:lnTo>
                      <a:lnTo>
                        <a:pt x="523" y="154"/>
                      </a:lnTo>
                      <a:lnTo>
                        <a:pt x="528" y="156"/>
                      </a:lnTo>
                      <a:lnTo>
                        <a:pt x="532" y="153"/>
                      </a:lnTo>
                      <a:lnTo>
                        <a:pt x="535" y="151"/>
                      </a:lnTo>
                      <a:lnTo>
                        <a:pt x="541" y="137"/>
                      </a:lnTo>
                      <a:lnTo>
                        <a:pt x="541" y="128"/>
                      </a:lnTo>
                      <a:lnTo>
                        <a:pt x="541" y="125"/>
                      </a:lnTo>
                      <a:lnTo>
                        <a:pt x="537" y="117"/>
                      </a:lnTo>
                      <a:lnTo>
                        <a:pt x="539" y="107"/>
                      </a:lnTo>
                      <a:lnTo>
                        <a:pt x="541" y="106"/>
                      </a:lnTo>
                      <a:lnTo>
                        <a:pt x="541" y="97"/>
                      </a:lnTo>
                      <a:lnTo>
                        <a:pt x="543" y="93"/>
                      </a:lnTo>
                      <a:lnTo>
                        <a:pt x="549" y="88"/>
                      </a:lnTo>
                      <a:lnTo>
                        <a:pt x="550" y="94"/>
                      </a:lnTo>
                      <a:lnTo>
                        <a:pt x="552" y="92"/>
                      </a:lnTo>
                      <a:lnTo>
                        <a:pt x="553" y="86"/>
                      </a:lnTo>
                      <a:lnTo>
                        <a:pt x="559" y="83"/>
                      </a:lnTo>
                      <a:lnTo>
                        <a:pt x="558" y="80"/>
                      </a:lnTo>
                      <a:lnTo>
                        <a:pt x="559" y="77"/>
                      </a:lnTo>
                      <a:lnTo>
                        <a:pt x="569" y="79"/>
                      </a:lnTo>
                      <a:lnTo>
                        <a:pt x="580" y="86"/>
                      </a:lnTo>
                      <a:lnTo>
                        <a:pt x="582" y="89"/>
                      </a:lnTo>
                      <a:lnTo>
                        <a:pt x="581" y="91"/>
                      </a:lnTo>
                      <a:lnTo>
                        <a:pt x="583" y="102"/>
                      </a:lnTo>
                      <a:lnTo>
                        <a:pt x="580" y="108"/>
                      </a:lnTo>
                      <a:lnTo>
                        <a:pt x="576" y="111"/>
                      </a:lnTo>
                      <a:lnTo>
                        <a:pt x="574" y="116"/>
                      </a:lnTo>
                      <a:lnTo>
                        <a:pt x="575" y="117"/>
                      </a:lnTo>
                      <a:lnTo>
                        <a:pt x="578" y="117"/>
                      </a:lnTo>
                      <a:lnTo>
                        <a:pt x="582" y="111"/>
                      </a:lnTo>
                      <a:lnTo>
                        <a:pt x="588" y="109"/>
                      </a:lnTo>
                      <a:lnTo>
                        <a:pt x="592" y="114"/>
                      </a:lnTo>
                      <a:lnTo>
                        <a:pt x="594" y="125"/>
                      </a:lnTo>
                      <a:lnTo>
                        <a:pt x="596" y="128"/>
                      </a:lnTo>
                      <a:lnTo>
                        <a:pt x="594" y="137"/>
                      </a:lnTo>
                      <a:lnTo>
                        <a:pt x="589" y="139"/>
                      </a:lnTo>
                      <a:lnTo>
                        <a:pt x="588" y="141"/>
                      </a:lnTo>
                      <a:lnTo>
                        <a:pt x="586" y="146"/>
                      </a:lnTo>
                      <a:lnTo>
                        <a:pt x="585" y="149"/>
                      </a:lnTo>
                      <a:lnTo>
                        <a:pt x="581" y="155"/>
                      </a:lnTo>
                      <a:lnTo>
                        <a:pt x="595" y="159"/>
                      </a:lnTo>
                      <a:lnTo>
                        <a:pt x="604" y="158"/>
                      </a:lnTo>
                      <a:lnTo>
                        <a:pt x="613" y="152"/>
                      </a:lnTo>
                      <a:lnTo>
                        <a:pt x="622" y="149"/>
                      </a:lnTo>
                      <a:lnTo>
                        <a:pt x="632" y="144"/>
                      </a:lnTo>
                      <a:lnTo>
                        <a:pt x="646" y="133"/>
                      </a:lnTo>
                      <a:lnTo>
                        <a:pt x="643" y="125"/>
                      </a:lnTo>
                      <a:lnTo>
                        <a:pt x="656" y="122"/>
                      </a:lnTo>
                      <a:lnTo>
                        <a:pt x="664" y="125"/>
                      </a:lnTo>
                      <a:lnTo>
                        <a:pt x="673" y="124"/>
                      </a:lnTo>
                      <a:lnTo>
                        <a:pt x="684" y="119"/>
                      </a:lnTo>
                      <a:lnTo>
                        <a:pt x="684" y="115"/>
                      </a:lnTo>
                      <a:lnTo>
                        <a:pt x="682" y="112"/>
                      </a:lnTo>
                      <a:lnTo>
                        <a:pt x="685" y="110"/>
                      </a:lnTo>
                      <a:lnTo>
                        <a:pt x="682" y="109"/>
                      </a:lnTo>
                      <a:lnTo>
                        <a:pt x="688" y="104"/>
                      </a:lnTo>
                      <a:lnTo>
                        <a:pt x="691" y="98"/>
                      </a:lnTo>
                      <a:lnTo>
                        <a:pt x="700" y="92"/>
                      </a:lnTo>
                      <a:lnTo>
                        <a:pt x="723" y="92"/>
                      </a:lnTo>
                      <a:lnTo>
                        <a:pt x="735" y="92"/>
                      </a:lnTo>
                      <a:lnTo>
                        <a:pt x="749" y="92"/>
                      </a:lnTo>
                      <a:lnTo>
                        <a:pt x="751" y="86"/>
                      </a:lnTo>
                      <a:lnTo>
                        <a:pt x="755" y="86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38" name="Freeform 256"/>
                <p:cNvSpPr>
                  <a:spLocks/>
                </p:cNvSpPr>
                <p:nvPr/>
              </p:nvSpPr>
              <p:spPr bwMode="auto">
                <a:xfrm>
                  <a:off x="2212" y="1920"/>
                  <a:ext cx="1" cy="4"/>
                </a:xfrm>
                <a:custGeom>
                  <a:avLst/>
                  <a:gdLst>
                    <a:gd name="T0" fmla="*/ 1 w 1"/>
                    <a:gd name="T1" fmla="*/ 0 h 4"/>
                    <a:gd name="T2" fmla="*/ 0 w 1"/>
                    <a:gd name="T3" fmla="*/ 4 h 4"/>
                    <a:gd name="T4" fmla="*/ 1 w 1"/>
                    <a:gd name="T5" fmla="*/ 3 h 4"/>
                    <a:gd name="T6" fmla="*/ 1 w 1"/>
                    <a:gd name="T7" fmla="*/ 0 h 4"/>
                    <a:gd name="T8" fmla="*/ 1 w 1"/>
                    <a:gd name="T9" fmla="*/ 0 h 4"/>
                    <a:gd name="T10" fmla="*/ 0 60000 65536"/>
                    <a:gd name="T11" fmla="*/ 0 60000 65536"/>
                    <a:gd name="T12" fmla="*/ 0 60000 65536"/>
                    <a:gd name="T13" fmla="*/ 0 60000 65536"/>
                    <a:gd name="T14" fmla="*/ 0 60000 65536"/>
                    <a:gd name="T15" fmla="*/ 0 w 1"/>
                    <a:gd name="T16" fmla="*/ 0 h 4"/>
                    <a:gd name="T17" fmla="*/ 1 w 1"/>
                    <a:gd name="T18" fmla="*/ 4 h 4"/>
                  </a:gdLst>
                  <a:ahLst/>
                  <a:cxnLst>
                    <a:cxn ang="T10">
                      <a:pos x="T0" y="T1"/>
                    </a:cxn>
                    <a:cxn ang="T11">
                      <a:pos x="T2" y="T3"/>
                    </a:cxn>
                    <a:cxn ang="T12">
                      <a:pos x="T4" y="T5"/>
                    </a:cxn>
                    <a:cxn ang="T13">
                      <a:pos x="T6" y="T7"/>
                    </a:cxn>
                    <a:cxn ang="T14">
                      <a:pos x="T8" y="T9"/>
                    </a:cxn>
                  </a:cxnLst>
                  <a:rect l="T15" t="T16" r="T17" b="T18"/>
                  <a:pathLst>
                    <a:path w="1" h="4">
                      <a:moveTo>
                        <a:pt x="1" y="0"/>
                      </a:moveTo>
                      <a:lnTo>
                        <a:pt x="0" y="4"/>
                      </a:lnTo>
                      <a:lnTo>
                        <a:pt x="1" y="3"/>
                      </a:lnTo>
                      <a:lnTo>
                        <a:pt x="1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39" name="Freeform 257"/>
                <p:cNvSpPr>
                  <a:spLocks/>
                </p:cNvSpPr>
                <p:nvPr/>
              </p:nvSpPr>
              <p:spPr bwMode="auto">
                <a:xfrm>
                  <a:off x="2186" y="1934"/>
                  <a:ext cx="1" cy="1"/>
                </a:xfrm>
                <a:custGeom>
                  <a:avLst/>
                  <a:gdLst>
                    <a:gd name="T0" fmla="*/ 0 w 1"/>
                    <a:gd name="T1" fmla="*/ 0 h 1"/>
                    <a:gd name="T2" fmla="*/ 1 w 1"/>
                    <a:gd name="T3" fmla="*/ 1 h 1"/>
                    <a:gd name="T4" fmla="*/ 1 w 1"/>
                    <a:gd name="T5" fmla="*/ 0 h 1"/>
                    <a:gd name="T6" fmla="*/ 0 w 1"/>
                    <a:gd name="T7" fmla="*/ 0 h 1"/>
                    <a:gd name="T8" fmla="*/ 0 60000 65536"/>
                    <a:gd name="T9" fmla="*/ 0 60000 65536"/>
                    <a:gd name="T10" fmla="*/ 0 60000 65536"/>
                    <a:gd name="T11" fmla="*/ 0 60000 65536"/>
                    <a:gd name="T12" fmla="*/ 0 w 1"/>
                    <a:gd name="T13" fmla="*/ 0 h 1"/>
                    <a:gd name="T14" fmla="*/ 1 w 1"/>
                    <a:gd name="T15" fmla="*/ 1 h 1"/>
                  </a:gdLst>
                  <a:ahLst/>
                  <a:cxnLst>
                    <a:cxn ang="T8">
                      <a:pos x="T0" y="T1"/>
                    </a:cxn>
                    <a:cxn ang="T9">
                      <a:pos x="T2" y="T3"/>
                    </a:cxn>
                    <a:cxn ang="T10">
                      <a:pos x="T4" y="T5"/>
                    </a:cxn>
                    <a:cxn ang="T11">
                      <a:pos x="T6" y="T7"/>
                    </a:cxn>
                  </a:cxnLst>
                  <a:rect l="T12" t="T13" r="T14" b="T15"/>
                  <a:pathLst>
                    <a:path w="1" h="1">
                      <a:moveTo>
                        <a:pt x="0" y="0"/>
                      </a:moveTo>
                      <a:lnTo>
                        <a:pt x="1" y="1"/>
                      </a:lnTo>
                      <a:lnTo>
                        <a:pt x="1" y="0"/>
                      </a:lnTo>
                      <a:lnTo>
                        <a:pt x="0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40" name="Freeform 258"/>
                <p:cNvSpPr>
                  <a:spLocks/>
                </p:cNvSpPr>
                <p:nvPr/>
              </p:nvSpPr>
              <p:spPr bwMode="auto">
                <a:xfrm>
                  <a:off x="2186" y="1930"/>
                  <a:ext cx="1" cy="2"/>
                </a:xfrm>
                <a:custGeom>
                  <a:avLst/>
                  <a:gdLst>
                    <a:gd name="T0" fmla="*/ 0 w 1"/>
                    <a:gd name="T1" fmla="*/ 2 h 2"/>
                    <a:gd name="T2" fmla="*/ 0 w 1"/>
                    <a:gd name="T3" fmla="*/ 2 h 2"/>
                    <a:gd name="T4" fmla="*/ 1 w 1"/>
                    <a:gd name="T5" fmla="*/ 0 h 2"/>
                    <a:gd name="T6" fmla="*/ 0 w 1"/>
                    <a:gd name="T7" fmla="*/ 2 h 2"/>
                    <a:gd name="T8" fmla="*/ 0 60000 65536"/>
                    <a:gd name="T9" fmla="*/ 0 60000 65536"/>
                    <a:gd name="T10" fmla="*/ 0 60000 65536"/>
                    <a:gd name="T11" fmla="*/ 0 60000 65536"/>
                    <a:gd name="T12" fmla="*/ 0 w 1"/>
                    <a:gd name="T13" fmla="*/ 0 h 2"/>
                    <a:gd name="T14" fmla="*/ 1 w 1"/>
                    <a:gd name="T15" fmla="*/ 2 h 2"/>
                  </a:gdLst>
                  <a:ahLst/>
                  <a:cxnLst>
                    <a:cxn ang="T8">
                      <a:pos x="T0" y="T1"/>
                    </a:cxn>
                    <a:cxn ang="T9">
                      <a:pos x="T2" y="T3"/>
                    </a:cxn>
                    <a:cxn ang="T10">
                      <a:pos x="T4" y="T5"/>
                    </a:cxn>
                    <a:cxn ang="T11">
                      <a:pos x="T6" y="T7"/>
                    </a:cxn>
                  </a:cxnLst>
                  <a:rect l="T12" t="T13" r="T14" b="T15"/>
                  <a:pathLst>
                    <a:path w="1" h="2">
                      <a:moveTo>
                        <a:pt x="0" y="2"/>
                      </a:moveTo>
                      <a:lnTo>
                        <a:pt x="0" y="2"/>
                      </a:lnTo>
                      <a:lnTo>
                        <a:pt x="1" y="0"/>
                      </a:lnTo>
                      <a:lnTo>
                        <a:pt x="0" y="2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41" name="Freeform 259"/>
                <p:cNvSpPr>
                  <a:spLocks/>
                </p:cNvSpPr>
                <p:nvPr/>
              </p:nvSpPr>
              <p:spPr bwMode="auto">
                <a:xfrm>
                  <a:off x="2182" y="1932"/>
                  <a:ext cx="3" cy="2"/>
                </a:xfrm>
                <a:custGeom>
                  <a:avLst/>
                  <a:gdLst>
                    <a:gd name="T0" fmla="*/ 0 w 3"/>
                    <a:gd name="T1" fmla="*/ 1 h 2"/>
                    <a:gd name="T2" fmla="*/ 1 w 3"/>
                    <a:gd name="T3" fmla="*/ 2 h 2"/>
                    <a:gd name="T4" fmla="*/ 3 w 3"/>
                    <a:gd name="T5" fmla="*/ 2 h 2"/>
                    <a:gd name="T6" fmla="*/ 2 w 3"/>
                    <a:gd name="T7" fmla="*/ 0 h 2"/>
                    <a:gd name="T8" fmla="*/ 0 w 3"/>
                    <a:gd name="T9" fmla="*/ 1 h 2"/>
                    <a:gd name="T10" fmla="*/ 0 60000 65536"/>
                    <a:gd name="T11" fmla="*/ 0 60000 65536"/>
                    <a:gd name="T12" fmla="*/ 0 60000 65536"/>
                    <a:gd name="T13" fmla="*/ 0 60000 65536"/>
                    <a:gd name="T14" fmla="*/ 0 60000 65536"/>
                    <a:gd name="T15" fmla="*/ 0 w 3"/>
                    <a:gd name="T16" fmla="*/ 0 h 2"/>
                    <a:gd name="T17" fmla="*/ 3 w 3"/>
                    <a:gd name="T18" fmla="*/ 2 h 2"/>
                  </a:gdLst>
                  <a:ahLst/>
                  <a:cxnLst>
                    <a:cxn ang="T10">
                      <a:pos x="T0" y="T1"/>
                    </a:cxn>
                    <a:cxn ang="T11">
                      <a:pos x="T2" y="T3"/>
                    </a:cxn>
                    <a:cxn ang="T12">
                      <a:pos x="T4" y="T5"/>
                    </a:cxn>
                    <a:cxn ang="T13">
                      <a:pos x="T6" y="T7"/>
                    </a:cxn>
                    <a:cxn ang="T14">
                      <a:pos x="T8" y="T9"/>
                    </a:cxn>
                  </a:cxnLst>
                  <a:rect l="T15" t="T16" r="T17" b="T18"/>
                  <a:pathLst>
                    <a:path w="3" h="2">
                      <a:moveTo>
                        <a:pt x="0" y="1"/>
                      </a:moveTo>
                      <a:lnTo>
                        <a:pt x="1" y="2"/>
                      </a:lnTo>
                      <a:lnTo>
                        <a:pt x="3" y="2"/>
                      </a:lnTo>
                      <a:lnTo>
                        <a:pt x="2" y="0"/>
                      </a:lnTo>
                      <a:lnTo>
                        <a:pt x="0" y="1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42" name="Freeform 260"/>
                <p:cNvSpPr>
                  <a:spLocks/>
                </p:cNvSpPr>
                <p:nvPr/>
              </p:nvSpPr>
              <p:spPr bwMode="auto">
                <a:xfrm>
                  <a:off x="2164" y="1985"/>
                  <a:ext cx="4" cy="3"/>
                </a:xfrm>
                <a:custGeom>
                  <a:avLst/>
                  <a:gdLst>
                    <a:gd name="T0" fmla="*/ 0 w 4"/>
                    <a:gd name="T1" fmla="*/ 2 h 3"/>
                    <a:gd name="T2" fmla="*/ 4 w 4"/>
                    <a:gd name="T3" fmla="*/ 3 h 3"/>
                    <a:gd name="T4" fmla="*/ 4 w 4"/>
                    <a:gd name="T5" fmla="*/ 2 h 3"/>
                    <a:gd name="T6" fmla="*/ 3 w 4"/>
                    <a:gd name="T7" fmla="*/ 0 h 3"/>
                    <a:gd name="T8" fmla="*/ 2 w 4"/>
                    <a:gd name="T9" fmla="*/ 2 h 3"/>
                    <a:gd name="T10" fmla="*/ 0 w 4"/>
                    <a:gd name="T11" fmla="*/ 2 h 3"/>
                    <a:gd name="T12" fmla="*/ 0 60000 65536"/>
                    <a:gd name="T13" fmla="*/ 0 60000 65536"/>
                    <a:gd name="T14" fmla="*/ 0 60000 65536"/>
                    <a:gd name="T15" fmla="*/ 0 60000 65536"/>
                    <a:gd name="T16" fmla="*/ 0 60000 65536"/>
                    <a:gd name="T17" fmla="*/ 0 60000 65536"/>
                    <a:gd name="T18" fmla="*/ 0 w 4"/>
                    <a:gd name="T19" fmla="*/ 0 h 3"/>
                    <a:gd name="T20" fmla="*/ 4 w 4"/>
                    <a:gd name="T21" fmla="*/ 3 h 3"/>
                  </a:gdLst>
                  <a:ahLst/>
                  <a:cxnLst>
                    <a:cxn ang="T12">
                      <a:pos x="T0" y="T1"/>
                    </a:cxn>
                    <a:cxn ang="T13">
                      <a:pos x="T2" y="T3"/>
                    </a:cxn>
                    <a:cxn ang="T14">
                      <a:pos x="T4" y="T5"/>
                    </a:cxn>
                    <a:cxn ang="T15">
                      <a:pos x="T6" y="T7"/>
                    </a:cxn>
                    <a:cxn ang="T16">
                      <a:pos x="T8" y="T9"/>
                    </a:cxn>
                    <a:cxn ang="T17">
                      <a:pos x="T10" y="T11"/>
                    </a:cxn>
                  </a:cxnLst>
                  <a:rect l="T18" t="T19" r="T20" b="T21"/>
                  <a:pathLst>
                    <a:path w="4" h="3">
                      <a:moveTo>
                        <a:pt x="0" y="2"/>
                      </a:moveTo>
                      <a:lnTo>
                        <a:pt x="4" y="3"/>
                      </a:lnTo>
                      <a:lnTo>
                        <a:pt x="4" y="2"/>
                      </a:lnTo>
                      <a:lnTo>
                        <a:pt x="3" y="0"/>
                      </a:lnTo>
                      <a:lnTo>
                        <a:pt x="2" y="2"/>
                      </a:lnTo>
                      <a:lnTo>
                        <a:pt x="0" y="2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43" name="Freeform 261"/>
                <p:cNvSpPr>
                  <a:spLocks/>
                </p:cNvSpPr>
                <p:nvPr/>
              </p:nvSpPr>
              <p:spPr bwMode="auto">
                <a:xfrm>
                  <a:off x="2155" y="1984"/>
                  <a:ext cx="6" cy="2"/>
                </a:xfrm>
                <a:custGeom>
                  <a:avLst/>
                  <a:gdLst>
                    <a:gd name="T0" fmla="*/ 0 w 6"/>
                    <a:gd name="T1" fmla="*/ 2 h 2"/>
                    <a:gd name="T2" fmla="*/ 6 w 6"/>
                    <a:gd name="T3" fmla="*/ 2 h 2"/>
                    <a:gd name="T4" fmla="*/ 6 w 6"/>
                    <a:gd name="T5" fmla="*/ 1 h 2"/>
                    <a:gd name="T6" fmla="*/ 4 w 6"/>
                    <a:gd name="T7" fmla="*/ 0 h 2"/>
                    <a:gd name="T8" fmla="*/ 0 w 6"/>
                    <a:gd name="T9" fmla="*/ 2 h 2"/>
                    <a:gd name="T10" fmla="*/ 0 60000 65536"/>
                    <a:gd name="T11" fmla="*/ 0 60000 65536"/>
                    <a:gd name="T12" fmla="*/ 0 60000 65536"/>
                    <a:gd name="T13" fmla="*/ 0 60000 65536"/>
                    <a:gd name="T14" fmla="*/ 0 60000 65536"/>
                    <a:gd name="T15" fmla="*/ 0 w 6"/>
                    <a:gd name="T16" fmla="*/ 0 h 2"/>
                    <a:gd name="T17" fmla="*/ 6 w 6"/>
                    <a:gd name="T18" fmla="*/ 2 h 2"/>
                  </a:gdLst>
                  <a:ahLst/>
                  <a:cxnLst>
                    <a:cxn ang="T10">
                      <a:pos x="T0" y="T1"/>
                    </a:cxn>
                    <a:cxn ang="T11">
                      <a:pos x="T2" y="T3"/>
                    </a:cxn>
                    <a:cxn ang="T12">
                      <a:pos x="T4" y="T5"/>
                    </a:cxn>
                    <a:cxn ang="T13">
                      <a:pos x="T6" y="T7"/>
                    </a:cxn>
                    <a:cxn ang="T14">
                      <a:pos x="T8" y="T9"/>
                    </a:cxn>
                  </a:cxnLst>
                  <a:rect l="T15" t="T16" r="T17" b="T18"/>
                  <a:pathLst>
                    <a:path w="6" h="2">
                      <a:moveTo>
                        <a:pt x="0" y="2"/>
                      </a:moveTo>
                      <a:lnTo>
                        <a:pt x="6" y="2"/>
                      </a:lnTo>
                      <a:lnTo>
                        <a:pt x="6" y="1"/>
                      </a:lnTo>
                      <a:lnTo>
                        <a:pt x="4" y="0"/>
                      </a:lnTo>
                      <a:lnTo>
                        <a:pt x="0" y="2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44" name="Freeform 262"/>
                <p:cNvSpPr>
                  <a:spLocks/>
                </p:cNvSpPr>
                <p:nvPr/>
              </p:nvSpPr>
              <p:spPr bwMode="auto">
                <a:xfrm>
                  <a:off x="2112" y="1989"/>
                  <a:ext cx="29" cy="11"/>
                </a:xfrm>
                <a:custGeom>
                  <a:avLst/>
                  <a:gdLst>
                    <a:gd name="T0" fmla="*/ 25 w 29"/>
                    <a:gd name="T1" fmla="*/ 1 h 11"/>
                    <a:gd name="T2" fmla="*/ 25 w 29"/>
                    <a:gd name="T3" fmla="*/ 0 h 11"/>
                    <a:gd name="T4" fmla="*/ 19 w 29"/>
                    <a:gd name="T5" fmla="*/ 4 h 11"/>
                    <a:gd name="T6" fmla="*/ 4 w 29"/>
                    <a:gd name="T7" fmla="*/ 7 h 11"/>
                    <a:gd name="T8" fmla="*/ 0 w 29"/>
                    <a:gd name="T9" fmla="*/ 9 h 11"/>
                    <a:gd name="T10" fmla="*/ 0 w 29"/>
                    <a:gd name="T11" fmla="*/ 11 h 11"/>
                    <a:gd name="T12" fmla="*/ 3 w 29"/>
                    <a:gd name="T13" fmla="*/ 11 h 11"/>
                    <a:gd name="T14" fmla="*/ 25 w 29"/>
                    <a:gd name="T15" fmla="*/ 4 h 11"/>
                    <a:gd name="T16" fmla="*/ 29 w 29"/>
                    <a:gd name="T17" fmla="*/ 3 h 11"/>
                    <a:gd name="T18" fmla="*/ 29 w 29"/>
                    <a:gd name="T19" fmla="*/ 2 h 11"/>
                    <a:gd name="T20" fmla="*/ 26 w 29"/>
                    <a:gd name="T21" fmla="*/ 3 h 11"/>
                    <a:gd name="T22" fmla="*/ 22 w 29"/>
                    <a:gd name="T23" fmla="*/ 4 h 11"/>
                    <a:gd name="T24" fmla="*/ 25 w 29"/>
                    <a:gd name="T25" fmla="*/ 1 h 11"/>
                    <a:gd name="T26" fmla="*/ 0 60000 65536"/>
                    <a:gd name="T27" fmla="*/ 0 60000 65536"/>
                    <a:gd name="T28" fmla="*/ 0 60000 65536"/>
                    <a:gd name="T29" fmla="*/ 0 60000 65536"/>
                    <a:gd name="T30" fmla="*/ 0 60000 65536"/>
                    <a:gd name="T31" fmla="*/ 0 60000 65536"/>
                    <a:gd name="T32" fmla="*/ 0 60000 65536"/>
                    <a:gd name="T33" fmla="*/ 0 60000 65536"/>
                    <a:gd name="T34" fmla="*/ 0 60000 65536"/>
                    <a:gd name="T35" fmla="*/ 0 60000 65536"/>
                    <a:gd name="T36" fmla="*/ 0 60000 65536"/>
                    <a:gd name="T37" fmla="*/ 0 60000 65536"/>
                    <a:gd name="T38" fmla="*/ 0 60000 65536"/>
                    <a:gd name="T39" fmla="*/ 0 w 29"/>
                    <a:gd name="T40" fmla="*/ 0 h 11"/>
                    <a:gd name="T41" fmla="*/ 29 w 29"/>
                    <a:gd name="T42" fmla="*/ 11 h 11"/>
                  </a:gdLst>
                  <a:ahLst/>
                  <a:cxnLst>
                    <a:cxn ang="T26">
                      <a:pos x="T0" y="T1"/>
                    </a:cxn>
                    <a:cxn ang="T27">
                      <a:pos x="T2" y="T3"/>
                    </a:cxn>
                    <a:cxn ang="T28">
                      <a:pos x="T4" y="T5"/>
                    </a:cxn>
                    <a:cxn ang="T29">
                      <a:pos x="T6" y="T7"/>
                    </a:cxn>
                    <a:cxn ang="T30">
                      <a:pos x="T8" y="T9"/>
                    </a:cxn>
                    <a:cxn ang="T31">
                      <a:pos x="T10" y="T11"/>
                    </a:cxn>
                    <a:cxn ang="T32">
                      <a:pos x="T12" y="T13"/>
                    </a:cxn>
                    <a:cxn ang="T33">
                      <a:pos x="T14" y="T15"/>
                    </a:cxn>
                    <a:cxn ang="T34">
                      <a:pos x="T16" y="T17"/>
                    </a:cxn>
                    <a:cxn ang="T35">
                      <a:pos x="T18" y="T19"/>
                    </a:cxn>
                    <a:cxn ang="T36">
                      <a:pos x="T20" y="T21"/>
                    </a:cxn>
                    <a:cxn ang="T37">
                      <a:pos x="T22" y="T23"/>
                    </a:cxn>
                    <a:cxn ang="T38">
                      <a:pos x="T24" y="T25"/>
                    </a:cxn>
                  </a:cxnLst>
                  <a:rect l="T39" t="T40" r="T41" b="T42"/>
                  <a:pathLst>
                    <a:path w="29" h="11">
                      <a:moveTo>
                        <a:pt x="25" y="1"/>
                      </a:moveTo>
                      <a:lnTo>
                        <a:pt x="25" y="0"/>
                      </a:lnTo>
                      <a:lnTo>
                        <a:pt x="19" y="4"/>
                      </a:lnTo>
                      <a:lnTo>
                        <a:pt x="4" y="7"/>
                      </a:lnTo>
                      <a:lnTo>
                        <a:pt x="0" y="9"/>
                      </a:lnTo>
                      <a:lnTo>
                        <a:pt x="0" y="11"/>
                      </a:lnTo>
                      <a:lnTo>
                        <a:pt x="3" y="11"/>
                      </a:lnTo>
                      <a:lnTo>
                        <a:pt x="25" y="4"/>
                      </a:lnTo>
                      <a:lnTo>
                        <a:pt x="29" y="3"/>
                      </a:lnTo>
                      <a:lnTo>
                        <a:pt x="29" y="2"/>
                      </a:lnTo>
                      <a:lnTo>
                        <a:pt x="26" y="3"/>
                      </a:lnTo>
                      <a:lnTo>
                        <a:pt x="22" y="4"/>
                      </a:lnTo>
                      <a:lnTo>
                        <a:pt x="25" y="1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45" name="Freeform 263"/>
                <p:cNvSpPr>
                  <a:spLocks/>
                </p:cNvSpPr>
                <p:nvPr/>
              </p:nvSpPr>
              <p:spPr bwMode="auto">
                <a:xfrm>
                  <a:off x="2018" y="2261"/>
                  <a:ext cx="3" cy="3"/>
                </a:xfrm>
                <a:custGeom>
                  <a:avLst/>
                  <a:gdLst>
                    <a:gd name="T0" fmla="*/ 3 w 3"/>
                    <a:gd name="T1" fmla="*/ 0 h 3"/>
                    <a:gd name="T2" fmla="*/ 0 w 3"/>
                    <a:gd name="T3" fmla="*/ 3 h 3"/>
                    <a:gd name="T4" fmla="*/ 3 w 3"/>
                    <a:gd name="T5" fmla="*/ 0 h 3"/>
                    <a:gd name="T6" fmla="*/ 0 60000 65536"/>
                    <a:gd name="T7" fmla="*/ 0 60000 65536"/>
                    <a:gd name="T8" fmla="*/ 0 60000 65536"/>
                    <a:gd name="T9" fmla="*/ 0 w 3"/>
                    <a:gd name="T10" fmla="*/ 0 h 3"/>
                    <a:gd name="T11" fmla="*/ 3 w 3"/>
                    <a:gd name="T12" fmla="*/ 3 h 3"/>
                  </a:gdLst>
                  <a:ahLst/>
                  <a:cxnLst>
                    <a:cxn ang="T6">
                      <a:pos x="T0" y="T1"/>
                    </a:cxn>
                    <a:cxn ang="T7">
                      <a:pos x="T2" y="T3"/>
                    </a:cxn>
                    <a:cxn ang="T8">
                      <a:pos x="T4" y="T5"/>
                    </a:cxn>
                  </a:cxnLst>
                  <a:rect l="T9" t="T10" r="T11" b="T12"/>
                  <a:pathLst>
                    <a:path w="3" h="3">
                      <a:moveTo>
                        <a:pt x="3" y="0"/>
                      </a:moveTo>
                      <a:lnTo>
                        <a:pt x="0" y="3"/>
                      </a:lnTo>
                      <a:lnTo>
                        <a:pt x="3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46" name="Freeform 264"/>
                <p:cNvSpPr>
                  <a:spLocks/>
                </p:cNvSpPr>
                <p:nvPr/>
              </p:nvSpPr>
              <p:spPr bwMode="auto">
                <a:xfrm>
                  <a:off x="2014" y="2265"/>
                  <a:ext cx="3" cy="2"/>
                </a:xfrm>
                <a:custGeom>
                  <a:avLst/>
                  <a:gdLst>
                    <a:gd name="T0" fmla="*/ 3 w 3"/>
                    <a:gd name="T1" fmla="*/ 0 h 2"/>
                    <a:gd name="T2" fmla="*/ 0 w 3"/>
                    <a:gd name="T3" fmla="*/ 2 h 2"/>
                    <a:gd name="T4" fmla="*/ 3 w 3"/>
                    <a:gd name="T5" fmla="*/ 0 h 2"/>
                    <a:gd name="T6" fmla="*/ 0 60000 65536"/>
                    <a:gd name="T7" fmla="*/ 0 60000 65536"/>
                    <a:gd name="T8" fmla="*/ 0 60000 65536"/>
                    <a:gd name="T9" fmla="*/ 0 w 3"/>
                    <a:gd name="T10" fmla="*/ 0 h 2"/>
                    <a:gd name="T11" fmla="*/ 3 w 3"/>
                    <a:gd name="T12" fmla="*/ 2 h 2"/>
                  </a:gdLst>
                  <a:ahLst/>
                  <a:cxnLst>
                    <a:cxn ang="T6">
                      <a:pos x="T0" y="T1"/>
                    </a:cxn>
                    <a:cxn ang="T7">
                      <a:pos x="T2" y="T3"/>
                    </a:cxn>
                    <a:cxn ang="T8">
                      <a:pos x="T4" y="T5"/>
                    </a:cxn>
                  </a:cxnLst>
                  <a:rect l="T9" t="T10" r="T11" b="T12"/>
                  <a:pathLst>
                    <a:path w="3" h="2">
                      <a:moveTo>
                        <a:pt x="3" y="0"/>
                      </a:moveTo>
                      <a:lnTo>
                        <a:pt x="0" y="2"/>
                      </a:lnTo>
                      <a:lnTo>
                        <a:pt x="3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47" name="Freeform 265"/>
                <p:cNvSpPr>
                  <a:spLocks/>
                </p:cNvSpPr>
                <p:nvPr/>
              </p:nvSpPr>
              <p:spPr bwMode="auto">
                <a:xfrm>
                  <a:off x="2000" y="2267"/>
                  <a:ext cx="7" cy="3"/>
                </a:xfrm>
                <a:custGeom>
                  <a:avLst/>
                  <a:gdLst>
                    <a:gd name="T0" fmla="*/ 7 w 7"/>
                    <a:gd name="T1" fmla="*/ 2 h 3"/>
                    <a:gd name="T2" fmla="*/ 0 w 7"/>
                    <a:gd name="T3" fmla="*/ 3 h 3"/>
                    <a:gd name="T4" fmla="*/ 6 w 7"/>
                    <a:gd name="T5" fmla="*/ 0 h 3"/>
                    <a:gd name="T6" fmla="*/ 7 w 7"/>
                    <a:gd name="T7" fmla="*/ 0 h 3"/>
                    <a:gd name="T8" fmla="*/ 7 w 7"/>
                    <a:gd name="T9" fmla="*/ 2 h 3"/>
                    <a:gd name="T10" fmla="*/ 0 60000 65536"/>
                    <a:gd name="T11" fmla="*/ 0 60000 65536"/>
                    <a:gd name="T12" fmla="*/ 0 60000 65536"/>
                    <a:gd name="T13" fmla="*/ 0 60000 65536"/>
                    <a:gd name="T14" fmla="*/ 0 60000 65536"/>
                    <a:gd name="T15" fmla="*/ 0 w 7"/>
                    <a:gd name="T16" fmla="*/ 0 h 3"/>
                    <a:gd name="T17" fmla="*/ 7 w 7"/>
                    <a:gd name="T18" fmla="*/ 3 h 3"/>
                  </a:gdLst>
                  <a:ahLst/>
                  <a:cxnLst>
                    <a:cxn ang="T10">
                      <a:pos x="T0" y="T1"/>
                    </a:cxn>
                    <a:cxn ang="T11">
                      <a:pos x="T2" y="T3"/>
                    </a:cxn>
                    <a:cxn ang="T12">
                      <a:pos x="T4" y="T5"/>
                    </a:cxn>
                    <a:cxn ang="T13">
                      <a:pos x="T6" y="T7"/>
                    </a:cxn>
                    <a:cxn ang="T14">
                      <a:pos x="T8" y="T9"/>
                    </a:cxn>
                  </a:cxnLst>
                  <a:rect l="T15" t="T16" r="T17" b="T18"/>
                  <a:pathLst>
                    <a:path w="7" h="3">
                      <a:moveTo>
                        <a:pt x="7" y="2"/>
                      </a:moveTo>
                      <a:lnTo>
                        <a:pt x="0" y="3"/>
                      </a:lnTo>
                      <a:lnTo>
                        <a:pt x="6" y="0"/>
                      </a:lnTo>
                      <a:lnTo>
                        <a:pt x="7" y="0"/>
                      </a:lnTo>
                      <a:lnTo>
                        <a:pt x="7" y="2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48" name="Freeform 266"/>
                <p:cNvSpPr>
                  <a:spLocks/>
                </p:cNvSpPr>
                <p:nvPr/>
              </p:nvSpPr>
              <p:spPr bwMode="auto">
                <a:xfrm>
                  <a:off x="1786" y="2211"/>
                  <a:ext cx="8" cy="9"/>
                </a:xfrm>
                <a:custGeom>
                  <a:avLst/>
                  <a:gdLst>
                    <a:gd name="T0" fmla="*/ 2 w 8"/>
                    <a:gd name="T1" fmla="*/ 5 h 9"/>
                    <a:gd name="T2" fmla="*/ 8 w 8"/>
                    <a:gd name="T3" fmla="*/ 0 h 9"/>
                    <a:gd name="T4" fmla="*/ 1 w 8"/>
                    <a:gd name="T5" fmla="*/ 9 h 9"/>
                    <a:gd name="T6" fmla="*/ 0 w 8"/>
                    <a:gd name="T7" fmla="*/ 9 h 9"/>
                    <a:gd name="T8" fmla="*/ 2 w 8"/>
                    <a:gd name="T9" fmla="*/ 5 h 9"/>
                    <a:gd name="T10" fmla="*/ 0 60000 65536"/>
                    <a:gd name="T11" fmla="*/ 0 60000 65536"/>
                    <a:gd name="T12" fmla="*/ 0 60000 65536"/>
                    <a:gd name="T13" fmla="*/ 0 60000 65536"/>
                    <a:gd name="T14" fmla="*/ 0 60000 65536"/>
                    <a:gd name="T15" fmla="*/ 0 w 8"/>
                    <a:gd name="T16" fmla="*/ 0 h 9"/>
                    <a:gd name="T17" fmla="*/ 8 w 8"/>
                    <a:gd name="T18" fmla="*/ 9 h 9"/>
                  </a:gdLst>
                  <a:ahLst/>
                  <a:cxnLst>
                    <a:cxn ang="T10">
                      <a:pos x="T0" y="T1"/>
                    </a:cxn>
                    <a:cxn ang="T11">
                      <a:pos x="T2" y="T3"/>
                    </a:cxn>
                    <a:cxn ang="T12">
                      <a:pos x="T4" y="T5"/>
                    </a:cxn>
                    <a:cxn ang="T13">
                      <a:pos x="T6" y="T7"/>
                    </a:cxn>
                    <a:cxn ang="T14">
                      <a:pos x="T8" y="T9"/>
                    </a:cxn>
                  </a:cxnLst>
                  <a:rect l="T15" t="T16" r="T17" b="T18"/>
                  <a:pathLst>
                    <a:path w="8" h="9">
                      <a:moveTo>
                        <a:pt x="2" y="5"/>
                      </a:moveTo>
                      <a:lnTo>
                        <a:pt x="8" y="0"/>
                      </a:lnTo>
                      <a:lnTo>
                        <a:pt x="1" y="9"/>
                      </a:lnTo>
                      <a:lnTo>
                        <a:pt x="0" y="9"/>
                      </a:lnTo>
                      <a:lnTo>
                        <a:pt x="2" y="5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49" name="Freeform 267"/>
                <p:cNvSpPr>
                  <a:spLocks/>
                </p:cNvSpPr>
                <p:nvPr/>
              </p:nvSpPr>
              <p:spPr bwMode="auto">
                <a:xfrm>
                  <a:off x="1483" y="2134"/>
                  <a:ext cx="4" cy="4"/>
                </a:xfrm>
                <a:custGeom>
                  <a:avLst/>
                  <a:gdLst>
                    <a:gd name="T0" fmla="*/ 0 w 4"/>
                    <a:gd name="T1" fmla="*/ 0 h 4"/>
                    <a:gd name="T2" fmla="*/ 4 w 4"/>
                    <a:gd name="T3" fmla="*/ 4 h 4"/>
                    <a:gd name="T4" fmla="*/ 3 w 4"/>
                    <a:gd name="T5" fmla="*/ 4 h 4"/>
                    <a:gd name="T6" fmla="*/ 0 w 4"/>
                    <a:gd name="T7" fmla="*/ 0 h 4"/>
                    <a:gd name="T8" fmla="*/ 0 60000 65536"/>
                    <a:gd name="T9" fmla="*/ 0 60000 65536"/>
                    <a:gd name="T10" fmla="*/ 0 60000 65536"/>
                    <a:gd name="T11" fmla="*/ 0 60000 65536"/>
                    <a:gd name="T12" fmla="*/ 0 w 4"/>
                    <a:gd name="T13" fmla="*/ 0 h 4"/>
                    <a:gd name="T14" fmla="*/ 4 w 4"/>
                    <a:gd name="T15" fmla="*/ 4 h 4"/>
                  </a:gdLst>
                  <a:ahLst/>
                  <a:cxnLst>
                    <a:cxn ang="T8">
                      <a:pos x="T0" y="T1"/>
                    </a:cxn>
                    <a:cxn ang="T9">
                      <a:pos x="T2" y="T3"/>
                    </a:cxn>
                    <a:cxn ang="T10">
                      <a:pos x="T4" y="T5"/>
                    </a:cxn>
                    <a:cxn ang="T11">
                      <a:pos x="T6" y="T7"/>
                    </a:cxn>
                  </a:cxnLst>
                  <a:rect l="T12" t="T13" r="T14" b="T15"/>
                  <a:pathLst>
                    <a:path w="4" h="4">
                      <a:moveTo>
                        <a:pt x="0" y="0"/>
                      </a:moveTo>
                      <a:lnTo>
                        <a:pt x="4" y="4"/>
                      </a:lnTo>
                      <a:lnTo>
                        <a:pt x="3" y="4"/>
                      </a:lnTo>
                      <a:lnTo>
                        <a:pt x="0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50" name="Freeform 268"/>
                <p:cNvSpPr>
                  <a:spLocks/>
                </p:cNvSpPr>
                <p:nvPr/>
              </p:nvSpPr>
              <p:spPr bwMode="auto">
                <a:xfrm>
                  <a:off x="1460" y="2117"/>
                  <a:ext cx="4" cy="2"/>
                </a:xfrm>
                <a:custGeom>
                  <a:avLst/>
                  <a:gdLst>
                    <a:gd name="T0" fmla="*/ 0 w 4"/>
                    <a:gd name="T1" fmla="*/ 1 h 2"/>
                    <a:gd name="T2" fmla="*/ 2 w 4"/>
                    <a:gd name="T3" fmla="*/ 0 h 2"/>
                    <a:gd name="T4" fmla="*/ 4 w 4"/>
                    <a:gd name="T5" fmla="*/ 2 h 2"/>
                    <a:gd name="T6" fmla="*/ 0 w 4"/>
                    <a:gd name="T7" fmla="*/ 1 h 2"/>
                    <a:gd name="T8" fmla="*/ 0 60000 65536"/>
                    <a:gd name="T9" fmla="*/ 0 60000 65536"/>
                    <a:gd name="T10" fmla="*/ 0 60000 65536"/>
                    <a:gd name="T11" fmla="*/ 0 60000 65536"/>
                    <a:gd name="T12" fmla="*/ 0 w 4"/>
                    <a:gd name="T13" fmla="*/ 0 h 2"/>
                    <a:gd name="T14" fmla="*/ 4 w 4"/>
                    <a:gd name="T15" fmla="*/ 2 h 2"/>
                  </a:gdLst>
                  <a:ahLst/>
                  <a:cxnLst>
                    <a:cxn ang="T8">
                      <a:pos x="T0" y="T1"/>
                    </a:cxn>
                    <a:cxn ang="T9">
                      <a:pos x="T2" y="T3"/>
                    </a:cxn>
                    <a:cxn ang="T10">
                      <a:pos x="T4" y="T5"/>
                    </a:cxn>
                    <a:cxn ang="T11">
                      <a:pos x="T6" y="T7"/>
                    </a:cxn>
                  </a:cxnLst>
                  <a:rect l="T12" t="T13" r="T14" b="T15"/>
                  <a:pathLst>
                    <a:path w="4" h="2">
                      <a:moveTo>
                        <a:pt x="0" y="1"/>
                      </a:moveTo>
                      <a:lnTo>
                        <a:pt x="2" y="0"/>
                      </a:lnTo>
                      <a:lnTo>
                        <a:pt x="4" y="2"/>
                      </a:lnTo>
                      <a:lnTo>
                        <a:pt x="0" y="1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  <p:sp>
              <p:nvSpPr>
                <p:cNvPr id="951" name="Freeform 269"/>
                <p:cNvSpPr>
                  <a:spLocks/>
                </p:cNvSpPr>
                <p:nvPr/>
              </p:nvSpPr>
              <p:spPr bwMode="auto">
                <a:xfrm>
                  <a:off x="1465" y="2116"/>
                  <a:ext cx="5" cy="3"/>
                </a:xfrm>
                <a:custGeom>
                  <a:avLst/>
                  <a:gdLst>
                    <a:gd name="T0" fmla="*/ 0 w 5"/>
                    <a:gd name="T1" fmla="*/ 0 h 3"/>
                    <a:gd name="T2" fmla="*/ 5 w 5"/>
                    <a:gd name="T3" fmla="*/ 2 h 3"/>
                    <a:gd name="T4" fmla="*/ 2 w 5"/>
                    <a:gd name="T5" fmla="*/ 3 h 3"/>
                    <a:gd name="T6" fmla="*/ 0 w 5"/>
                    <a:gd name="T7" fmla="*/ 0 h 3"/>
                    <a:gd name="T8" fmla="*/ 0 60000 65536"/>
                    <a:gd name="T9" fmla="*/ 0 60000 65536"/>
                    <a:gd name="T10" fmla="*/ 0 60000 65536"/>
                    <a:gd name="T11" fmla="*/ 0 60000 65536"/>
                    <a:gd name="T12" fmla="*/ 0 w 5"/>
                    <a:gd name="T13" fmla="*/ 0 h 3"/>
                    <a:gd name="T14" fmla="*/ 5 w 5"/>
                    <a:gd name="T15" fmla="*/ 3 h 3"/>
                  </a:gdLst>
                  <a:ahLst/>
                  <a:cxnLst>
                    <a:cxn ang="T8">
                      <a:pos x="T0" y="T1"/>
                    </a:cxn>
                    <a:cxn ang="T9">
                      <a:pos x="T2" y="T3"/>
                    </a:cxn>
                    <a:cxn ang="T10">
                      <a:pos x="T4" y="T5"/>
                    </a:cxn>
                    <a:cxn ang="T11">
                      <a:pos x="T6" y="T7"/>
                    </a:cxn>
                  </a:cxnLst>
                  <a:rect l="T12" t="T13" r="T14" b="T15"/>
                  <a:pathLst>
                    <a:path w="5" h="3">
                      <a:moveTo>
                        <a:pt x="0" y="0"/>
                      </a:moveTo>
                      <a:lnTo>
                        <a:pt x="5" y="2"/>
                      </a:lnTo>
                      <a:lnTo>
                        <a:pt x="2" y="3"/>
                      </a:lnTo>
                      <a:lnTo>
                        <a:pt x="0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pPr eaLnBrk="1" hangingPunct="1"/>
                  <a:endParaRPr lang="en-US" dirty="0">
                    <a:solidFill>
                      <a:prstClr val="black"/>
                    </a:solidFill>
                    <a:ea typeface="ＭＳ Ｐゴシック" pitchFamily="34" charset="-128"/>
                  </a:endParaRPr>
                </a:p>
              </p:txBody>
            </p:sp>
          </p:grpSp>
          <p:sp>
            <p:nvSpPr>
              <p:cNvPr id="933" name="Freeform 270"/>
              <p:cNvSpPr>
                <a:spLocks noChangeAspect="1" noEditPoints="1"/>
              </p:cNvSpPr>
              <p:nvPr/>
            </p:nvSpPr>
            <p:spPr bwMode="gray">
              <a:xfrm>
                <a:off x="903" y="2312"/>
                <a:ext cx="70" cy="50"/>
              </a:xfrm>
              <a:custGeom>
                <a:avLst/>
                <a:gdLst>
                  <a:gd name="T0" fmla="*/ 0 w 227"/>
                  <a:gd name="T1" fmla="*/ 0 h 163"/>
                  <a:gd name="T2" fmla="*/ 1 w 227"/>
                  <a:gd name="T3" fmla="*/ 0 h 163"/>
                  <a:gd name="T4" fmla="*/ 1 w 227"/>
                  <a:gd name="T5" fmla="*/ 0 h 163"/>
                  <a:gd name="T6" fmla="*/ 0 w 227"/>
                  <a:gd name="T7" fmla="*/ 1 h 163"/>
                  <a:gd name="T8" fmla="*/ 0 w 227"/>
                  <a:gd name="T9" fmla="*/ 0 h 163"/>
                  <a:gd name="T10" fmla="*/ 0 w 227"/>
                  <a:gd name="T11" fmla="*/ 0 h 163"/>
                  <a:gd name="T12" fmla="*/ 4 w 227"/>
                  <a:gd name="T13" fmla="*/ 2 h 163"/>
                  <a:gd name="T14" fmla="*/ 4 w 227"/>
                  <a:gd name="T15" fmla="*/ 2 h 163"/>
                  <a:gd name="T16" fmla="*/ 4 w 227"/>
                  <a:gd name="T17" fmla="*/ 2 h 163"/>
                  <a:gd name="T18" fmla="*/ 4 w 227"/>
                  <a:gd name="T19" fmla="*/ 2 h 163"/>
                  <a:gd name="T20" fmla="*/ 5 w 227"/>
                  <a:gd name="T21" fmla="*/ 3 h 163"/>
                  <a:gd name="T22" fmla="*/ 6 w 227"/>
                  <a:gd name="T23" fmla="*/ 3 h 163"/>
                  <a:gd name="T24" fmla="*/ 7 w 227"/>
                  <a:gd name="T25" fmla="*/ 4 h 163"/>
                  <a:gd name="T26" fmla="*/ 7 w 227"/>
                  <a:gd name="T27" fmla="*/ 4 h 163"/>
                  <a:gd name="T28" fmla="*/ 6 w 227"/>
                  <a:gd name="T29" fmla="*/ 4 h 163"/>
                  <a:gd name="T30" fmla="*/ 6 w 227"/>
                  <a:gd name="T31" fmla="*/ 5 h 163"/>
                  <a:gd name="T32" fmla="*/ 6 w 227"/>
                  <a:gd name="T33" fmla="*/ 5 h 163"/>
                  <a:gd name="T34" fmla="*/ 5 w 227"/>
                  <a:gd name="T35" fmla="*/ 4 h 163"/>
                  <a:gd name="T36" fmla="*/ 5 w 227"/>
                  <a:gd name="T37" fmla="*/ 3 h 163"/>
                  <a:gd name="T38" fmla="*/ 5 w 227"/>
                  <a:gd name="T39" fmla="*/ 2 h 163"/>
                  <a:gd name="T40" fmla="*/ 5 w 227"/>
                  <a:gd name="T41" fmla="*/ 2 h 163"/>
                  <a:gd name="T42" fmla="*/ 5 w 227"/>
                  <a:gd name="T43" fmla="*/ 2 h 163"/>
                  <a:gd name="T44" fmla="*/ 5 w 227"/>
                  <a:gd name="T45" fmla="*/ 2 h 163"/>
                  <a:gd name="T46" fmla="*/ 4 w 227"/>
                  <a:gd name="T47" fmla="*/ 2 h 163"/>
                  <a:gd name="T48" fmla="*/ 5 w 227"/>
                  <a:gd name="T49" fmla="*/ 2 h 163"/>
                  <a:gd name="T50" fmla="*/ 3 w 227"/>
                  <a:gd name="T51" fmla="*/ 2 h 163"/>
                  <a:gd name="T52" fmla="*/ 3 w 227"/>
                  <a:gd name="T53" fmla="*/ 2 h 163"/>
                  <a:gd name="T54" fmla="*/ 4 w 227"/>
                  <a:gd name="T55" fmla="*/ 2 h 163"/>
                  <a:gd name="T56" fmla="*/ 4 w 227"/>
                  <a:gd name="T57" fmla="*/ 2 h 163"/>
                  <a:gd name="T58" fmla="*/ 3 w 227"/>
                  <a:gd name="T59" fmla="*/ 2 h 163"/>
                  <a:gd name="T60" fmla="*/ 3 w 227"/>
                  <a:gd name="T61" fmla="*/ 2 h 163"/>
                  <a:gd name="T62" fmla="*/ 2 w 227"/>
                  <a:gd name="T63" fmla="*/ 1 h 163"/>
                  <a:gd name="T64" fmla="*/ 2 w 227"/>
                  <a:gd name="T65" fmla="*/ 1 h 163"/>
                  <a:gd name="T66" fmla="*/ 3 w 227"/>
                  <a:gd name="T67" fmla="*/ 1 h 163"/>
                  <a:gd name="T68" fmla="*/ 2 w 227"/>
                  <a:gd name="T69" fmla="*/ 1 h 163"/>
                  <a:gd name="T70" fmla="*/ 2 w 227"/>
                  <a:gd name="T71" fmla="*/ 1 h 163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w 227"/>
                  <a:gd name="T109" fmla="*/ 0 h 163"/>
                  <a:gd name="T110" fmla="*/ 227 w 227"/>
                  <a:gd name="T111" fmla="*/ 163 h 163"/>
                </a:gdLst>
                <a:ahLst/>
                <a:cxnLst>
                  <a:cxn ang="T72">
                    <a:pos x="T0" y="T1"/>
                  </a:cxn>
                  <a:cxn ang="T73">
                    <a:pos x="T2" y="T3"/>
                  </a:cxn>
                  <a:cxn ang="T74">
                    <a:pos x="T4" y="T5"/>
                  </a:cxn>
                  <a:cxn ang="T75">
                    <a:pos x="T6" y="T7"/>
                  </a:cxn>
                  <a:cxn ang="T76">
                    <a:pos x="T8" y="T9"/>
                  </a:cxn>
                  <a:cxn ang="T77">
                    <a:pos x="T10" y="T11"/>
                  </a:cxn>
                  <a:cxn ang="T78">
                    <a:pos x="T12" y="T13"/>
                  </a:cxn>
                  <a:cxn ang="T79">
                    <a:pos x="T14" y="T15"/>
                  </a:cxn>
                  <a:cxn ang="T80">
                    <a:pos x="T16" y="T17"/>
                  </a:cxn>
                  <a:cxn ang="T81">
                    <a:pos x="T18" y="T19"/>
                  </a:cxn>
                  <a:cxn ang="T82">
                    <a:pos x="T20" y="T21"/>
                  </a:cxn>
                  <a:cxn ang="T83">
                    <a:pos x="T22" y="T23"/>
                  </a:cxn>
                  <a:cxn ang="T84">
                    <a:pos x="T24" y="T25"/>
                  </a:cxn>
                  <a:cxn ang="T85">
                    <a:pos x="T26" y="T27"/>
                  </a:cxn>
                  <a:cxn ang="T86">
                    <a:pos x="T28" y="T29"/>
                  </a:cxn>
                  <a:cxn ang="T87">
                    <a:pos x="T30" y="T31"/>
                  </a:cxn>
                  <a:cxn ang="T88">
                    <a:pos x="T32" y="T33"/>
                  </a:cxn>
                  <a:cxn ang="T89">
                    <a:pos x="T34" y="T35"/>
                  </a:cxn>
                  <a:cxn ang="T90">
                    <a:pos x="T36" y="T37"/>
                  </a:cxn>
                  <a:cxn ang="T91">
                    <a:pos x="T38" y="T39"/>
                  </a:cxn>
                  <a:cxn ang="T92">
                    <a:pos x="T40" y="T41"/>
                  </a:cxn>
                  <a:cxn ang="T93">
                    <a:pos x="T42" y="T43"/>
                  </a:cxn>
                  <a:cxn ang="T94">
                    <a:pos x="T44" y="T45"/>
                  </a:cxn>
                  <a:cxn ang="T95">
                    <a:pos x="T46" y="T47"/>
                  </a:cxn>
                  <a:cxn ang="T96">
                    <a:pos x="T48" y="T49"/>
                  </a:cxn>
                  <a:cxn ang="T97">
                    <a:pos x="T50" y="T51"/>
                  </a:cxn>
                  <a:cxn ang="T98">
                    <a:pos x="T52" y="T53"/>
                  </a:cxn>
                  <a:cxn ang="T99">
                    <a:pos x="T54" y="T55"/>
                  </a:cxn>
                  <a:cxn ang="T100">
                    <a:pos x="T56" y="T57"/>
                  </a:cxn>
                  <a:cxn ang="T101">
                    <a:pos x="T58" y="T59"/>
                  </a:cxn>
                  <a:cxn ang="T102">
                    <a:pos x="T60" y="T61"/>
                  </a:cxn>
                  <a:cxn ang="T103">
                    <a:pos x="T62" y="T63"/>
                  </a:cxn>
                  <a:cxn ang="T104">
                    <a:pos x="T64" y="T65"/>
                  </a:cxn>
                  <a:cxn ang="T105">
                    <a:pos x="T66" y="T67"/>
                  </a:cxn>
                  <a:cxn ang="T106">
                    <a:pos x="T68" y="T69"/>
                  </a:cxn>
                  <a:cxn ang="T107">
                    <a:pos x="T70" y="T71"/>
                  </a:cxn>
                </a:cxnLst>
                <a:rect l="T108" t="T109" r="T110" b="T111"/>
                <a:pathLst>
                  <a:path w="227" h="163">
                    <a:moveTo>
                      <a:pt x="5" y="0"/>
                    </a:moveTo>
                    <a:lnTo>
                      <a:pt x="19" y="0"/>
                    </a:lnTo>
                    <a:lnTo>
                      <a:pt x="20" y="6"/>
                    </a:lnTo>
                    <a:lnTo>
                      <a:pt x="12" y="19"/>
                    </a:lnTo>
                    <a:lnTo>
                      <a:pt x="0" y="10"/>
                    </a:lnTo>
                    <a:lnTo>
                      <a:pt x="5" y="0"/>
                    </a:lnTo>
                    <a:close/>
                    <a:moveTo>
                      <a:pt x="127" y="66"/>
                    </a:moveTo>
                    <a:lnTo>
                      <a:pt x="136" y="70"/>
                    </a:lnTo>
                    <a:lnTo>
                      <a:pt x="133" y="73"/>
                    </a:lnTo>
                    <a:lnTo>
                      <a:pt x="127" y="66"/>
                    </a:lnTo>
                    <a:close/>
                    <a:moveTo>
                      <a:pt x="178" y="102"/>
                    </a:moveTo>
                    <a:lnTo>
                      <a:pt x="210" y="112"/>
                    </a:lnTo>
                    <a:lnTo>
                      <a:pt x="227" y="130"/>
                    </a:lnTo>
                    <a:lnTo>
                      <a:pt x="226" y="146"/>
                    </a:lnTo>
                    <a:lnTo>
                      <a:pt x="207" y="146"/>
                    </a:lnTo>
                    <a:lnTo>
                      <a:pt x="192" y="163"/>
                    </a:lnTo>
                    <a:lnTo>
                      <a:pt x="184" y="159"/>
                    </a:lnTo>
                    <a:lnTo>
                      <a:pt x="175" y="127"/>
                    </a:lnTo>
                    <a:lnTo>
                      <a:pt x="178" y="102"/>
                    </a:lnTo>
                    <a:close/>
                    <a:moveTo>
                      <a:pt x="155" y="64"/>
                    </a:moveTo>
                    <a:lnTo>
                      <a:pt x="158" y="62"/>
                    </a:lnTo>
                    <a:lnTo>
                      <a:pt x="173" y="76"/>
                    </a:lnTo>
                    <a:lnTo>
                      <a:pt x="158" y="81"/>
                    </a:lnTo>
                    <a:lnTo>
                      <a:pt x="142" y="62"/>
                    </a:lnTo>
                    <a:lnTo>
                      <a:pt x="155" y="64"/>
                    </a:lnTo>
                    <a:close/>
                    <a:moveTo>
                      <a:pt x="116" y="51"/>
                    </a:moveTo>
                    <a:lnTo>
                      <a:pt x="113" y="54"/>
                    </a:lnTo>
                    <a:lnTo>
                      <a:pt x="139" y="51"/>
                    </a:lnTo>
                    <a:lnTo>
                      <a:pt x="139" y="56"/>
                    </a:lnTo>
                    <a:lnTo>
                      <a:pt x="116" y="57"/>
                    </a:lnTo>
                    <a:lnTo>
                      <a:pt x="116" y="51"/>
                    </a:lnTo>
                    <a:close/>
                    <a:moveTo>
                      <a:pt x="74" y="36"/>
                    </a:moveTo>
                    <a:lnTo>
                      <a:pt x="79" y="31"/>
                    </a:lnTo>
                    <a:lnTo>
                      <a:pt x="95" y="42"/>
                    </a:lnTo>
                    <a:lnTo>
                      <a:pt x="83" y="45"/>
                    </a:lnTo>
                    <a:lnTo>
                      <a:pt x="74" y="36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34" name="Freeform 271"/>
              <p:cNvSpPr>
                <a:spLocks noChangeAspect="1" noEditPoints="1"/>
              </p:cNvSpPr>
              <p:nvPr/>
            </p:nvSpPr>
            <p:spPr bwMode="gray">
              <a:xfrm>
                <a:off x="903" y="2312"/>
                <a:ext cx="70" cy="50"/>
              </a:xfrm>
              <a:custGeom>
                <a:avLst/>
                <a:gdLst>
                  <a:gd name="T0" fmla="*/ 0 w 227"/>
                  <a:gd name="T1" fmla="*/ 0 h 163"/>
                  <a:gd name="T2" fmla="*/ 1 w 227"/>
                  <a:gd name="T3" fmla="*/ 0 h 163"/>
                  <a:gd name="T4" fmla="*/ 1 w 227"/>
                  <a:gd name="T5" fmla="*/ 0 h 163"/>
                  <a:gd name="T6" fmla="*/ 0 w 227"/>
                  <a:gd name="T7" fmla="*/ 1 h 163"/>
                  <a:gd name="T8" fmla="*/ 0 w 227"/>
                  <a:gd name="T9" fmla="*/ 0 h 163"/>
                  <a:gd name="T10" fmla="*/ 0 w 227"/>
                  <a:gd name="T11" fmla="*/ 0 h 163"/>
                  <a:gd name="T12" fmla="*/ 4 w 227"/>
                  <a:gd name="T13" fmla="*/ 2 h 163"/>
                  <a:gd name="T14" fmla="*/ 4 w 227"/>
                  <a:gd name="T15" fmla="*/ 2 h 163"/>
                  <a:gd name="T16" fmla="*/ 4 w 227"/>
                  <a:gd name="T17" fmla="*/ 2 h 163"/>
                  <a:gd name="T18" fmla="*/ 4 w 227"/>
                  <a:gd name="T19" fmla="*/ 2 h 163"/>
                  <a:gd name="T20" fmla="*/ 5 w 227"/>
                  <a:gd name="T21" fmla="*/ 3 h 163"/>
                  <a:gd name="T22" fmla="*/ 6 w 227"/>
                  <a:gd name="T23" fmla="*/ 3 h 163"/>
                  <a:gd name="T24" fmla="*/ 7 w 227"/>
                  <a:gd name="T25" fmla="*/ 4 h 163"/>
                  <a:gd name="T26" fmla="*/ 7 w 227"/>
                  <a:gd name="T27" fmla="*/ 4 h 163"/>
                  <a:gd name="T28" fmla="*/ 6 w 227"/>
                  <a:gd name="T29" fmla="*/ 4 h 163"/>
                  <a:gd name="T30" fmla="*/ 6 w 227"/>
                  <a:gd name="T31" fmla="*/ 5 h 163"/>
                  <a:gd name="T32" fmla="*/ 6 w 227"/>
                  <a:gd name="T33" fmla="*/ 5 h 163"/>
                  <a:gd name="T34" fmla="*/ 5 w 227"/>
                  <a:gd name="T35" fmla="*/ 4 h 163"/>
                  <a:gd name="T36" fmla="*/ 5 w 227"/>
                  <a:gd name="T37" fmla="*/ 3 h 163"/>
                  <a:gd name="T38" fmla="*/ 5 w 227"/>
                  <a:gd name="T39" fmla="*/ 2 h 163"/>
                  <a:gd name="T40" fmla="*/ 5 w 227"/>
                  <a:gd name="T41" fmla="*/ 2 h 163"/>
                  <a:gd name="T42" fmla="*/ 5 w 227"/>
                  <a:gd name="T43" fmla="*/ 2 h 163"/>
                  <a:gd name="T44" fmla="*/ 5 w 227"/>
                  <a:gd name="T45" fmla="*/ 2 h 163"/>
                  <a:gd name="T46" fmla="*/ 4 w 227"/>
                  <a:gd name="T47" fmla="*/ 2 h 163"/>
                  <a:gd name="T48" fmla="*/ 5 w 227"/>
                  <a:gd name="T49" fmla="*/ 2 h 163"/>
                  <a:gd name="T50" fmla="*/ 3 w 227"/>
                  <a:gd name="T51" fmla="*/ 2 h 163"/>
                  <a:gd name="T52" fmla="*/ 3 w 227"/>
                  <a:gd name="T53" fmla="*/ 2 h 163"/>
                  <a:gd name="T54" fmla="*/ 4 w 227"/>
                  <a:gd name="T55" fmla="*/ 2 h 163"/>
                  <a:gd name="T56" fmla="*/ 4 w 227"/>
                  <a:gd name="T57" fmla="*/ 2 h 163"/>
                  <a:gd name="T58" fmla="*/ 3 w 227"/>
                  <a:gd name="T59" fmla="*/ 2 h 163"/>
                  <a:gd name="T60" fmla="*/ 3 w 227"/>
                  <a:gd name="T61" fmla="*/ 2 h 163"/>
                  <a:gd name="T62" fmla="*/ 2 w 227"/>
                  <a:gd name="T63" fmla="*/ 1 h 163"/>
                  <a:gd name="T64" fmla="*/ 2 w 227"/>
                  <a:gd name="T65" fmla="*/ 1 h 163"/>
                  <a:gd name="T66" fmla="*/ 3 w 227"/>
                  <a:gd name="T67" fmla="*/ 1 h 163"/>
                  <a:gd name="T68" fmla="*/ 2 w 227"/>
                  <a:gd name="T69" fmla="*/ 1 h 163"/>
                  <a:gd name="T70" fmla="*/ 2 w 227"/>
                  <a:gd name="T71" fmla="*/ 1 h 163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w 227"/>
                  <a:gd name="T109" fmla="*/ 0 h 163"/>
                  <a:gd name="T110" fmla="*/ 227 w 227"/>
                  <a:gd name="T111" fmla="*/ 163 h 163"/>
                </a:gdLst>
                <a:ahLst/>
                <a:cxnLst>
                  <a:cxn ang="T72">
                    <a:pos x="T0" y="T1"/>
                  </a:cxn>
                  <a:cxn ang="T73">
                    <a:pos x="T2" y="T3"/>
                  </a:cxn>
                  <a:cxn ang="T74">
                    <a:pos x="T4" y="T5"/>
                  </a:cxn>
                  <a:cxn ang="T75">
                    <a:pos x="T6" y="T7"/>
                  </a:cxn>
                  <a:cxn ang="T76">
                    <a:pos x="T8" y="T9"/>
                  </a:cxn>
                  <a:cxn ang="T77">
                    <a:pos x="T10" y="T11"/>
                  </a:cxn>
                  <a:cxn ang="T78">
                    <a:pos x="T12" y="T13"/>
                  </a:cxn>
                  <a:cxn ang="T79">
                    <a:pos x="T14" y="T15"/>
                  </a:cxn>
                  <a:cxn ang="T80">
                    <a:pos x="T16" y="T17"/>
                  </a:cxn>
                  <a:cxn ang="T81">
                    <a:pos x="T18" y="T19"/>
                  </a:cxn>
                  <a:cxn ang="T82">
                    <a:pos x="T20" y="T21"/>
                  </a:cxn>
                  <a:cxn ang="T83">
                    <a:pos x="T22" y="T23"/>
                  </a:cxn>
                  <a:cxn ang="T84">
                    <a:pos x="T24" y="T25"/>
                  </a:cxn>
                  <a:cxn ang="T85">
                    <a:pos x="T26" y="T27"/>
                  </a:cxn>
                  <a:cxn ang="T86">
                    <a:pos x="T28" y="T29"/>
                  </a:cxn>
                  <a:cxn ang="T87">
                    <a:pos x="T30" y="T31"/>
                  </a:cxn>
                  <a:cxn ang="T88">
                    <a:pos x="T32" y="T33"/>
                  </a:cxn>
                  <a:cxn ang="T89">
                    <a:pos x="T34" y="T35"/>
                  </a:cxn>
                  <a:cxn ang="T90">
                    <a:pos x="T36" y="T37"/>
                  </a:cxn>
                  <a:cxn ang="T91">
                    <a:pos x="T38" y="T39"/>
                  </a:cxn>
                  <a:cxn ang="T92">
                    <a:pos x="T40" y="T41"/>
                  </a:cxn>
                  <a:cxn ang="T93">
                    <a:pos x="T42" y="T43"/>
                  </a:cxn>
                  <a:cxn ang="T94">
                    <a:pos x="T44" y="T45"/>
                  </a:cxn>
                  <a:cxn ang="T95">
                    <a:pos x="T46" y="T47"/>
                  </a:cxn>
                  <a:cxn ang="T96">
                    <a:pos x="T48" y="T49"/>
                  </a:cxn>
                  <a:cxn ang="T97">
                    <a:pos x="T50" y="T51"/>
                  </a:cxn>
                  <a:cxn ang="T98">
                    <a:pos x="T52" y="T53"/>
                  </a:cxn>
                  <a:cxn ang="T99">
                    <a:pos x="T54" y="T55"/>
                  </a:cxn>
                  <a:cxn ang="T100">
                    <a:pos x="T56" y="T57"/>
                  </a:cxn>
                  <a:cxn ang="T101">
                    <a:pos x="T58" y="T59"/>
                  </a:cxn>
                  <a:cxn ang="T102">
                    <a:pos x="T60" y="T61"/>
                  </a:cxn>
                  <a:cxn ang="T103">
                    <a:pos x="T62" y="T63"/>
                  </a:cxn>
                  <a:cxn ang="T104">
                    <a:pos x="T64" y="T65"/>
                  </a:cxn>
                  <a:cxn ang="T105">
                    <a:pos x="T66" y="T67"/>
                  </a:cxn>
                  <a:cxn ang="T106">
                    <a:pos x="T68" y="T69"/>
                  </a:cxn>
                  <a:cxn ang="T107">
                    <a:pos x="T70" y="T71"/>
                  </a:cxn>
                </a:cxnLst>
                <a:rect l="T108" t="T109" r="T110" b="T111"/>
                <a:pathLst>
                  <a:path w="227" h="163">
                    <a:moveTo>
                      <a:pt x="5" y="0"/>
                    </a:moveTo>
                    <a:lnTo>
                      <a:pt x="19" y="0"/>
                    </a:lnTo>
                    <a:lnTo>
                      <a:pt x="20" y="6"/>
                    </a:lnTo>
                    <a:lnTo>
                      <a:pt x="12" y="19"/>
                    </a:lnTo>
                    <a:lnTo>
                      <a:pt x="0" y="10"/>
                    </a:lnTo>
                    <a:lnTo>
                      <a:pt x="5" y="0"/>
                    </a:lnTo>
                    <a:close/>
                    <a:moveTo>
                      <a:pt x="127" y="66"/>
                    </a:moveTo>
                    <a:lnTo>
                      <a:pt x="136" y="70"/>
                    </a:lnTo>
                    <a:lnTo>
                      <a:pt x="133" y="73"/>
                    </a:lnTo>
                    <a:lnTo>
                      <a:pt x="127" y="66"/>
                    </a:lnTo>
                    <a:close/>
                    <a:moveTo>
                      <a:pt x="178" y="102"/>
                    </a:moveTo>
                    <a:lnTo>
                      <a:pt x="210" y="112"/>
                    </a:lnTo>
                    <a:lnTo>
                      <a:pt x="227" y="130"/>
                    </a:lnTo>
                    <a:lnTo>
                      <a:pt x="226" y="146"/>
                    </a:lnTo>
                    <a:lnTo>
                      <a:pt x="207" y="146"/>
                    </a:lnTo>
                    <a:lnTo>
                      <a:pt x="192" y="163"/>
                    </a:lnTo>
                    <a:lnTo>
                      <a:pt x="184" y="159"/>
                    </a:lnTo>
                    <a:lnTo>
                      <a:pt x="175" y="127"/>
                    </a:lnTo>
                    <a:lnTo>
                      <a:pt x="178" y="102"/>
                    </a:lnTo>
                    <a:close/>
                    <a:moveTo>
                      <a:pt x="155" y="64"/>
                    </a:moveTo>
                    <a:lnTo>
                      <a:pt x="158" y="62"/>
                    </a:lnTo>
                    <a:lnTo>
                      <a:pt x="173" y="76"/>
                    </a:lnTo>
                    <a:lnTo>
                      <a:pt x="158" y="81"/>
                    </a:lnTo>
                    <a:lnTo>
                      <a:pt x="142" y="62"/>
                    </a:lnTo>
                    <a:lnTo>
                      <a:pt x="155" y="64"/>
                    </a:lnTo>
                    <a:close/>
                    <a:moveTo>
                      <a:pt x="116" y="51"/>
                    </a:moveTo>
                    <a:lnTo>
                      <a:pt x="113" y="54"/>
                    </a:lnTo>
                    <a:lnTo>
                      <a:pt x="139" y="51"/>
                    </a:lnTo>
                    <a:lnTo>
                      <a:pt x="139" y="56"/>
                    </a:lnTo>
                    <a:lnTo>
                      <a:pt x="116" y="57"/>
                    </a:lnTo>
                    <a:lnTo>
                      <a:pt x="116" y="51"/>
                    </a:lnTo>
                    <a:close/>
                    <a:moveTo>
                      <a:pt x="74" y="36"/>
                    </a:moveTo>
                    <a:lnTo>
                      <a:pt x="79" y="31"/>
                    </a:lnTo>
                    <a:lnTo>
                      <a:pt x="95" y="42"/>
                    </a:lnTo>
                    <a:lnTo>
                      <a:pt x="83" y="45"/>
                    </a:lnTo>
                    <a:lnTo>
                      <a:pt x="74" y="36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35" name="Freeform 272"/>
              <p:cNvSpPr>
                <a:spLocks noChangeAspect="1" noEditPoints="1"/>
              </p:cNvSpPr>
              <p:nvPr/>
            </p:nvSpPr>
            <p:spPr bwMode="gray">
              <a:xfrm>
                <a:off x="768" y="1173"/>
                <a:ext cx="439" cy="580"/>
              </a:xfrm>
              <a:custGeom>
                <a:avLst/>
                <a:gdLst>
                  <a:gd name="T0" fmla="*/ 38 w 1433"/>
                  <a:gd name="T1" fmla="*/ 36 h 1891"/>
                  <a:gd name="T2" fmla="*/ 38 w 1433"/>
                  <a:gd name="T3" fmla="*/ 21 h 1891"/>
                  <a:gd name="T4" fmla="*/ 37 w 1433"/>
                  <a:gd name="T5" fmla="*/ 7 h 1891"/>
                  <a:gd name="T6" fmla="*/ 25 w 1433"/>
                  <a:gd name="T7" fmla="*/ 4 h 1891"/>
                  <a:gd name="T8" fmla="*/ 22 w 1433"/>
                  <a:gd name="T9" fmla="*/ 2 h 1891"/>
                  <a:gd name="T10" fmla="*/ 18 w 1433"/>
                  <a:gd name="T11" fmla="*/ 2 h 1891"/>
                  <a:gd name="T12" fmla="*/ 16 w 1433"/>
                  <a:gd name="T13" fmla="*/ 1 h 1891"/>
                  <a:gd name="T14" fmla="*/ 13 w 1433"/>
                  <a:gd name="T15" fmla="*/ 2 h 1891"/>
                  <a:gd name="T16" fmla="*/ 10 w 1433"/>
                  <a:gd name="T17" fmla="*/ 5 h 1891"/>
                  <a:gd name="T18" fmla="*/ 8 w 1433"/>
                  <a:gd name="T19" fmla="*/ 9 h 1891"/>
                  <a:gd name="T20" fmla="*/ 9 w 1433"/>
                  <a:gd name="T21" fmla="*/ 16 h 1891"/>
                  <a:gd name="T22" fmla="*/ 11 w 1433"/>
                  <a:gd name="T23" fmla="*/ 17 h 1891"/>
                  <a:gd name="T24" fmla="*/ 10 w 1433"/>
                  <a:gd name="T25" fmla="*/ 18 h 1891"/>
                  <a:gd name="T26" fmla="*/ 9 w 1433"/>
                  <a:gd name="T27" fmla="*/ 19 h 1891"/>
                  <a:gd name="T28" fmla="*/ 4 w 1433"/>
                  <a:gd name="T29" fmla="*/ 19 h 1891"/>
                  <a:gd name="T30" fmla="*/ 3 w 1433"/>
                  <a:gd name="T31" fmla="*/ 22 h 1891"/>
                  <a:gd name="T32" fmla="*/ 8 w 1433"/>
                  <a:gd name="T33" fmla="*/ 24 h 1891"/>
                  <a:gd name="T34" fmla="*/ 10 w 1433"/>
                  <a:gd name="T35" fmla="*/ 24 h 1891"/>
                  <a:gd name="T36" fmla="*/ 8 w 1433"/>
                  <a:gd name="T37" fmla="*/ 29 h 1891"/>
                  <a:gd name="T38" fmla="*/ 4 w 1433"/>
                  <a:gd name="T39" fmla="*/ 32 h 1891"/>
                  <a:gd name="T40" fmla="*/ 5 w 1433"/>
                  <a:gd name="T41" fmla="*/ 33 h 1891"/>
                  <a:gd name="T42" fmla="*/ 7 w 1433"/>
                  <a:gd name="T43" fmla="*/ 35 h 1891"/>
                  <a:gd name="T44" fmla="*/ 9 w 1433"/>
                  <a:gd name="T45" fmla="*/ 37 h 1891"/>
                  <a:gd name="T46" fmla="*/ 10 w 1433"/>
                  <a:gd name="T47" fmla="*/ 40 h 1891"/>
                  <a:gd name="T48" fmla="*/ 13 w 1433"/>
                  <a:gd name="T49" fmla="*/ 40 h 1891"/>
                  <a:gd name="T50" fmla="*/ 16 w 1433"/>
                  <a:gd name="T51" fmla="*/ 40 h 1891"/>
                  <a:gd name="T52" fmla="*/ 14 w 1433"/>
                  <a:gd name="T53" fmla="*/ 44 h 1891"/>
                  <a:gd name="T54" fmla="*/ 10 w 1433"/>
                  <a:gd name="T55" fmla="*/ 47 h 1891"/>
                  <a:gd name="T56" fmla="*/ 9 w 1433"/>
                  <a:gd name="T57" fmla="*/ 49 h 1891"/>
                  <a:gd name="T58" fmla="*/ 12 w 1433"/>
                  <a:gd name="T59" fmla="*/ 48 h 1891"/>
                  <a:gd name="T60" fmla="*/ 14 w 1433"/>
                  <a:gd name="T61" fmla="*/ 46 h 1891"/>
                  <a:gd name="T62" fmla="*/ 17 w 1433"/>
                  <a:gd name="T63" fmla="*/ 44 h 1891"/>
                  <a:gd name="T64" fmla="*/ 20 w 1433"/>
                  <a:gd name="T65" fmla="*/ 41 h 1891"/>
                  <a:gd name="T66" fmla="*/ 21 w 1433"/>
                  <a:gd name="T67" fmla="*/ 38 h 1891"/>
                  <a:gd name="T68" fmla="*/ 23 w 1433"/>
                  <a:gd name="T69" fmla="*/ 35 h 1891"/>
                  <a:gd name="T70" fmla="*/ 25 w 1433"/>
                  <a:gd name="T71" fmla="*/ 34 h 1891"/>
                  <a:gd name="T72" fmla="*/ 24 w 1433"/>
                  <a:gd name="T73" fmla="*/ 35 h 1891"/>
                  <a:gd name="T74" fmla="*/ 23 w 1433"/>
                  <a:gd name="T75" fmla="*/ 39 h 1891"/>
                  <a:gd name="T76" fmla="*/ 25 w 1433"/>
                  <a:gd name="T77" fmla="*/ 38 h 1891"/>
                  <a:gd name="T78" fmla="*/ 28 w 1433"/>
                  <a:gd name="T79" fmla="*/ 36 h 1891"/>
                  <a:gd name="T80" fmla="*/ 28 w 1433"/>
                  <a:gd name="T81" fmla="*/ 35 h 1891"/>
                  <a:gd name="T82" fmla="*/ 28 w 1433"/>
                  <a:gd name="T83" fmla="*/ 35 h 1891"/>
                  <a:gd name="T84" fmla="*/ 32 w 1433"/>
                  <a:gd name="T85" fmla="*/ 36 h 1891"/>
                  <a:gd name="T86" fmla="*/ 37 w 1433"/>
                  <a:gd name="T87" fmla="*/ 37 h 1891"/>
                  <a:gd name="T88" fmla="*/ 39 w 1433"/>
                  <a:gd name="T89" fmla="*/ 37 h 1891"/>
                  <a:gd name="T90" fmla="*/ 11 w 1433"/>
                  <a:gd name="T91" fmla="*/ 41 h 1891"/>
                  <a:gd name="T92" fmla="*/ 30 w 1433"/>
                  <a:gd name="T93" fmla="*/ 36 h 1891"/>
                  <a:gd name="T94" fmla="*/ 28 w 1433"/>
                  <a:gd name="T95" fmla="*/ 38 h 1891"/>
                  <a:gd name="T96" fmla="*/ 22 w 1433"/>
                  <a:gd name="T97" fmla="*/ 41 h 1891"/>
                  <a:gd name="T98" fmla="*/ 20 w 1433"/>
                  <a:gd name="T99" fmla="*/ 43 h 1891"/>
                  <a:gd name="T100" fmla="*/ 21 w 1433"/>
                  <a:gd name="T101" fmla="*/ 43 h 1891"/>
                  <a:gd name="T102" fmla="*/ 22 w 1433"/>
                  <a:gd name="T103" fmla="*/ 44 h 1891"/>
                  <a:gd name="T104" fmla="*/ 21 w 1433"/>
                  <a:gd name="T105" fmla="*/ 45 h 1891"/>
                  <a:gd name="T106" fmla="*/ 20 w 1433"/>
                  <a:gd name="T107" fmla="*/ 46 h 1891"/>
                  <a:gd name="T108" fmla="*/ 5 w 1433"/>
                  <a:gd name="T109" fmla="*/ 35 h 1891"/>
                  <a:gd name="T110" fmla="*/ 5 w 1433"/>
                  <a:gd name="T111" fmla="*/ 36 h 1891"/>
                  <a:gd name="T112" fmla="*/ 12 w 1433"/>
                  <a:gd name="T113" fmla="*/ 49 h 1891"/>
                  <a:gd name="T114" fmla="*/ 4 w 1433"/>
                  <a:gd name="T115" fmla="*/ 52 h 1891"/>
                  <a:gd name="T116" fmla="*/ 3 w 1433"/>
                  <a:gd name="T117" fmla="*/ 52 h 1891"/>
                  <a:gd name="T118" fmla="*/ 0 w 1433"/>
                  <a:gd name="T119" fmla="*/ 55 h 1891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w 1433"/>
                  <a:gd name="T181" fmla="*/ 0 h 1891"/>
                  <a:gd name="T182" fmla="*/ 1433 w 1433"/>
                  <a:gd name="T183" fmla="*/ 1891 h 1891"/>
                </a:gdLst>
                <a:ahLst/>
                <a:cxnLst>
                  <a:cxn ang="T120">
                    <a:pos x="T0" y="T1"/>
                  </a:cxn>
                  <a:cxn ang="T121">
                    <a:pos x="T2" y="T3"/>
                  </a:cxn>
                  <a:cxn ang="T122">
                    <a:pos x="T4" y="T5"/>
                  </a:cxn>
                  <a:cxn ang="T123">
                    <a:pos x="T6" y="T7"/>
                  </a:cxn>
                  <a:cxn ang="T124">
                    <a:pos x="T8" y="T9"/>
                  </a:cxn>
                  <a:cxn ang="T125">
                    <a:pos x="T10" y="T11"/>
                  </a:cxn>
                  <a:cxn ang="T126">
                    <a:pos x="T12" y="T13"/>
                  </a:cxn>
                  <a:cxn ang="T127">
                    <a:pos x="T14" y="T15"/>
                  </a:cxn>
                  <a:cxn ang="T128">
                    <a:pos x="T16" y="T17"/>
                  </a:cxn>
                  <a:cxn ang="T129">
                    <a:pos x="T18" y="T19"/>
                  </a:cxn>
                  <a:cxn ang="T130">
                    <a:pos x="T20" y="T21"/>
                  </a:cxn>
                  <a:cxn ang="T131">
                    <a:pos x="T22" y="T23"/>
                  </a:cxn>
                  <a:cxn ang="T132">
                    <a:pos x="T24" y="T25"/>
                  </a:cxn>
                  <a:cxn ang="T133">
                    <a:pos x="T26" y="T27"/>
                  </a:cxn>
                  <a:cxn ang="T134">
                    <a:pos x="T28" y="T29"/>
                  </a:cxn>
                  <a:cxn ang="T135">
                    <a:pos x="T30" y="T31"/>
                  </a:cxn>
                  <a:cxn ang="T136">
                    <a:pos x="T32" y="T33"/>
                  </a:cxn>
                  <a:cxn ang="T137">
                    <a:pos x="T34" y="T35"/>
                  </a:cxn>
                  <a:cxn ang="T138">
                    <a:pos x="T36" y="T37"/>
                  </a:cxn>
                  <a:cxn ang="T139">
                    <a:pos x="T38" y="T39"/>
                  </a:cxn>
                  <a:cxn ang="T140">
                    <a:pos x="T40" y="T41"/>
                  </a:cxn>
                  <a:cxn ang="T141">
                    <a:pos x="T42" y="T43"/>
                  </a:cxn>
                  <a:cxn ang="T142">
                    <a:pos x="T44" y="T45"/>
                  </a:cxn>
                  <a:cxn ang="T143">
                    <a:pos x="T46" y="T47"/>
                  </a:cxn>
                  <a:cxn ang="T144">
                    <a:pos x="T48" y="T49"/>
                  </a:cxn>
                  <a:cxn ang="T145">
                    <a:pos x="T50" y="T51"/>
                  </a:cxn>
                  <a:cxn ang="T146">
                    <a:pos x="T52" y="T53"/>
                  </a:cxn>
                  <a:cxn ang="T147">
                    <a:pos x="T54" y="T55"/>
                  </a:cxn>
                  <a:cxn ang="T148">
                    <a:pos x="T56" y="T57"/>
                  </a:cxn>
                  <a:cxn ang="T149">
                    <a:pos x="T58" y="T59"/>
                  </a:cxn>
                  <a:cxn ang="T150">
                    <a:pos x="T60" y="T61"/>
                  </a:cxn>
                  <a:cxn ang="T151">
                    <a:pos x="T62" y="T63"/>
                  </a:cxn>
                  <a:cxn ang="T152">
                    <a:pos x="T64" y="T65"/>
                  </a:cxn>
                  <a:cxn ang="T153">
                    <a:pos x="T66" y="T67"/>
                  </a:cxn>
                  <a:cxn ang="T154">
                    <a:pos x="T68" y="T69"/>
                  </a:cxn>
                  <a:cxn ang="T155">
                    <a:pos x="T70" y="T71"/>
                  </a:cxn>
                  <a:cxn ang="T156">
                    <a:pos x="T72" y="T73"/>
                  </a:cxn>
                  <a:cxn ang="T157">
                    <a:pos x="T74" y="T75"/>
                  </a:cxn>
                  <a:cxn ang="T158">
                    <a:pos x="T76" y="T77"/>
                  </a:cxn>
                  <a:cxn ang="T159">
                    <a:pos x="T78" y="T79"/>
                  </a:cxn>
                  <a:cxn ang="T160">
                    <a:pos x="T80" y="T81"/>
                  </a:cxn>
                  <a:cxn ang="T161">
                    <a:pos x="T82" y="T83"/>
                  </a:cxn>
                  <a:cxn ang="T162">
                    <a:pos x="T84" y="T85"/>
                  </a:cxn>
                  <a:cxn ang="T163">
                    <a:pos x="T86" y="T87"/>
                  </a:cxn>
                  <a:cxn ang="T164">
                    <a:pos x="T88" y="T89"/>
                  </a:cxn>
                  <a:cxn ang="T165">
                    <a:pos x="T90" y="T91"/>
                  </a:cxn>
                  <a:cxn ang="T166">
                    <a:pos x="T92" y="T93"/>
                  </a:cxn>
                  <a:cxn ang="T167">
                    <a:pos x="T94" y="T95"/>
                  </a:cxn>
                  <a:cxn ang="T168">
                    <a:pos x="T96" y="T97"/>
                  </a:cxn>
                  <a:cxn ang="T169">
                    <a:pos x="T98" y="T99"/>
                  </a:cxn>
                  <a:cxn ang="T170">
                    <a:pos x="T100" y="T101"/>
                  </a:cxn>
                  <a:cxn ang="T171">
                    <a:pos x="T102" y="T103"/>
                  </a:cxn>
                  <a:cxn ang="T172">
                    <a:pos x="T104" y="T105"/>
                  </a:cxn>
                  <a:cxn ang="T173">
                    <a:pos x="T106" y="T107"/>
                  </a:cxn>
                  <a:cxn ang="T174">
                    <a:pos x="T108" y="T109"/>
                  </a:cxn>
                  <a:cxn ang="T175">
                    <a:pos x="T110" y="T111"/>
                  </a:cxn>
                  <a:cxn ang="T176">
                    <a:pos x="T112" y="T113"/>
                  </a:cxn>
                  <a:cxn ang="T177">
                    <a:pos x="T114" y="T115"/>
                  </a:cxn>
                  <a:cxn ang="T178">
                    <a:pos x="T116" y="T117"/>
                  </a:cxn>
                  <a:cxn ang="T179">
                    <a:pos x="T118" y="T119"/>
                  </a:cxn>
                </a:cxnLst>
                <a:rect l="T180" t="T181" r="T182" b="T183"/>
                <a:pathLst>
                  <a:path w="1433" h="1891">
                    <a:moveTo>
                      <a:pt x="1433" y="1340"/>
                    </a:moveTo>
                    <a:lnTo>
                      <a:pt x="1392" y="1289"/>
                    </a:lnTo>
                    <a:lnTo>
                      <a:pt x="1387" y="1284"/>
                    </a:lnTo>
                    <a:lnTo>
                      <a:pt x="1390" y="1261"/>
                    </a:lnTo>
                    <a:lnTo>
                      <a:pt x="1362" y="1261"/>
                    </a:lnTo>
                    <a:lnTo>
                      <a:pt x="1352" y="1275"/>
                    </a:lnTo>
                    <a:lnTo>
                      <a:pt x="1335" y="1263"/>
                    </a:lnTo>
                    <a:lnTo>
                      <a:pt x="1322" y="1272"/>
                    </a:lnTo>
                    <a:lnTo>
                      <a:pt x="1305" y="1263"/>
                    </a:lnTo>
                    <a:lnTo>
                      <a:pt x="1305" y="1207"/>
                    </a:lnTo>
                    <a:lnTo>
                      <a:pt x="1305" y="1151"/>
                    </a:lnTo>
                    <a:lnTo>
                      <a:pt x="1305" y="1094"/>
                    </a:lnTo>
                    <a:lnTo>
                      <a:pt x="1305" y="1035"/>
                    </a:lnTo>
                    <a:lnTo>
                      <a:pt x="1305" y="975"/>
                    </a:lnTo>
                    <a:lnTo>
                      <a:pt x="1305" y="914"/>
                    </a:lnTo>
                    <a:lnTo>
                      <a:pt x="1305" y="853"/>
                    </a:lnTo>
                    <a:lnTo>
                      <a:pt x="1305" y="789"/>
                    </a:lnTo>
                    <a:lnTo>
                      <a:pt x="1305" y="724"/>
                    </a:lnTo>
                    <a:lnTo>
                      <a:pt x="1305" y="658"/>
                    </a:lnTo>
                    <a:lnTo>
                      <a:pt x="1305" y="591"/>
                    </a:lnTo>
                    <a:lnTo>
                      <a:pt x="1305" y="520"/>
                    </a:lnTo>
                    <a:lnTo>
                      <a:pt x="1305" y="449"/>
                    </a:lnTo>
                    <a:lnTo>
                      <a:pt x="1305" y="376"/>
                    </a:lnTo>
                    <a:lnTo>
                      <a:pt x="1305" y="301"/>
                    </a:lnTo>
                    <a:lnTo>
                      <a:pt x="1305" y="223"/>
                    </a:lnTo>
                    <a:lnTo>
                      <a:pt x="1297" y="221"/>
                    </a:lnTo>
                    <a:lnTo>
                      <a:pt x="1293" y="235"/>
                    </a:lnTo>
                    <a:lnTo>
                      <a:pt x="1204" y="169"/>
                    </a:lnTo>
                    <a:lnTo>
                      <a:pt x="1191" y="170"/>
                    </a:lnTo>
                    <a:lnTo>
                      <a:pt x="1189" y="184"/>
                    </a:lnTo>
                    <a:lnTo>
                      <a:pt x="1178" y="172"/>
                    </a:lnTo>
                    <a:lnTo>
                      <a:pt x="1107" y="187"/>
                    </a:lnTo>
                    <a:lnTo>
                      <a:pt x="1073" y="164"/>
                    </a:lnTo>
                    <a:lnTo>
                      <a:pt x="1030" y="167"/>
                    </a:lnTo>
                    <a:lnTo>
                      <a:pt x="923" y="119"/>
                    </a:lnTo>
                    <a:lnTo>
                      <a:pt x="875" y="132"/>
                    </a:lnTo>
                    <a:lnTo>
                      <a:pt x="884" y="127"/>
                    </a:lnTo>
                    <a:lnTo>
                      <a:pt x="875" y="118"/>
                    </a:lnTo>
                    <a:lnTo>
                      <a:pt x="812" y="124"/>
                    </a:lnTo>
                    <a:lnTo>
                      <a:pt x="820" y="111"/>
                    </a:lnTo>
                    <a:lnTo>
                      <a:pt x="801" y="107"/>
                    </a:lnTo>
                    <a:lnTo>
                      <a:pt x="787" y="96"/>
                    </a:lnTo>
                    <a:lnTo>
                      <a:pt x="793" y="73"/>
                    </a:lnTo>
                    <a:lnTo>
                      <a:pt x="764" y="65"/>
                    </a:lnTo>
                    <a:lnTo>
                      <a:pt x="767" y="79"/>
                    </a:lnTo>
                    <a:lnTo>
                      <a:pt x="757" y="79"/>
                    </a:lnTo>
                    <a:lnTo>
                      <a:pt x="742" y="57"/>
                    </a:lnTo>
                    <a:lnTo>
                      <a:pt x="697" y="76"/>
                    </a:lnTo>
                    <a:lnTo>
                      <a:pt x="677" y="65"/>
                    </a:lnTo>
                    <a:lnTo>
                      <a:pt x="680" y="59"/>
                    </a:lnTo>
                    <a:lnTo>
                      <a:pt x="672" y="39"/>
                    </a:lnTo>
                    <a:lnTo>
                      <a:pt x="657" y="32"/>
                    </a:lnTo>
                    <a:lnTo>
                      <a:pt x="642" y="49"/>
                    </a:lnTo>
                    <a:lnTo>
                      <a:pt x="640" y="60"/>
                    </a:lnTo>
                    <a:lnTo>
                      <a:pt x="649" y="86"/>
                    </a:lnTo>
                    <a:lnTo>
                      <a:pt x="640" y="86"/>
                    </a:lnTo>
                    <a:lnTo>
                      <a:pt x="634" y="73"/>
                    </a:lnTo>
                    <a:lnTo>
                      <a:pt x="600" y="71"/>
                    </a:lnTo>
                    <a:lnTo>
                      <a:pt x="605" y="56"/>
                    </a:lnTo>
                    <a:lnTo>
                      <a:pt x="635" y="40"/>
                    </a:lnTo>
                    <a:lnTo>
                      <a:pt x="635" y="28"/>
                    </a:lnTo>
                    <a:lnTo>
                      <a:pt x="583" y="0"/>
                    </a:lnTo>
                    <a:lnTo>
                      <a:pt x="567" y="18"/>
                    </a:lnTo>
                    <a:lnTo>
                      <a:pt x="569" y="28"/>
                    </a:lnTo>
                    <a:lnTo>
                      <a:pt x="525" y="71"/>
                    </a:lnTo>
                    <a:lnTo>
                      <a:pt x="468" y="76"/>
                    </a:lnTo>
                    <a:lnTo>
                      <a:pt x="473" y="79"/>
                    </a:lnTo>
                    <a:lnTo>
                      <a:pt x="464" y="85"/>
                    </a:lnTo>
                    <a:lnTo>
                      <a:pt x="465" y="94"/>
                    </a:lnTo>
                    <a:lnTo>
                      <a:pt x="453" y="86"/>
                    </a:lnTo>
                    <a:lnTo>
                      <a:pt x="476" y="60"/>
                    </a:lnTo>
                    <a:lnTo>
                      <a:pt x="436" y="85"/>
                    </a:lnTo>
                    <a:lnTo>
                      <a:pt x="425" y="98"/>
                    </a:lnTo>
                    <a:lnTo>
                      <a:pt x="454" y="116"/>
                    </a:lnTo>
                    <a:lnTo>
                      <a:pt x="437" y="122"/>
                    </a:lnTo>
                    <a:lnTo>
                      <a:pt x="432" y="152"/>
                    </a:lnTo>
                    <a:lnTo>
                      <a:pt x="427" y="136"/>
                    </a:lnTo>
                    <a:lnTo>
                      <a:pt x="420" y="142"/>
                    </a:lnTo>
                    <a:lnTo>
                      <a:pt x="428" y="116"/>
                    </a:lnTo>
                    <a:lnTo>
                      <a:pt x="420" y="107"/>
                    </a:lnTo>
                    <a:lnTo>
                      <a:pt x="338" y="169"/>
                    </a:lnTo>
                    <a:lnTo>
                      <a:pt x="347" y="149"/>
                    </a:lnTo>
                    <a:lnTo>
                      <a:pt x="338" y="147"/>
                    </a:lnTo>
                    <a:lnTo>
                      <a:pt x="327" y="178"/>
                    </a:lnTo>
                    <a:lnTo>
                      <a:pt x="317" y="183"/>
                    </a:lnTo>
                    <a:lnTo>
                      <a:pt x="295" y="213"/>
                    </a:lnTo>
                    <a:lnTo>
                      <a:pt x="292" y="221"/>
                    </a:lnTo>
                    <a:lnTo>
                      <a:pt x="284" y="267"/>
                    </a:lnTo>
                    <a:lnTo>
                      <a:pt x="281" y="257"/>
                    </a:lnTo>
                    <a:lnTo>
                      <a:pt x="266" y="299"/>
                    </a:lnTo>
                    <a:lnTo>
                      <a:pt x="246" y="317"/>
                    </a:lnTo>
                    <a:lnTo>
                      <a:pt x="140" y="333"/>
                    </a:lnTo>
                    <a:lnTo>
                      <a:pt x="139" y="381"/>
                    </a:lnTo>
                    <a:lnTo>
                      <a:pt x="146" y="381"/>
                    </a:lnTo>
                    <a:lnTo>
                      <a:pt x="112" y="398"/>
                    </a:lnTo>
                    <a:lnTo>
                      <a:pt x="229" y="481"/>
                    </a:lnTo>
                    <a:lnTo>
                      <a:pt x="249" y="504"/>
                    </a:lnTo>
                    <a:lnTo>
                      <a:pt x="261" y="551"/>
                    </a:lnTo>
                    <a:lnTo>
                      <a:pt x="300" y="566"/>
                    </a:lnTo>
                    <a:lnTo>
                      <a:pt x="303" y="554"/>
                    </a:lnTo>
                    <a:lnTo>
                      <a:pt x="315" y="546"/>
                    </a:lnTo>
                    <a:lnTo>
                      <a:pt x="312" y="565"/>
                    </a:lnTo>
                    <a:lnTo>
                      <a:pt x="315" y="568"/>
                    </a:lnTo>
                    <a:lnTo>
                      <a:pt x="354" y="562"/>
                    </a:lnTo>
                    <a:lnTo>
                      <a:pt x="361" y="568"/>
                    </a:lnTo>
                    <a:lnTo>
                      <a:pt x="344" y="592"/>
                    </a:lnTo>
                    <a:lnTo>
                      <a:pt x="368" y="617"/>
                    </a:lnTo>
                    <a:lnTo>
                      <a:pt x="372" y="599"/>
                    </a:lnTo>
                    <a:lnTo>
                      <a:pt x="374" y="609"/>
                    </a:lnTo>
                    <a:lnTo>
                      <a:pt x="405" y="614"/>
                    </a:lnTo>
                    <a:lnTo>
                      <a:pt x="448" y="600"/>
                    </a:lnTo>
                    <a:lnTo>
                      <a:pt x="453" y="614"/>
                    </a:lnTo>
                    <a:lnTo>
                      <a:pt x="400" y="638"/>
                    </a:lnTo>
                    <a:lnTo>
                      <a:pt x="374" y="617"/>
                    </a:lnTo>
                    <a:lnTo>
                      <a:pt x="351" y="624"/>
                    </a:lnTo>
                    <a:lnTo>
                      <a:pt x="334" y="602"/>
                    </a:lnTo>
                    <a:lnTo>
                      <a:pt x="344" y="624"/>
                    </a:lnTo>
                    <a:lnTo>
                      <a:pt x="340" y="642"/>
                    </a:lnTo>
                    <a:lnTo>
                      <a:pt x="347" y="647"/>
                    </a:lnTo>
                    <a:lnTo>
                      <a:pt x="349" y="633"/>
                    </a:lnTo>
                    <a:lnTo>
                      <a:pt x="386" y="648"/>
                    </a:lnTo>
                    <a:lnTo>
                      <a:pt x="380" y="664"/>
                    </a:lnTo>
                    <a:lnTo>
                      <a:pt x="378" y="653"/>
                    </a:lnTo>
                    <a:lnTo>
                      <a:pt x="361" y="648"/>
                    </a:lnTo>
                    <a:lnTo>
                      <a:pt x="346" y="684"/>
                    </a:lnTo>
                    <a:lnTo>
                      <a:pt x="334" y="670"/>
                    </a:lnTo>
                    <a:lnTo>
                      <a:pt x="263" y="672"/>
                    </a:lnTo>
                    <a:lnTo>
                      <a:pt x="242" y="655"/>
                    </a:lnTo>
                    <a:lnTo>
                      <a:pt x="256" y="645"/>
                    </a:lnTo>
                    <a:lnTo>
                      <a:pt x="255" y="617"/>
                    </a:lnTo>
                    <a:lnTo>
                      <a:pt x="263" y="609"/>
                    </a:lnTo>
                    <a:lnTo>
                      <a:pt x="213" y="611"/>
                    </a:lnTo>
                    <a:lnTo>
                      <a:pt x="161" y="648"/>
                    </a:lnTo>
                    <a:lnTo>
                      <a:pt x="174" y="664"/>
                    </a:lnTo>
                    <a:lnTo>
                      <a:pt x="139" y="659"/>
                    </a:lnTo>
                    <a:lnTo>
                      <a:pt x="106" y="690"/>
                    </a:lnTo>
                    <a:lnTo>
                      <a:pt x="85" y="695"/>
                    </a:lnTo>
                    <a:lnTo>
                      <a:pt x="83" y="707"/>
                    </a:lnTo>
                    <a:lnTo>
                      <a:pt x="57" y="714"/>
                    </a:lnTo>
                    <a:lnTo>
                      <a:pt x="92" y="748"/>
                    </a:lnTo>
                    <a:lnTo>
                      <a:pt x="144" y="758"/>
                    </a:lnTo>
                    <a:lnTo>
                      <a:pt x="123" y="775"/>
                    </a:lnTo>
                    <a:lnTo>
                      <a:pt x="114" y="761"/>
                    </a:lnTo>
                    <a:lnTo>
                      <a:pt x="112" y="768"/>
                    </a:lnTo>
                    <a:lnTo>
                      <a:pt x="132" y="799"/>
                    </a:lnTo>
                    <a:lnTo>
                      <a:pt x="131" y="819"/>
                    </a:lnTo>
                    <a:lnTo>
                      <a:pt x="146" y="836"/>
                    </a:lnTo>
                    <a:lnTo>
                      <a:pt x="207" y="849"/>
                    </a:lnTo>
                    <a:lnTo>
                      <a:pt x="263" y="836"/>
                    </a:lnTo>
                    <a:lnTo>
                      <a:pt x="286" y="854"/>
                    </a:lnTo>
                    <a:lnTo>
                      <a:pt x="290" y="843"/>
                    </a:lnTo>
                    <a:lnTo>
                      <a:pt x="275" y="831"/>
                    </a:lnTo>
                    <a:lnTo>
                      <a:pt x="286" y="831"/>
                    </a:lnTo>
                    <a:lnTo>
                      <a:pt x="298" y="843"/>
                    </a:lnTo>
                    <a:lnTo>
                      <a:pt x="305" y="866"/>
                    </a:lnTo>
                    <a:lnTo>
                      <a:pt x="318" y="840"/>
                    </a:lnTo>
                    <a:lnTo>
                      <a:pt x="349" y="811"/>
                    </a:lnTo>
                    <a:lnTo>
                      <a:pt x="368" y="814"/>
                    </a:lnTo>
                    <a:lnTo>
                      <a:pt x="383" y="802"/>
                    </a:lnTo>
                    <a:lnTo>
                      <a:pt x="397" y="816"/>
                    </a:lnTo>
                    <a:lnTo>
                      <a:pt x="388" y="843"/>
                    </a:lnTo>
                    <a:lnTo>
                      <a:pt x="363" y="843"/>
                    </a:lnTo>
                    <a:lnTo>
                      <a:pt x="364" y="857"/>
                    </a:lnTo>
                    <a:lnTo>
                      <a:pt x="376" y="856"/>
                    </a:lnTo>
                    <a:lnTo>
                      <a:pt x="394" y="905"/>
                    </a:lnTo>
                    <a:lnTo>
                      <a:pt x="394" y="922"/>
                    </a:lnTo>
                    <a:lnTo>
                      <a:pt x="381" y="944"/>
                    </a:lnTo>
                    <a:lnTo>
                      <a:pt x="329" y="961"/>
                    </a:lnTo>
                    <a:lnTo>
                      <a:pt x="334" y="951"/>
                    </a:lnTo>
                    <a:lnTo>
                      <a:pt x="326" y="950"/>
                    </a:lnTo>
                    <a:lnTo>
                      <a:pt x="292" y="993"/>
                    </a:lnTo>
                    <a:lnTo>
                      <a:pt x="269" y="990"/>
                    </a:lnTo>
                    <a:lnTo>
                      <a:pt x="258" y="1000"/>
                    </a:lnTo>
                    <a:lnTo>
                      <a:pt x="239" y="1010"/>
                    </a:lnTo>
                    <a:lnTo>
                      <a:pt x="239" y="1027"/>
                    </a:lnTo>
                    <a:lnTo>
                      <a:pt x="215" y="1027"/>
                    </a:lnTo>
                    <a:lnTo>
                      <a:pt x="174" y="1065"/>
                    </a:lnTo>
                    <a:lnTo>
                      <a:pt x="162" y="1091"/>
                    </a:lnTo>
                    <a:lnTo>
                      <a:pt x="162" y="1110"/>
                    </a:lnTo>
                    <a:lnTo>
                      <a:pt x="146" y="1119"/>
                    </a:lnTo>
                    <a:lnTo>
                      <a:pt x="154" y="1128"/>
                    </a:lnTo>
                    <a:lnTo>
                      <a:pt x="142" y="1136"/>
                    </a:lnTo>
                    <a:lnTo>
                      <a:pt x="140" y="1148"/>
                    </a:lnTo>
                    <a:lnTo>
                      <a:pt x="182" y="1139"/>
                    </a:lnTo>
                    <a:lnTo>
                      <a:pt x="187" y="1140"/>
                    </a:lnTo>
                    <a:lnTo>
                      <a:pt x="161" y="1148"/>
                    </a:lnTo>
                    <a:lnTo>
                      <a:pt x="154" y="1157"/>
                    </a:lnTo>
                    <a:lnTo>
                      <a:pt x="166" y="1166"/>
                    </a:lnTo>
                    <a:lnTo>
                      <a:pt x="182" y="1157"/>
                    </a:lnTo>
                    <a:lnTo>
                      <a:pt x="176" y="1171"/>
                    </a:lnTo>
                    <a:lnTo>
                      <a:pt x="187" y="1196"/>
                    </a:lnTo>
                    <a:lnTo>
                      <a:pt x="202" y="1185"/>
                    </a:lnTo>
                    <a:lnTo>
                      <a:pt x="205" y="1195"/>
                    </a:lnTo>
                    <a:lnTo>
                      <a:pt x="219" y="1193"/>
                    </a:lnTo>
                    <a:lnTo>
                      <a:pt x="210" y="1205"/>
                    </a:lnTo>
                    <a:lnTo>
                      <a:pt x="221" y="1210"/>
                    </a:lnTo>
                    <a:lnTo>
                      <a:pt x="256" y="1208"/>
                    </a:lnTo>
                    <a:lnTo>
                      <a:pt x="259" y="1218"/>
                    </a:lnTo>
                    <a:lnTo>
                      <a:pt x="241" y="1229"/>
                    </a:lnTo>
                    <a:lnTo>
                      <a:pt x="219" y="1264"/>
                    </a:lnTo>
                    <a:lnTo>
                      <a:pt x="227" y="1288"/>
                    </a:lnTo>
                    <a:lnTo>
                      <a:pt x="244" y="1283"/>
                    </a:lnTo>
                    <a:lnTo>
                      <a:pt x="242" y="1292"/>
                    </a:lnTo>
                    <a:lnTo>
                      <a:pt x="236" y="1298"/>
                    </a:lnTo>
                    <a:lnTo>
                      <a:pt x="250" y="1314"/>
                    </a:lnTo>
                    <a:lnTo>
                      <a:pt x="289" y="1320"/>
                    </a:lnTo>
                    <a:lnTo>
                      <a:pt x="318" y="1275"/>
                    </a:lnTo>
                    <a:lnTo>
                      <a:pt x="309" y="1258"/>
                    </a:lnTo>
                    <a:lnTo>
                      <a:pt x="322" y="1233"/>
                    </a:lnTo>
                    <a:lnTo>
                      <a:pt x="360" y="1210"/>
                    </a:lnTo>
                    <a:lnTo>
                      <a:pt x="317" y="1261"/>
                    </a:lnTo>
                    <a:lnTo>
                      <a:pt x="349" y="1331"/>
                    </a:lnTo>
                    <a:lnTo>
                      <a:pt x="334" y="1359"/>
                    </a:lnTo>
                    <a:lnTo>
                      <a:pt x="338" y="1371"/>
                    </a:lnTo>
                    <a:lnTo>
                      <a:pt x="354" y="1371"/>
                    </a:lnTo>
                    <a:lnTo>
                      <a:pt x="346" y="1379"/>
                    </a:lnTo>
                    <a:lnTo>
                      <a:pt x="347" y="1393"/>
                    </a:lnTo>
                    <a:lnTo>
                      <a:pt x="354" y="1396"/>
                    </a:lnTo>
                    <a:lnTo>
                      <a:pt x="329" y="1411"/>
                    </a:lnTo>
                    <a:lnTo>
                      <a:pt x="346" y="1413"/>
                    </a:lnTo>
                    <a:lnTo>
                      <a:pt x="391" y="1386"/>
                    </a:lnTo>
                    <a:lnTo>
                      <a:pt x="414" y="1354"/>
                    </a:lnTo>
                    <a:lnTo>
                      <a:pt x="414" y="1385"/>
                    </a:lnTo>
                    <a:lnTo>
                      <a:pt x="430" y="1396"/>
                    </a:lnTo>
                    <a:lnTo>
                      <a:pt x="447" y="1388"/>
                    </a:lnTo>
                    <a:lnTo>
                      <a:pt x="474" y="1431"/>
                    </a:lnTo>
                    <a:lnTo>
                      <a:pt x="482" y="1423"/>
                    </a:lnTo>
                    <a:lnTo>
                      <a:pt x="479" y="1402"/>
                    </a:lnTo>
                    <a:lnTo>
                      <a:pt x="495" y="1379"/>
                    </a:lnTo>
                    <a:lnTo>
                      <a:pt x="498" y="1383"/>
                    </a:lnTo>
                    <a:lnTo>
                      <a:pt x="495" y="1394"/>
                    </a:lnTo>
                    <a:lnTo>
                      <a:pt x="516" y="1410"/>
                    </a:lnTo>
                    <a:lnTo>
                      <a:pt x="578" y="1371"/>
                    </a:lnTo>
                    <a:lnTo>
                      <a:pt x="559" y="1398"/>
                    </a:lnTo>
                    <a:lnTo>
                      <a:pt x="563" y="1402"/>
                    </a:lnTo>
                    <a:lnTo>
                      <a:pt x="547" y="1416"/>
                    </a:lnTo>
                    <a:lnTo>
                      <a:pt x="542" y="1439"/>
                    </a:lnTo>
                    <a:lnTo>
                      <a:pt x="550" y="1440"/>
                    </a:lnTo>
                    <a:lnTo>
                      <a:pt x="539" y="1454"/>
                    </a:lnTo>
                    <a:lnTo>
                      <a:pt x="532" y="1498"/>
                    </a:lnTo>
                    <a:lnTo>
                      <a:pt x="516" y="1524"/>
                    </a:lnTo>
                    <a:lnTo>
                      <a:pt x="510" y="1521"/>
                    </a:lnTo>
                    <a:lnTo>
                      <a:pt x="495" y="1544"/>
                    </a:lnTo>
                    <a:lnTo>
                      <a:pt x="487" y="1567"/>
                    </a:lnTo>
                    <a:lnTo>
                      <a:pt x="474" y="1566"/>
                    </a:lnTo>
                    <a:lnTo>
                      <a:pt x="419" y="1605"/>
                    </a:lnTo>
                    <a:lnTo>
                      <a:pt x="402" y="1640"/>
                    </a:lnTo>
                    <a:lnTo>
                      <a:pt x="394" y="1642"/>
                    </a:lnTo>
                    <a:lnTo>
                      <a:pt x="391" y="1648"/>
                    </a:lnTo>
                    <a:lnTo>
                      <a:pt x="383" y="1640"/>
                    </a:lnTo>
                    <a:lnTo>
                      <a:pt x="386" y="1634"/>
                    </a:lnTo>
                    <a:lnTo>
                      <a:pt x="366" y="1634"/>
                    </a:lnTo>
                    <a:lnTo>
                      <a:pt x="329" y="1654"/>
                    </a:lnTo>
                    <a:lnTo>
                      <a:pt x="292" y="1697"/>
                    </a:lnTo>
                    <a:lnTo>
                      <a:pt x="273" y="1702"/>
                    </a:lnTo>
                    <a:lnTo>
                      <a:pt x="267" y="1706"/>
                    </a:lnTo>
                    <a:lnTo>
                      <a:pt x="276" y="1727"/>
                    </a:lnTo>
                    <a:lnTo>
                      <a:pt x="283" y="1718"/>
                    </a:lnTo>
                    <a:lnTo>
                      <a:pt x="281" y="1706"/>
                    </a:lnTo>
                    <a:lnTo>
                      <a:pt x="293" y="1718"/>
                    </a:lnTo>
                    <a:lnTo>
                      <a:pt x="309" y="1713"/>
                    </a:lnTo>
                    <a:lnTo>
                      <a:pt x="307" y="1694"/>
                    </a:lnTo>
                    <a:lnTo>
                      <a:pt x="314" y="1708"/>
                    </a:lnTo>
                    <a:lnTo>
                      <a:pt x="331" y="1706"/>
                    </a:lnTo>
                    <a:lnTo>
                      <a:pt x="354" y="1665"/>
                    </a:lnTo>
                    <a:lnTo>
                      <a:pt x="361" y="1664"/>
                    </a:lnTo>
                    <a:lnTo>
                      <a:pt x="357" y="1685"/>
                    </a:lnTo>
                    <a:lnTo>
                      <a:pt x="393" y="1677"/>
                    </a:lnTo>
                    <a:lnTo>
                      <a:pt x="397" y="1667"/>
                    </a:lnTo>
                    <a:lnTo>
                      <a:pt x="403" y="1673"/>
                    </a:lnTo>
                    <a:lnTo>
                      <a:pt x="434" y="1647"/>
                    </a:lnTo>
                    <a:lnTo>
                      <a:pt x="442" y="1654"/>
                    </a:lnTo>
                    <a:lnTo>
                      <a:pt x="442" y="1671"/>
                    </a:lnTo>
                    <a:lnTo>
                      <a:pt x="451" y="1642"/>
                    </a:lnTo>
                    <a:lnTo>
                      <a:pt x="471" y="1642"/>
                    </a:lnTo>
                    <a:lnTo>
                      <a:pt x="490" y="1630"/>
                    </a:lnTo>
                    <a:lnTo>
                      <a:pt x="488" y="1617"/>
                    </a:lnTo>
                    <a:lnTo>
                      <a:pt x="488" y="1609"/>
                    </a:lnTo>
                    <a:lnTo>
                      <a:pt x="499" y="1598"/>
                    </a:lnTo>
                    <a:lnTo>
                      <a:pt x="524" y="1594"/>
                    </a:lnTo>
                    <a:lnTo>
                      <a:pt x="527" y="1588"/>
                    </a:lnTo>
                    <a:lnTo>
                      <a:pt x="516" y="1589"/>
                    </a:lnTo>
                    <a:lnTo>
                      <a:pt x="530" y="1580"/>
                    </a:lnTo>
                    <a:lnTo>
                      <a:pt x="542" y="1583"/>
                    </a:lnTo>
                    <a:lnTo>
                      <a:pt x="542" y="1567"/>
                    </a:lnTo>
                    <a:lnTo>
                      <a:pt x="555" y="1567"/>
                    </a:lnTo>
                    <a:lnTo>
                      <a:pt x="588" y="1546"/>
                    </a:lnTo>
                    <a:lnTo>
                      <a:pt x="593" y="1527"/>
                    </a:lnTo>
                    <a:lnTo>
                      <a:pt x="606" y="1513"/>
                    </a:lnTo>
                    <a:lnTo>
                      <a:pt x="610" y="1501"/>
                    </a:lnTo>
                    <a:lnTo>
                      <a:pt x="620" y="1503"/>
                    </a:lnTo>
                    <a:lnTo>
                      <a:pt x="625" y="1486"/>
                    </a:lnTo>
                    <a:lnTo>
                      <a:pt x="637" y="1491"/>
                    </a:lnTo>
                    <a:lnTo>
                      <a:pt x="655" y="1467"/>
                    </a:lnTo>
                    <a:lnTo>
                      <a:pt x="697" y="1450"/>
                    </a:lnTo>
                    <a:lnTo>
                      <a:pt x="693" y="1439"/>
                    </a:lnTo>
                    <a:lnTo>
                      <a:pt x="700" y="1433"/>
                    </a:lnTo>
                    <a:lnTo>
                      <a:pt x="700" y="1422"/>
                    </a:lnTo>
                    <a:lnTo>
                      <a:pt x="725" y="1408"/>
                    </a:lnTo>
                    <a:lnTo>
                      <a:pt x="731" y="1394"/>
                    </a:lnTo>
                    <a:lnTo>
                      <a:pt x="714" y="1376"/>
                    </a:lnTo>
                    <a:lnTo>
                      <a:pt x="691" y="1374"/>
                    </a:lnTo>
                    <a:lnTo>
                      <a:pt x="697" y="1346"/>
                    </a:lnTo>
                    <a:lnTo>
                      <a:pt x="714" y="1337"/>
                    </a:lnTo>
                    <a:lnTo>
                      <a:pt x="720" y="1329"/>
                    </a:lnTo>
                    <a:lnTo>
                      <a:pt x="720" y="1317"/>
                    </a:lnTo>
                    <a:lnTo>
                      <a:pt x="742" y="1317"/>
                    </a:lnTo>
                    <a:lnTo>
                      <a:pt x="745" y="1305"/>
                    </a:lnTo>
                    <a:lnTo>
                      <a:pt x="739" y="1301"/>
                    </a:lnTo>
                    <a:lnTo>
                      <a:pt x="764" y="1288"/>
                    </a:lnTo>
                    <a:lnTo>
                      <a:pt x="762" y="1276"/>
                    </a:lnTo>
                    <a:lnTo>
                      <a:pt x="745" y="1263"/>
                    </a:lnTo>
                    <a:lnTo>
                      <a:pt x="767" y="1267"/>
                    </a:lnTo>
                    <a:lnTo>
                      <a:pt x="781" y="1252"/>
                    </a:lnTo>
                    <a:lnTo>
                      <a:pt x="804" y="1204"/>
                    </a:lnTo>
                    <a:lnTo>
                      <a:pt x="854" y="1168"/>
                    </a:lnTo>
                    <a:lnTo>
                      <a:pt x="854" y="1144"/>
                    </a:lnTo>
                    <a:lnTo>
                      <a:pt x="874" y="1097"/>
                    </a:lnTo>
                    <a:lnTo>
                      <a:pt x="877" y="1071"/>
                    </a:lnTo>
                    <a:lnTo>
                      <a:pt x="883" y="1082"/>
                    </a:lnTo>
                    <a:lnTo>
                      <a:pt x="877" y="1117"/>
                    </a:lnTo>
                    <a:lnTo>
                      <a:pt x="864" y="1145"/>
                    </a:lnTo>
                    <a:lnTo>
                      <a:pt x="861" y="1168"/>
                    </a:lnTo>
                    <a:lnTo>
                      <a:pt x="883" y="1171"/>
                    </a:lnTo>
                    <a:lnTo>
                      <a:pt x="918" y="1145"/>
                    </a:lnTo>
                    <a:lnTo>
                      <a:pt x="915" y="1157"/>
                    </a:lnTo>
                    <a:lnTo>
                      <a:pt x="886" y="1178"/>
                    </a:lnTo>
                    <a:lnTo>
                      <a:pt x="886" y="1187"/>
                    </a:lnTo>
                    <a:lnTo>
                      <a:pt x="932" y="1207"/>
                    </a:lnTo>
                    <a:lnTo>
                      <a:pt x="925" y="1216"/>
                    </a:lnTo>
                    <a:lnTo>
                      <a:pt x="881" y="1207"/>
                    </a:lnTo>
                    <a:lnTo>
                      <a:pt x="871" y="1195"/>
                    </a:lnTo>
                    <a:lnTo>
                      <a:pt x="827" y="1218"/>
                    </a:lnTo>
                    <a:lnTo>
                      <a:pt x="823" y="1225"/>
                    </a:lnTo>
                    <a:lnTo>
                      <a:pt x="825" y="1264"/>
                    </a:lnTo>
                    <a:lnTo>
                      <a:pt x="803" y="1312"/>
                    </a:lnTo>
                    <a:lnTo>
                      <a:pt x="816" y="1322"/>
                    </a:lnTo>
                    <a:lnTo>
                      <a:pt x="841" y="1310"/>
                    </a:lnTo>
                    <a:lnTo>
                      <a:pt x="833" y="1326"/>
                    </a:lnTo>
                    <a:lnTo>
                      <a:pt x="823" y="1332"/>
                    </a:lnTo>
                    <a:lnTo>
                      <a:pt x="827" y="1339"/>
                    </a:lnTo>
                    <a:lnTo>
                      <a:pt x="807" y="1337"/>
                    </a:lnTo>
                    <a:lnTo>
                      <a:pt x="798" y="1356"/>
                    </a:lnTo>
                    <a:lnTo>
                      <a:pt x="808" y="1365"/>
                    </a:lnTo>
                    <a:lnTo>
                      <a:pt x="832" y="1359"/>
                    </a:lnTo>
                    <a:lnTo>
                      <a:pt x="833" y="1349"/>
                    </a:lnTo>
                    <a:lnTo>
                      <a:pt x="846" y="1356"/>
                    </a:lnTo>
                    <a:lnTo>
                      <a:pt x="861" y="1331"/>
                    </a:lnTo>
                    <a:lnTo>
                      <a:pt x="872" y="1326"/>
                    </a:lnTo>
                    <a:lnTo>
                      <a:pt x="869" y="1348"/>
                    </a:lnTo>
                    <a:lnTo>
                      <a:pt x="879" y="1320"/>
                    </a:lnTo>
                    <a:lnTo>
                      <a:pt x="894" y="1317"/>
                    </a:lnTo>
                    <a:lnTo>
                      <a:pt x="901" y="1293"/>
                    </a:lnTo>
                    <a:lnTo>
                      <a:pt x="906" y="1317"/>
                    </a:lnTo>
                    <a:lnTo>
                      <a:pt x="912" y="1280"/>
                    </a:lnTo>
                    <a:lnTo>
                      <a:pt x="917" y="1292"/>
                    </a:lnTo>
                    <a:lnTo>
                      <a:pt x="954" y="1288"/>
                    </a:lnTo>
                    <a:lnTo>
                      <a:pt x="957" y="1276"/>
                    </a:lnTo>
                    <a:lnTo>
                      <a:pt x="971" y="1267"/>
                    </a:lnTo>
                    <a:lnTo>
                      <a:pt x="960" y="1266"/>
                    </a:lnTo>
                    <a:lnTo>
                      <a:pt x="977" y="1241"/>
                    </a:lnTo>
                    <a:lnTo>
                      <a:pt x="974" y="1233"/>
                    </a:lnTo>
                    <a:lnTo>
                      <a:pt x="952" y="1246"/>
                    </a:lnTo>
                    <a:lnTo>
                      <a:pt x="951" y="1238"/>
                    </a:lnTo>
                    <a:lnTo>
                      <a:pt x="965" y="1229"/>
                    </a:lnTo>
                    <a:lnTo>
                      <a:pt x="968" y="1221"/>
                    </a:lnTo>
                    <a:lnTo>
                      <a:pt x="948" y="1215"/>
                    </a:lnTo>
                    <a:lnTo>
                      <a:pt x="962" y="1207"/>
                    </a:lnTo>
                    <a:lnTo>
                      <a:pt x="968" y="1196"/>
                    </a:lnTo>
                    <a:lnTo>
                      <a:pt x="957" y="1195"/>
                    </a:lnTo>
                    <a:lnTo>
                      <a:pt x="965" y="1187"/>
                    </a:lnTo>
                    <a:lnTo>
                      <a:pt x="976" y="1190"/>
                    </a:lnTo>
                    <a:lnTo>
                      <a:pt x="988" y="1171"/>
                    </a:lnTo>
                    <a:lnTo>
                      <a:pt x="977" y="1202"/>
                    </a:lnTo>
                    <a:lnTo>
                      <a:pt x="982" y="1207"/>
                    </a:lnTo>
                    <a:lnTo>
                      <a:pt x="993" y="1202"/>
                    </a:lnTo>
                    <a:lnTo>
                      <a:pt x="994" y="1179"/>
                    </a:lnTo>
                    <a:lnTo>
                      <a:pt x="997" y="1198"/>
                    </a:lnTo>
                    <a:lnTo>
                      <a:pt x="1005" y="1198"/>
                    </a:lnTo>
                    <a:lnTo>
                      <a:pt x="1042" y="1188"/>
                    </a:lnTo>
                    <a:lnTo>
                      <a:pt x="1040" y="1208"/>
                    </a:lnTo>
                    <a:lnTo>
                      <a:pt x="1038" y="1222"/>
                    </a:lnTo>
                    <a:lnTo>
                      <a:pt x="1069" y="1213"/>
                    </a:lnTo>
                    <a:lnTo>
                      <a:pt x="1057" y="1229"/>
                    </a:lnTo>
                    <a:lnTo>
                      <a:pt x="1082" y="1227"/>
                    </a:lnTo>
                    <a:lnTo>
                      <a:pt x="1079" y="1239"/>
                    </a:lnTo>
                    <a:lnTo>
                      <a:pt x="1103" y="1259"/>
                    </a:lnTo>
                    <a:lnTo>
                      <a:pt x="1118" y="1244"/>
                    </a:lnTo>
                    <a:lnTo>
                      <a:pt x="1123" y="1259"/>
                    </a:lnTo>
                    <a:lnTo>
                      <a:pt x="1155" y="1275"/>
                    </a:lnTo>
                    <a:lnTo>
                      <a:pt x="1161" y="1288"/>
                    </a:lnTo>
                    <a:lnTo>
                      <a:pt x="1211" y="1280"/>
                    </a:lnTo>
                    <a:lnTo>
                      <a:pt x="1263" y="1292"/>
                    </a:lnTo>
                    <a:lnTo>
                      <a:pt x="1284" y="1286"/>
                    </a:lnTo>
                    <a:lnTo>
                      <a:pt x="1288" y="1293"/>
                    </a:lnTo>
                    <a:lnTo>
                      <a:pt x="1282" y="1298"/>
                    </a:lnTo>
                    <a:lnTo>
                      <a:pt x="1285" y="1300"/>
                    </a:lnTo>
                    <a:lnTo>
                      <a:pt x="1319" y="1312"/>
                    </a:lnTo>
                    <a:lnTo>
                      <a:pt x="1350" y="1306"/>
                    </a:lnTo>
                    <a:lnTo>
                      <a:pt x="1370" y="1281"/>
                    </a:lnTo>
                    <a:lnTo>
                      <a:pt x="1392" y="1301"/>
                    </a:lnTo>
                    <a:lnTo>
                      <a:pt x="1384" y="1308"/>
                    </a:lnTo>
                    <a:lnTo>
                      <a:pt x="1384" y="1329"/>
                    </a:lnTo>
                    <a:lnTo>
                      <a:pt x="1373" y="1292"/>
                    </a:lnTo>
                    <a:lnTo>
                      <a:pt x="1369" y="1300"/>
                    </a:lnTo>
                    <a:lnTo>
                      <a:pt x="1369" y="1323"/>
                    </a:lnTo>
                    <a:lnTo>
                      <a:pt x="1358" y="1334"/>
                    </a:lnTo>
                    <a:lnTo>
                      <a:pt x="1411" y="1368"/>
                    </a:lnTo>
                    <a:lnTo>
                      <a:pt x="1426" y="1360"/>
                    </a:lnTo>
                    <a:lnTo>
                      <a:pt x="1424" y="1343"/>
                    </a:lnTo>
                    <a:lnTo>
                      <a:pt x="1433" y="1340"/>
                    </a:lnTo>
                    <a:close/>
                    <a:moveTo>
                      <a:pt x="391" y="1394"/>
                    </a:moveTo>
                    <a:lnTo>
                      <a:pt x="385" y="1414"/>
                    </a:lnTo>
                    <a:lnTo>
                      <a:pt x="376" y="1414"/>
                    </a:lnTo>
                    <a:lnTo>
                      <a:pt x="378" y="1403"/>
                    </a:lnTo>
                    <a:lnTo>
                      <a:pt x="391" y="1394"/>
                    </a:lnTo>
                    <a:close/>
                    <a:moveTo>
                      <a:pt x="317" y="572"/>
                    </a:moveTo>
                    <a:lnTo>
                      <a:pt x="326" y="568"/>
                    </a:lnTo>
                    <a:lnTo>
                      <a:pt x="337" y="592"/>
                    </a:lnTo>
                    <a:lnTo>
                      <a:pt x="322" y="594"/>
                    </a:lnTo>
                    <a:lnTo>
                      <a:pt x="314" y="579"/>
                    </a:lnTo>
                    <a:lnTo>
                      <a:pt x="317" y="572"/>
                    </a:lnTo>
                    <a:close/>
                    <a:moveTo>
                      <a:pt x="1038" y="1254"/>
                    </a:moveTo>
                    <a:lnTo>
                      <a:pt x="1045" y="1242"/>
                    </a:lnTo>
                    <a:lnTo>
                      <a:pt x="1064" y="1250"/>
                    </a:lnTo>
                    <a:lnTo>
                      <a:pt x="1045" y="1261"/>
                    </a:lnTo>
                    <a:lnTo>
                      <a:pt x="1038" y="1254"/>
                    </a:lnTo>
                    <a:close/>
                    <a:moveTo>
                      <a:pt x="993" y="1288"/>
                    </a:moveTo>
                    <a:lnTo>
                      <a:pt x="1018" y="1254"/>
                    </a:lnTo>
                    <a:lnTo>
                      <a:pt x="1027" y="1263"/>
                    </a:lnTo>
                    <a:lnTo>
                      <a:pt x="1002" y="1300"/>
                    </a:lnTo>
                    <a:lnTo>
                      <a:pt x="984" y="1306"/>
                    </a:lnTo>
                    <a:lnTo>
                      <a:pt x="993" y="1288"/>
                    </a:lnTo>
                    <a:close/>
                    <a:moveTo>
                      <a:pt x="767" y="1411"/>
                    </a:moveTo>
                    <a:lnTo>
                      <a:pt x="778" y="1420"/>
                    </a:lnTo>
                    <a:lnTo>
                      <a:pt x="769" y="1420"/>
                    </a:lnTo>
                    <a:lnTo>
                      <a:pt x="767" y="1411"/>
                    </a:lnTo>
                    <a:close/>
                    <a:moveTo>
                      <a:pt x="762" y="1444"/>
                    </a:moveTo>
                    <a:lnTo>
                      <a:pt x="754" y="1437"/>
                    </a:lnTo>
                    <a:lnTo>
                      <a:pt x="761" y="1430"/>
                    </a:lnTo>
                    <a:lnTo>
                      <a:pt x="781" y="1427"/>
                    </a:lnTo>
                    <a:lnTo>
                      <a:pt x="778" y="1437"/>
                    </a:lnTo>
                    <a:lnTo>
                      <a:pt x="787" y="1431"/>
                    </a:lnTo>
                    <a:lnTo>
                      <a:pt x="793" y="1448"/>
                    </a:lnTo>
                    <a:lnTo>
                      <a:pt x="756" y="1462"/>
                    </a:lnTo>
                    <a:lnTo>
                      <a:pt x="744" y="1450"/>
                    </a:lnTo>
                    <a:lnTo>
                      <a:pt x="762" y="1444"/>
                    </a:lnTo>
                    <a:close/>
                    <a:moveTo>
                      <a:pt x="669" y="1521"/>
                    </a:moveTo>
                    <a:lnTo>
                      <a:pt x="683" y="1501"/>
                    </a:lnTo>
                    <a:lnTo>
                      <a:pt x="700" y="1496"/>
                    </a:lnTo>
                    <a:lnTo>
                      <a:pt x="703" y="1498"/>
                    </a:lnTo>
                    <a:lnTo>
                      <a:pt x="700" y="1504"/>
                    </a:lnTo>
                    <a:lnTo>
                      <a:pt x="706" y="1516"/>
                    </a:lnTo>
                    <a:lnTo>
                      <a:pt x="713" y="1518"/>
                    </a:lnTo>
                    <a:lnTo>
                      <a:pt x="714" y="1501"/>
                    </a:lnTo>
                    <a:lnTo>
                      <a:pt x="719" y="1499"/>
                    </a:lnTo>
                    <a:lnTo>
                      <a:pt x="708" y="1486"/>
                    </a:lnTo>
                    <a:lnTo>
                      <a:pt x="710" y="1478"/>
                    </a:lnTo>
                    <a:lnTo>
                      <a:pt x="716" y="1476"/>
                    </a:lnTo>
                    <a:lnTo>
                      <a:pt x="725" y="1495"/>
                    </a:lnTo>
                    <a:lnTo>
                      <a:pt x="745" y="1481"/>
                    </a:lnTo>
                    <a:lnTo>
                      <a:pt x="742" y="1473"/>
                    </a:lnTo>
                    <a:lnTo>
                      <a:pt x="754" y="1474"/>
                    </a:lnTo>
                    <a:lnTo>
                      <a:pt x="757" y="1487"/>
                    </a:lnTo>
                    <a:lnTo>
                      <a:pt x="773" y="1476"/>
                    </a:lnTo>
                    <a:lnTo>
                      <a:pt x="773" y="1501"/>
                    </a:lnTo>
                    <a:lnTo>
                      <a:pt x="787" y="1501"/>
                    </a:lnTo>
                    <a:lnTo>
                      <a:pt x="781" y="1513"/>
                    </a:lnTo>
                    <a:lnTo>
                      <a:pt x="754" y="1506"/>
                    </a:lnTo>
                    <a:lnTo>
                      <a:pt x="750" y="1513"/>
                    </a:lnTo>
                    <a:lnTo>
                      <a:pt x="765" y="1516"/>
                    </a:lnTo>
                    <a:lnTo>
                      <a:pt x="767" y="1527"/>
                    </a:lnTo>
                    <a:lnTo>
                      <a:pt x="761" y="1520"/>
                    </a:lnTo>
                    <a:lnTo>
                      <a:pt x="745" y="1527"/>
                    </a:lnTo>
                    <a:lnTo>
                      <a:pt x="750" y="1530"/>
                    </a:lnTo>
                    <a:lnTo>
                      <a:pt x="722" y="1546"/>
                    </a:lnTo>
                    <a:lnTo>
                      <a:pt x="719" y="1564"/>
                    </a:lnTo>
                    <a:lnTo>
                      <a:pt x="702" y="1572"/>
                    </a:lnTo>
                    <a:lnTo>
                      <a:pt x="710" y="1557"/>
                    </a:lnTo>
                    <a:lnTo>
                      <a:pt x="703" y="1552"/>
                    </a:lnTo>
                    <a:lnTo>
                      <a:pt x="703" y="1541"/>
                    </a:lnTo>
                    <a:lnTo>
                      <a:pt x="696" y="1541"/>
                    </a:lnTo>
                    <a:lnTo>
                      <a:pt x="696" y="1558"/>
                    </a:lnTo>
                    <a:lnTo>
                      <a:pt x="691" y="1563"/>
                    </a:lnTo>
                    <a:lnTo>
                      <a:pt x="669" y="1521"/>
                    </a:lnTo>
                    <a:close/>
                    <a:moveTo>
                      <a:pt x="696" y="1592"/>
                    </a:moveTo>
                    <a:lnTo>
                      <a:pt x="689" y="1591"/>
                    </a:lnTo>
                    <a:lnTo>
                      <a:pt x="696" y="1586"/>
                    </a:lnTo>
                    <a:lnTo>
                      <a:pt x="696" y="1592"/>
                    </a:lnTo>
                    <a:close/>
                    <a:moveTo>
                      <a:pt x="672" y="1591"/>
                    </a:moveTo>
                    <a:lnTo>
                      <a:pt x="677" y="1588"/>
                    </a:lnTo>
                    <a:lnTo>
                      <a:pt x="679" y="1594"/>
                    </a:lnTo>
                    <a:lnTo>
                      <a:pt x="671" y="1603"/>
                    </a:lnTo>
                    <a:lnTo>
                      <a:pt x="672" y="1591"/>
                    </a:lnTo>
                    <a:close/>
                    <a:moveTo>
                      <a:pt x="183" y="1227"/>
                    </a:moveTo>
                    <a:lnTo>
                      <a:pt x="200" y="1210"/>
                    </a:lnTo>
                    <a:lnTo>
                      <a:pt x="227" y="1218"/>
                    </a:lnTo>
                    <a:lnTo>
                      <a:pt x="230" y="1232"/>
                    </a:lnTo>
                    <a:lnTo>
                      <a:pt x="212" y="1254"/>
                    </a:lnTo>
                    <a:lnTo>
                      <a:pt x="204" y="1233"/>
                    </a:lnTo>
                    <a:lnTo>
                      <a:pt x="183" y="1227"/>
                    </a:lnTo>
                    <a:close/>
                    <a:moveTo>
                      <a:pt x="81" y="1266"/>
                    </a:moveTo>
                    <a:lnTo>
                      <a:pt x="140" y="1254"/>
                    </a:lnTo>
                    <a:lnTo>
                      <a:pt x="166" y="1261"/>
                    </a:lnTo>
                    <a:lnTo>
                      <a:pt x="166" y="1281"/>
                    </a:lnTo>
                    <a:lnTo>
                      <a:pt x="170" y="1286"/>
                    </a:lnTo>
                    <a:lnTo>
                      <a:pt x="144" y="1308"/>
                    </a:lnTo>
                    <a:lnTo>
                      <a:pt x="98" y="1289"/>
                    </a:lnTo>
                    <a:lnTo>
                      <a:pt x="81" y="1266"/>
                    </a:lnTo>
                    <a:close/>
                    <a:moveTo>
                      <a:pt x="397" y="1689"/>
                    </a:moveTo>
                    <a:lnTo>
                      <a:pt x="393" y="1684"/>
                    </a:lnTo>
                    <a:lnTo>
                      <a:pt x="402" y="1685"/>
                    </a:lnTo>
                    <a:lnTo>
                      <a:pt x="402" y="1702"/>
                    </a:lnTo>
                    <a:lnTo>
                      <a:pt x="391" y="1701"/>
                    </a:lnTo>
                    <a:lnTo>
                      <a:pt x="388" y="1685"/>
                    </a:lnTo>
                    <a:lnTo>
                      <a:pt x="397" y="1689"/>
                    </a:lnTo>
                    <a:close/>
                    <a:moveTo>
                      <a:pt x="297" y="1758"/>
                    </a:moveTo>
                    <a:lnTo>
                      <a:pt x="307" y="1762"/>
                    </a:lnTo>
                    <a:lnTo>
                      <a:pt x="297" y="1758"/>
                    </a:lnTo>
                    <a:close/>
                    <a:moveTo>
                      <a:pt x="148" y="1775"/>
                    </a:moveTo>
                    <a:lnTo>
                      <a:pt x="157" y="1787"/>
                    </a:lnTo>
                    <a:lnTo>
                      <a:pt x="144" y="1790"/>
                    </a:lnTo>
                    <a:lnTo>
                      <a:pt x="144" y="1779"/>
                    </a:lnTo>
                    <a:lnTo>
                      <a:pt x="148" y="1775"/>
                    </a:lnTo>
                    <a:close/>
                    <a:moveTo>
                      <a:pt x="69" y="1850"/>
                    </a:moveTo>
                    <a:lnTo>
                      <a:pt x="66" y="1845"/>
                    </a:lnTo>
                    <a:lnTo>
                      <a:pt x="85" y="1840"/>
                    </a:lnTo>
                    <a:lnTo>
                      <a:pt x="98" y="1818"/>
                    </a:lnTo>
                    <a:lnTo>
                      <a:pt x="106" y="1818"/>
                    </a:lnTo>
                    <a:lnTo>
                      <a:pt x="100" y="1815"/>
                    </a:lnTo>
                    <a:lnTo>
                      <a:pt x="95" y="1801"/>
                    </a:lnTo>
                    <a:lnTo>
                      <a:pt x="108" y="1798"/>
                    </a:lnTo>
                    <a:lnTo>
                      <a:pt x="117" y="1806"/>
                    </a:lnTo>
                    <a:lnTo>
                      <a:pt x="125" y="1796"/>
                    </a:lnTo>
                    <a:lnTo>
                      <a:pt x="132" y="1801"/>
                    </a:lnTo>
                    <a:lnTo>
                      <a:pt x="120" y="1818"/>
                    </a:lnTo>
                    <a:lnTo>
                      <a:pt x="128" y="1821"/>
                    </a:lnTo>
                    <a:lnTo>
                      <a:pt x="108" y="1838"/>
                    </a:lnTo>
                    <a:lnTo>
                      <a:pt x="69" y="1850"/>
                    </a:lnTo>
                    <a:close/>
                    <a:moveTo>
                      <a:pt x="0" y="1891"/>
                    </a:moveTo>
                    <a:lnTo>
                      <a:pt x="18" y="1854"/>
                    </a:lnTo>
                    <a:lnTo>
                      <a:pt x="34" y="1848"/>
                    </a:lnTo>
                    <a:lnTo>
                      <a:pt x="35" y="1838"/>
                    </a:lnTo>
                    <a:lnTo>
                      <a:pt x="57" y="1835"/>
                    </a:lnTo>
                    <a:lnTo>
                      <a:pt x="57" y="1846"/>
                    </a:lnTo>
                    <a:lnTo>
                      <a:pt x="0" y="1891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</p:grpSp>
        <p:grpSp>
          <p:nvGrpSpPr>
            <p:cNvPr id="8" name="Group 273"/>
            <p:cNvGrpSpPr>
              <a:grpSpLocks/>
            </p:cNvGrpSpPr>
            <p:nvPr/>
          </p:nvGrpSpPr>
          <p:grpSpPr bwMode="auto">
            <a:xfrm>
              <a:off x="4841875" y="2460626"/>
              <a:ext cx="220663" cy="425450"/>
              <a:chOff x="2297" y="263"/>
              <a:chExt cx="1873" cy="3596"/>
            </a:xfrm>
          </p:grpSpPr>
          <p:sp>
            <p:nvSpPr>
              <p:cNvPr id="918" name="Freeform 274"/>
              <p:cNvSpPr>
                <a:spLocks noChangeAspect="1"/>
              </p:cNvSpPr>
              <p:nvPr/>
            </p:nvSpPr>
            <p:spPr bwMode="auto">
              <a:xfrm>
                <a:off x="2297" y="2222"/>
                <a:ext cx="486" cy="402"/>
              </a:xfrm>
              <a:custGeom>
                <a:avLst/>
                <a:gdLst>
                  <a:gd name="T0" fmla="*/ 10 w 1213"/>
                  <a:gd name="T1" fmla="*/ 35 h 1004"/>
                  <a:gd name="T2" fmla="*/ 5 w 1213"/>
                  <a:gd name="T3" fmla="*/ 36 h 1004"/>
                  <a:gd name="T4" fmla="*/ 0 w 1213"/>
                  <a:gd name="T5" fmla="*/ 40 h 1004"/>
                  <a:gd name="T6" fmla="*/ 8 w 1213"/>
                  <a:gd name="T7" fmla="*/ 51 h 1004"/>
                  <a:gd name="T8" fmla="*/ 18 w 1213"/>
                  <a:gd name="T9" fmla="*/ 57 h 1004"/>
                  <a:gd name="T10" fmla="*/ 27 w 1213"/>
                  <a:gd name="T11" fmla="*/ 58 h 1004"/>
                  <a:gd name="T12" fmla="*/ 30 w 1213"/>
                  <a:gd name="T13" fmla="*/ 49 h 1004"/>
                  <a:gd name="T14" fmla="*/ 34 w 1213"/>
                  <a:gd name="T15" fmla="*/ 42 h 1004"/>
                  <a:gd name="T16" fmla="*/ 38 w 1213"/>
                  <a:gd name="T17" fmla="*/ 48 h 1004"/>
                  <a:gd name="T18" fmla="*/ 42 w 1213"/>
                  <a:gd name="T19" fmla="*/ 54 h 1004"/>
                  <a:gd name="T20" fmla="*/ 46 w 1213"/>
                  <a:gd name="T21" fmla="*/ 55 h 1004"/>
                  <a:gd name="T22" fmla="*/ 46 w 1213"/>
                  <a:gd name="T23" fmla="*/ 60 h 1004"/>
                  <a:gd name="T24" fmla="*/ 56 w 1213"/>
                  <a:gd name="T25" fmla="*/ 59 h 1004"/>
                  <a:gd name="T26" fmla="*/ 58 w 1213"/>
                  <a:gd name="T27" fmla="*/ 64 h 1004"/>
                  <a:gd name="T28" fmla="*/ 65 w 1213"/>
                  <a:gd name="T29" fmla="*/ 60 h 1004"/>
                  <a:gd name="T30" fmla="*/ 67 w 1213"/>
                  <a:gd name="T31" fmla="*/ 54 h 1004"/>
                  <a:gd name="T32" fmla="*/ 73 w 1213"/>
                  <a:gd name="T33" fmla="*/ 52 h 1004"/>
                  <a:gd name="T34" fmla="*/ 77 w 1213"/>
                  <a:gd name="T35" fmla="*/ 48 h 1004"/>
                  <a:gd name="T36" fmla="*/ 73 w 1213"/>
                  <a:gd name="T37" fmla="*/ 37 h 1004"/>
                  <a:gd name="T38" fmla="*/ 77 w 1213"/>
                  <a:gd name="T39" fmla="*/ 44 h 1004"/>
                  <a:gd name="T40" fmla="*/ 78 w 1213"/>
                  <a:gd name="T41" fmla="*/ 39 h 1004"/>
                  <a:gd name="T42" fmla="*/ 73 w 1213"/>
                  <a:gd name="T43" fmla="*/ 30 h 1004"/>
                  <a:gd name="T44" fmla="*/ 64 w 1213"/>
                  <a:gd name="T45" fmla="*/ 32 h 1004"/>
                  <a:gd name="T46" fmla="*/ 67 w 1213"/>
                  <a:gd name="T47" fmla="*/ 26 h 1004"/>
                  <a:gd name="T48" fmla="*/ 67 w 1213"/>
                  <a:gd name="T49" fmla="*/ 17 h 1004"/>
                  <a:gd name="T50" fmla="*/ 59 w 1213"/>
                  <a:gd name="T51" fmla="*/ 4 h 1004"/>
                  <a:gd name="T52" fmla="*/ 49 w 1213"/>
                  <a:gd name="T53" fmla="*/ 0 h 1004"/>
                  <a:gd name="T54" fmla="*/ 28 w 1213"/>
                  <a:gd name="T55" fmla="*/ 9 h 1004"/>
                  <a:gd name="T56" fmla="*/ 23 w 1213"/>
                  <a:gd name="T57" fmla="*/ 10 h 1004"/>
                  <a:gd name="T58" fmla="*/ 18 w 1213"/>
                  <a:gd name="T59" fmla="*/ 24 h 1004"/>
                  <a:gd name="T60" fmla="*/ 9 w 1213"/>
                  <a:gd name="T61" fmla="*/ 26 h 1004"/>
                  <a:gd name="T62" fmla="*/ 7 w 1213"/>
                  <a:gd name="T63" fmla="*/ 30 h 1004"/>
                  <a:gd name="T64" fmla="*/ 13 w 1213"/>
                  <a:gd name="T65" fmla="*/ 32 h 1004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1213"/>
                  <a:gd name="T100" fmla="*/ 0 h 1004"/>
                  <a:gd name="T101" fmla="*/ 1213 w 1213"/>
                  <a:gd name="T102" fmla="*/ 1004 h 1004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1213" h="1004">
                    <a:moveTo>
                      <a:pt x="160" y="545"/>
                    </a:moveTo>
                    <a:lnTo>
                      <a:pt x="77" y="557"/>
                    </a:lnTo>
                    <a:lnTo>
                      <a:pt x="0" y="618"/>
                    </a:lnTo>
                    <a:lnTo>
                      <a:pt x="125" y="799"/>
                    </a:lnTo>
                    <a:lnTo>
                      <a:pt x="278" y="891"/>
                    </a:lnTo>
                    <a:lnTo>
                      <a:pt x="414" y="896"/>
                    </a:lnTo>
                    <a:lnTo>
                      <a:pt x="458" y="759"/>
                    </a:lnTo>
                    <a:lnTo>
                      <a:pt x="528" y="657"/>
                    </a:lnTo>
                    <a:lnTo>
                      <a:pt x="600" y="741"/>
                    </a:lnTo>
                    <a:lnTo>
                      <a:pt x="652" y="842"/>
                    </a:lnTo>
                    <a:lnTo>
                      <a:pt x="708" y="858"/>
                    </a:lnTo>
                    <a:lnTo>
                      <a:pt x="717" y="939"/>
                    </a:lnTo>
                    <a:lnTo>
                      <a:pt x="867" y="916"/>
                    </a:lnTo>
                    <a:lnTo>
                      <a:pt x="906" y="1004"/>
                    </a:lnTo>
                    <a:lnTo>
                      <a:pt x="1019" y="930"/>
                    </a:lnTo>
                    <a:lnTo>
                      <a:pt x="1038" y="847"/>
                    </a:lnTo>
                    <a:lnTo>
                      <a:pt x="1141" y="817"/>
                    </a:lnTo>
                    <a:lnTo>
                      <a:pt x="1192" y="755"/>
                    </a:lnTo>
                    <a:lnTo>
                      <a:pt x="1130" y="579"/>
                    </a:lnTo>
                    <a:lnTo>
                      <a:pt x="1192" y="692"/>
                    </a:lnTo>
                    <a:lnTo>
                      <a:pt x="1213" y="609"/>
                    </a:lnTo>
                    <a:lnTo>
                      <a:pt x="1130" y="475"/>
                    </a:lnTo>
                    <a:lnTo>
                      <a:pt x="998" y="496"/>
                    </a:lnTo>
                    <a:lnTo>
                      <a:pt x="1049" y="413"/>
                    </a:lnTo>
                    <a:lnTo>
                      <a:pt x="1049" y="259"/>
                    </a:lnTo>
                    <a:lnTo>
                      <a:pt x="915" y="62"/>
                    </a:lnTo>
                    <a:lnTo>
                      <a:pt x="760" y="0"/>
                    </a:lnTo>
                    <a:lnTo>
                      <a:pt x="434" y="144"/>
                    </a:lnTo>
                    <a:lnTo>
                      <a:pt x="359" y="158"/>
                    </a:lnTo>
                    <a:lnTo>
                      <a:pt x="284" y="380"/>
                    </a:lnTo>
                    <a:lnTo>
                      <a:pt x="140" y="402"/>
                    </a:lnTo>
                    <a:lnTo>
                      <a:pt x="114" y="462"/>
                    </a:lnTo>
                    <a:lnTo>
                      <a:pt x="197" y="504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19" name="Freeform 275"/>
              <p:cNvSpPr>
                <a:spLocks noChangeAspect="1"/>
              </p:cNvSpPr>
              <p:nvPr/>
            </p:nvSpPr>
            <p:spPr bwMode="auto">
              <a:xfrm>
                <a:off x="2675" y="1018"/>
                <a:ext cx="1495" cy="2841"/>
              </a:xfrm>
              <a:custGeom>
                <a:avLst/>
                <a:gdLst>
                  <a:gd name="T0" fmla="*/ 144207 w 111"/>
                  <a:gd name="T1" fmla="*/ 480789 h 211"/>
                  <a:gd name="T2" fmla="*/ 158726 w 111"/>
                  <a:gd name="T3" fmla="*/ 476076 h 211"/>
                  <a:gd name="T4" fmla="*/ 166161 w 111"/>
                  <a:gd name="T5" fmla="*/ 468644 h 211"/>
                  <a:gd name="T6" fmla="*/ 244345 w 111"/>
                  <a:gd name="T7" fmla="*/ 463743 h 211"/>
                  <a:gd name="T8" fmla="*/ 261396 w 111"/>
                  <a:gd name="T9" fmla="*/ 444341 h 211"/>
                  <a:gd name="T10" fmla="*/ 232196 w 111"/>
                  <a:gd name="T11" fmla="*/ 432020 h 211"/>
                  <a:gd name="T12" fmla="*/ 236910 w 111"/>
                  <a:gd name="T13" fmla="*/ 419876 h 211"/>
                  <a:gd name="T14" fmla="*/ 254137 w 111"/>
                  <a:gd name="T15" fmla="*/ 405186 h 211"/>
                  <a:gd name="T16" fmla="*/ 271188 w 111"/>
                  <a:gd name="T17" fmla="*/ 375995 h 211"/>
                  <a:gd name="T18" fmla="*/ 251604 w 111"/>
                  <a:gd name="T19" fmla="*/ 351530 h 211"/>
                  <a:gd name="T20" fmla="*/ 224748 w 111"/>
                  <a:gd name="T21" fmla="*/ 361319 h 211"/>
                  <a:gd name="T22" fmla="*/ 212600 w 111"/>
                  <a:gd name="T23" fmla="*/ 358774 h 211"/>
                  <a:gd name="T24" fmla="*/ 200263 w 111"/>
                  <a:gd name="T25" fmla="*/ 307649 h 211"/>
                  <a:gd name="T26" fmla="*/ 214957 w 111"/>
                  <a:gd name="T27" fmla="*/ 302762 h 211"/>
                  <a:gd name="T28" fmla="*/ 173420 w 111"/>
                  <a:gd name="T29" fmla="*/ 253805 h 211"/>
                  <a:gd name="T30" fmla="*/ 156369 w 111"/>
                  <a:gd name="T31" fmla="*/ 197793 h 211"/>
                  <a:gd name="T32" fmla="*/ 122078 w 111"/>
                  <a:gd name="T33" fmla="*/ 168413 h 211"/>
                  <a:gd name="T34" fmla="*/ 105027 w 111"/>
                  <a:gd name="T35" fmla="*/ 158625 h 211"/>
                  <a:gd name="T36" fmla="*/ 109930 w 111"/>
                  <a:gd name="T37" fmla="*/ 141592 h 211"/>
                  <a:gd name="T38" fmla="*/ 134415 w 111"/>
                  <a:gd name="T39" fmla="*/ 114758 h 211"/>
                  <a:gd name="T40" fmla="*/ 149109 w 111"/>
                  <a:gd name="T41" fmla="*/ 83035 h 211"/>
                  <a:gd name="T42" fmla="*/ 97781 w 111"/>
                  <a:gd name="T43" fmla="*/ 61102 h 211"/>
                  <a:gd name="T44" fmla="*/ 68393 w 111"/>
                  <a:gd name="T45" fmla="*/ 63458 h 211"/>
                  <a:gd name="T46" fmla="*/ 78184 w 111"/>
                  <a:gd name="T47" fmla="*/ 53656 h 211"/>
                  <a:gd name="T48" fmla="*/ 68393 w 111"/>
                  <a:gd name="T49" fmla="*/ 48768 h 211"/>
                  <a:gd name="T50" fmla="*/ 105027 w 111"/>
                  <a:gd name="T51" fmla="*/ 4901 h 211"/>
                  <a:gd name="T52" fmla="*/ 41537 w 111"/>
                  <a:gd name="T53" fmla="*/ 4901 h 211"/>
                  <a:gd name="T54" fmla="*/ 26843 w 111"/>
                  <a:gd name="T55" fmla="*/ 26835 h 211"/>
                  <a:gd name="T56" fmla="*/ 24486 w 111"/>
                  <a:gd name="T57" fmla="*/ 36623 h 211"/>
                  <a:gd name="T58" fmla="*/ 12149 w 111"/>
                  <a:gd name="T59" fmla="*/ 53656 h 211"/>
                  <a:gd name="T60" fmla="*/ 17051 w 111"/>
                  <a:gd name="T61" fmla="*/ 73247 h 211"/>
                  <a:gd name="T62" fmla="*/ 9792 w 111"/>
                  <a:gd name="T63" fmla="*/ 83035 h 211"/>
                  <a:gd name="T64" fmla="*/ 17051 w 111"/>
                  <a:gd name="T65" fmla="*/ 85392 h 211"/>
                  <a:gd name="T66" fmla="*/ 9792 w 111"/>
                  <a:gd name="T67" fmla="*/ 122015 h 211"/>
                  <a:gd name="T68" fmla="*/ 14694 w 111"/>
                  <a:gd name="T69" fmla="*/ 141592 h 211"/>
                  <a:gd name="T70" fmla="*/ 17051 w 111"/>
                  <a:gd name="T71" fmla="*/ 173314 h 211"/>
                  <a:gd name="T72" fmla="*/ 12149 w 111"/>
                  <a:gd name="T73" fmla="*/ 209938 h 211"/>
                  <a:gd name="T74" fmla="*/ 29388 w 111"/>
                  <a:gd name="T75" fmla="*/ 185459 h 211"/>
                  <a:gd name="T76" fmla="*/ 34291 w 111"/>
                  <a:gd name="T77" fmla="*/ 156268 h 211"/>
                  <a:gd name="T78" fmla="*/ 41537 w 111"/>
                  <a:gd name="T79" fmla="*/ 173314 h 211"/>
                  <a:gd name="T80" fmla="*/ 51342 w 111"/>
                  <a:gd name="T81" fmla="*/ 173314 h 211"/>
                  <a:gd name="T82" fmla="*/ 43894 w 111"/>
                  <a:gd name="T83" fmla="*/ 188004 h 211"/>
                  <a:gd name="T84" fmla="*/ 36648 w 111"/>
                  <a:gd name="T85" fmla="*/ 236772 h 211"/>
                  <a:gd name="T86" fmla="*/ 36648 w 111"/>
                  <a:gd name="T87" fmla="*/ 251449 h 211"/>
                  <a:gd name="T88" fmla="*/ 43894 w 111"/>
                  <a:gd name="T89" fmla="*/ 239304 h 211"/>
                  <a:gd name="T90" fmla="*/ 61133 w 111"/>
                  <a:gd name="T91" fmla="*/ 239304 h 211"/>
                  <a:gd name="T92" fmla="*/ 95236 w 111"/>
                  <a:gd name="T93" fmla="*/ 239304 h 211"/>
                  <a:gd name="T94" fmla="*/ 100138 w 111"/>
                  <a:gd name="T95" fmla="*/ 285541 h 211"/>
                  <a:gd name="T96" fmla="*/ 107573 w 111"/>
                  <a:gd name="T97" fmla="*/ 302762 h 211"/>
                  <a:gd name="T98" fmla="*/ 107573 w 111"/>
                  <a:gd name="T99" fmla="*/ 319794 h 211"/>
                  <a:gd name="T100" fmla="*/ 107573 w 111"/>
                  <a:gd name="T101" fmla="*/ 331939 h 211"/>
                  <a:gd name="T102" fmla="*/ 51342 w 111"/>
                  <a:gd name="T103" fmla="*/ 358774 h 211"/>
                  <a:gd name="T104" fmla="*/ 70925 w 111"/>
                  <a:gd name="T105" fmla="*/ 371107 h 211"/>
                  <a:gd name="T106" fmla="*/ 68393 w 111"/>
                  <a:gd name="T107" fmla="*/ 390496 h 211"/>
                  <a:gd name="T108" fmla="*/ 36648 w 111"/>
                  <a:gd name="T109" fmla="*/ 427119 h 211"/>
                  <a:gd name="T110" fmla="*/ 66036 w 111"/>
                  <a:gd name="T111" fmla="*/ 429664 h 211"/>
                  <a:gd name="T112" fmla="*/ 95236 w 111"/>
                  <a:gd name="T113" fmla="*/ 439453 h 211"/>
                  <a:gd name="T114" fmla="*/ 122078 w 111"/>
                  <a:gd name="T115" fmla="*/ 424763 h 211"/>
                  <a:gd name="T116" fmla="*/ 68393 w 111"/>
                  <a:gd name="T117" fmla="*/ 451598 h 211"/>
                  <a:gd name="T118" fmla="*/ 19597 w 111"/>
                  <a:gd name="T119" fmla="*/ 515056 h 211"/>
                  <a:gd name="T120" fmla="*/ 34291 w 111"/>
                  <a:gd name="T121" fmla="*/ 515056 h 211"/>
                  <a:gd name="T122" fmla="*/ 85444 w 111"/>
                  <a:gd name="T123" fmla="*/ 500366 h 211"/>
                  <a:gd name="T124" fmla="*/ 114832 w 111"/>
                  <a:gd name="T125" fmla="*/ 473531 h 211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60000 65536"/>
                  <a:gd name="T181" fmla="*/ 0 60000 65536"/>
                  <a:gd name="T182" fmla="*/ 0 60000 65536"/>
                  <a:gd name="T183" fmla="*/ 0 60000 65536"/>
                  <a:gd name="T184" fmla="*/ 0 60000 65536"/>
                  <a:gd name="T185" fmla="*/ 0 60000 65536"/>
                  <a:gd name="T186" fmla="*/ 0 60000 65536"/>
                  <a:gd name="T187" fmla="*/ 0 60000 65536"/>
                  <a:gd name="T188" fmla="*/ 0 60000 65536"/>
                  <a:gd name="T189" fmla="*/ 0 w 111"/>
                  <a:gd name="T190" fmla="*/ 0 h 211"/>
                  <a:gd name="T191" fmla="*/ 111 w 111"/>
                  <a:gd name="T192" fmla="*/ 211 h 211"/>
                </a:gdLst>
                <a:ahLst/>
                <a:cxnLst>
                  <a:cxn ang="T126">
                    <a:pos x="T0" y="T1"/>
                  </a:cxn>
                  <a:cxn ang="T127">
                    <a:pos x="T2" y="T3"/>
                  </a:cxn>
                  <a:cxn ang="T128">
                    <a:pos x="T4" y="T5"/>
                  </a:cxn>
                  <a:cxn ang="T129">
                    <a:pos x="T6" y="T7"/>
                  </a:cxn>
                  <a:cxn ang="T130">
                    <a:pos x="T8" y="T9"/>
                  </a:cxn>
                  <a:cxn ang="T131">
                    <a:pos x="T10" y="T11"/>
                  </a:cxn>
                  <a:cxn ang="T132">
                    <a:pos x="T12" y="T13"/>
                  </a:cxn>
                  <a:cxn ang="T133">
                    <a:pos x="T14" y="T15"/>
                  </a:cxn>
                  <a:cxn ang="T134">
                    <a:pos x="T16" y="T17"/>
                  </a:cxn>
                  <a:cxn ang="T135">
                    <a:pos x="T18" y="T19"/>
                  </a:cxn>
                  <a:cxn ang="T136">
                    <a:pos x="T20" y="T21"/>
                  </a:cxn>
                  <a:cxn ang="T137">
                    <a:pos x="T22" y="T23"/>
                  </a:cxn>
                  <a:cxn ang="T138">
                    <a:pos x="T24" y="T25"/>
                  </a:cxn>
                  <a:cxn ang="T139">
                    <a:pos x="T26" y="T27"/>
                  </a:cxn>
                  <a:cxn ang="T140">
                    <a:pos x="T28" y="T29"/>
                  </a:cxn>
                  <a:cxn ang="T141">
                    <a:pos x="T30" y="T31"/>
                  </a:cxn>
                  <a:cxn ang="T142">
                    <a:pos x="T32" y="T33"/>
                  </a:cxn>
                  <a:cxn ang="T143">
                    <a:pos x="T34" y="T35"/>
                  </a:cxn>
                  <a:cxn ang="T144">
                    <a:pos x="T36" y="T37"/>
                  </a:cxn>
                  <a:cxn ang="T145">
                    <a:pos x="T38" y="T39"/>
                  </a:cxn>
                  <a:cxn ang="T146">
                    <a:pos x="T40" y="T41"/>
                  </a:cxn>
                  <a:cxn ang="T147">
                    <a:pos x="T42" y="T43"/>
                  </a:cxn>
                  <a:cxn ang="T148">
                    <a:pos x="T44" y="T45"/>
                  </a:cxn>
                  <a:cxn ang="T149">
                    <a:pos x="T46" y="T47"/>
                  </a:cxn>
                  <a:cxn ang="T150">
                    <a:pos x="T48" y="T49"/>
                  </a:cxn>
                  <a:cxn ang="T151">
                    <a:pos x="T50" y="T51"/>
                  </a:cxn>
                  <a:cxn ang="T152">
                    <a:pos x="T52" y="T53"/>
                  </a:cxn>
                  <a:cxn ang="T153">
                    <a:pos x="T54" y="T55"/>
                  </a:cxn>
                  <a:cxn ang="T154">
                    <a:pos x="T56" y="T57"/>
                  </a:cxn>
                  <a:cxn ang="T155">
                    <a:pos x="T58" y="T59"/>
                  </a:cxn>
                  <a:cxn ang="T156">
                    <a:pos x="T60" y="T61"/>
                  </a:cxn>
                  <a:cxn ang="T157">
                    <a:pos x="T62" y="T63"/>
                  </a:cxn>
                  <a:cxn ang="T158">
                    <a:pos x="T64" y="T65"/>
                  </a:cxn>
                  <a:cxn ang="T159">
                    <a:pos x="T66" y="T67"/>
                  </a:cxn>
                  <a:cxn ang="T160">
                    <a:pos x="T68" y="T69"/>
                  </a:cxn>
                  <a:cxn ang="T161">
                    <a:pos x="T70" y="T71"/>
                  </a:cxn>
                  <a:cxn ang="T162">
                    <a:pos x="T72" y="T73"/>
                  </a:cxn>
                  <a:cxn ang="T163">
                    <a:pos x="T74" y="T75"/>
                  </a:cxn>
                  <a:cxn ang="T164">
                    <a:pos x="T76" y="T77"/>
                  </a:cxn>
                  <a:cxn ang="T165">
                    <a:pos x="T78" y="T79"/>
                  </a:cxn>
                  <a:cxn ang="T166">
                    <a:pos x="T80" y="T81"/>
                  </a:cxn>
                  <a:cxn ang="T167">
                    <a:pos x="T82" y="T83"/>
                  </a:cxn>
                  <a:cxn ang="T168">
                    <a:pos x="T84" y="T85"/>
                  </a:cxn>
                  <a:cxn ang="T169">
                    <a:pos x="T86" y="T87"/>
                  </a:cxn>
                  <a:cxn ang="T170">
                    <a:pos x="T88" y="T89"/>
                  </a:cxn>
                  <a:cxn ang="T171">
                    <a:pos x="T90" y="T91"/>
                  </a:cxn>
                  <a:cxn ang="T172">
                    <a:pos x="T92" y="T93"/>
                  </a:cxn>
                  <a:cxn ang="T173">
                    <a:pos x="T94" y="T95"/>
                  </a:cxn>
                  <a:cxn ang="T174">
                    <a:pos x="T96" y="T97"/>
                  </a:cxn>
                  <a:cxn ang="T175">
                    <a:pos x="T98" y="T99"/>
                  </a:cxn>
                  <a:cxn ang="T176">
                    <a:pos x="T100" y="T101"/>
                  </a:cxn>
                  <a:cxn ang="T177">
                    <a:pos x="T102" y="T103"/>
                  </a:cxn>
                  <a:cxn ang="T178">
                    <a:pos x="T104" y="T105"/>
                  </a:cxn>
                  <a:cxn ang="T179">
                    <a:pos x="T106" y="T107"/>
                  </a:cxn>
                  <a:cxn ang="T180">
                    <a:pos x="T108" y="T109"/>
                  </a:cxn>
                  <a:cxn ang="T181">
                    <a:pos x="T110" y="T111"/>
                  </a:cxn>
                  <a:cxn ang="T182">
                    <a:pos x="T112" y="T113"/>
                  </a:cxn>
                  <a:cxn ang="T183">
                    <a:pos x="T114" y="T115"/>
                  </a:cxn>
                  <a:cxn ang="T184">
                    <a:pos x="T116" y="T117"/>
                  </a:cxn>
                  <a:cxn ang="T185">
                    <a:pos x="T118" y="T119"/>
                  </a:cxn>
                  <a:cxn ang="T186">
                    <a:pos x="T120" y="T121"/>
                  </a:cxn>
                  <a:cxn ang="T187">
                    <a:pos x="T122" y="T123"/>
                  </a:cxn>
                  <a:cxn ang="T188">
                    <a:pos x="T124" y="T125"/>
                  </a:cxn>
                </a:cxnLst>
                <a:rect l="T189" t="T190" r="T191" b="T192"/>
                <a:pathLst>
                  <a:path w="111" h="211">
                    <a:moveTo>
                      <a:pt x="52" y="199"/>
                    </a:moveTo>
                    <a:lnTo>
                      <a:pt x="59" y="197"/>
                    </a:lnTo>
                    <a:lnTo>
                      <a:pt x="58" y="195"/>
                    </a:lnTo>
                    <a:lnTo>
                      <a:pt x="65" y="195"/>
                    </a:lnTo>
                    <a:lnTo>
                      <a:pt x="68" y="194"/>
                    </a:lnTo>
                    <a:lnTo>
                      <a:pt x="68" y="192"/>
                    </a:lnTo>
                    <a:lnTo>
                      <a:pt x="75" y="194"/>
                    </a:lnTo>
                    <a:lnTo>
                      <a:pt x="100" y="190"/>
                    </a:lnTo>
                    <a:lnTo>
                      <a:pt x="106" y="185"/>
                    </a:lnTo>
                    <a:lnTo>
                      <a:pt x="107" y="182"/>
                    </a:lnTo>
                    <a:lnTo>
                      <a:pt x="96" y="181"/>
                    </a:lnTo>
                    <a:lnTo>
                      <a:pt x="95" y="177"/>
                    </a:lnTo>
                    <a:lnTo>
                      <a:pt x="100" y="173"/>
                    </a:lnTo>
                    <a:lnTo>
                      <a:pt x="97" y="172"/>
                    </a:lnTo>
                    <a:lnTo>
                      <a:pt x="104" y="171"/>
                    </a:lnTo>
                    <a:lnTo>
                      <a:pt x="104" y="166"/>
                    </a:lnTo>
                    <a:lnTo>
                      <a:pt x="109" y="163"/>
                    </a:lnTo>
                    <a:lnTo>
                      <a:pt x="111" y="154"/>
                    </a:lnTo>
                    <a:lnTo>
                      <a:pt x="110" y="150"/>
                    </a:lnTo>
                    <a:lnTo>
                      <a:pt x="103" y="144"/>
                    </a:lnTo>
                    <a:lnTo>
                      <a:pt x="94" y="145"/>
                    </a:lnTo>
                    <a:lnTo>
                      <a:pt x="92" y="148"/>
                    </a:lnTo>
                    <a:lnTo>
                      <a:pt x="88" y="147"/>
                    </a:lnTo>
                    <a:lnTo>
                      <a:pt x="87" y="147"/>
                    </a:lnTo>
                    <a:lnTo>
                      <a:pt x="92" y="136"/>
                    </a:lnTo>
                    <a:lnTo>
                      <a:pt x="82" y="126"/>
                    </a:lnTo>
                    <a:lnTo>
                      <a:pt x="89" y="128"/>
                    </a:lnTo>
                    <a:lnTo>
                      <a:pt x="88" y="124"/>
                    </a:lnTo>
                    <a:lnTo>
                      <a:pt x="78" y="106"/>
                    </a:lnTo>
                    <a:lnTo>
                      <a:pt x="71" y="104"/>
                    </a:lnTo>
                    <a:lnTo>
                      <a:pt x="66" y="91"/>
                    </a:lnTo>
                    <a:lnTo>
                      <a:pt x="64" y="81"/>
                    </a:lnTo>
                    <a:lnTo>
                      <a:pt x="58" y="73"/>
                    </a:lnTo>
                    <a:lnTo>
                      <a:pt x="50" y="69"/>
                    </a:lnTo>
                    <a:lnTo>
                      <a:pt x="41" y="69"/>
                    </a:lnTo>
                    <a:lnTo>
                      <a:pt x="43" y="65"/>
                    </a:lnTo>
                    <a:lnTo>
                      <a:pt x="50" y="64"/>
                    </a:lnTo>
                    <a:lnTo>
                      <a:pt x="45" y="58"/>
                    </a:lnTo>
                    <a:lnTo>
                      <a:pt x="49" y="57"/>
                    </a:lnTo>
                    <a:lnTo>
                      <a:pt x="55" y="47"/>
                    </a:lnTo>
                    <a:lnTo>
                      <a:pt x="57" y="38"/>
                    </a:lnTo>
                    <a:lnTo>
                      <a:pt x="61" y="34"/>
                    </a:lnTo>
                    <a:lnTo>
                      <a:pt x="60" y="26"/>
                    </a:lnTo>
                    <a:lnTo>
                      <a:pt x="40" y="25"/>
                    </a:lnTo>
                    <a:lnTo>
                      <a:pt x="28" y="29"/>
                    </a:lnTo>
                    <a:lnTo>
                      <a:pt x="28" y="26"/>
                    </a:lnTo>
                    <a:lnTo>
                      <a:pt x="26" y="26"/>
                    </a:lnTo>
                    <a:lnTo>
                      <a:pt x="32" y="22"/>
                    </a:lnTo>
                    <a:lnTo>
                      <a:pt x="28" y="22"/>
                    </a:lnTo>
                    <a:lnTo>
                      <a:pt x="28" y="20"/>
                    </a:lnTo>
                    <a:lnTo>
                      <a:pt x="41" y="8"/>
                    </a:lnTo>
                    <a:lnTo>
                      <a:pt x="43" y="2"/>
                    </a:lnTo>
                    <a:lnTo>
                      <a:pt x="40" y="0"/>
                    </a:lnTo>
                    <a:lnTo>
                      <a:pt x="17" y="2"/>
                    </a:lnTo>
                    <a:lnTo>
                      <a:pt x="14" y="10"/>
                    </a:lnTo>
                    <a:lnTo>
                      <a:pt x="11" y="11"/>
                    </a:lnTo>
                    <a:lnTo>
                      <a:pt x="12" y="15"/>
                    </a:lnTo>
                    <a:lnTo>
                      <a:pt x="10" y="15"/>
                    </a:lnTo>
                    <a:lnTo>
                      <a:pt x="12" y="19"/>
                    </a:lnTo>
                    <a:lnTo>
                      <a:pt x="5" y="22"/>
                    </a:lnTo>
                    <a:lnTo>
                      <a:pt x="6" y="28"/>
                    </a:lnTo>
                    <a:lnTo>
                      <a:pt x="7" y="30"/>
                    </a:lnTo>
                    <a:lnTo>
                      <a:pt x="4" y="30"/>
                    </a:lnTo>
                    <a:lnTo>
                      <a:pt x="4" y="34"/>
                    </a:lnTo>
                    <a:lnTo>
                      <a:pt x="9" y="34"/>
                    </a:lnTo>
                    <a:lnTo>
                      <a:pt x="7" y="35"/>
                    </a:lnTo>
                    <a:lnTo>
                      <a:pt x="9" y="36"/>
                    </a:lnTo>
                    <a:lnTo>
                      <a:pt x="4" y="50"/>
                    </a:lnTo>
                    <a:lnTo>
                      <a:pt x="0" y="52"/>
                    </a:lnTo>
                    <a:lnTo>
                      <a:pt x="6" y="58"/>
                    </a:lnTo>
                    <a:lnTo>
                      <a:pt x="12" y="54"/>
                    </a:lnTo>
                    <a:lnTo>
                      <a:pt x="7" y="71"/>
                    </a:lnTo>
                    <a:lnTo>
                      <a:pt x="9" y="76"/>
                    </a:lnTo>
                    <a:lnTo>
                      <a:pt x="5" y="86"/>
                    </a:lnTo>
                    <a:lnTo>
                      <a:pt x="8" y="85"/>
                    </a:lnTo>
                    <a:lnTo>
                      <a:pt x="12" y="76"/>
                    </a:lnTo>
                    <a:lnTo>
                      <a:pt x="10" y="69"/>
                    </a:lnTo>
                    <a:lnTo>
                      <a:pt x="14" y="64"/>
                    </a:lnTo>
                    <a:lnTo>
                      <a:pt x="12" y="73"/>
                    </a:lnTo>
                    <a:lnTo>
                      <a:pt x="17" y="71"/>
                    </a:lnTo>
                    <a:lnTo>
                      <a:pt x="17" y="68"/>
                    </a:lnTo>
                    <a:lnTo>
                      <a:pt x="21" y="71"/>
                    </a:lnTo>
                    <a:lnTo>
                      <a:pt x="19" y="72"/>
                    </a:lnTo>
                    <a:lnTo>
                      <a:pt x="18" y="77"/>
                    </a:lnTo>
                    <a:lnTo>
                      <a:pt x="21" y="83"/>
                    </a:lnTo>
                    <a:lnTo>
                      <a:pt x="15" y="97"/>
                    </a:lnTo>
                    <a:lnTo>
                      <a:pt x="13" y="97"/>
                    </a:lnTo>
                    <a:lnTo>
                      <a:pt x="15" y="103"/>
                    </a:lnTo>
                    <a:lnTo>
                      <a:pt x="17" y="103"/>
                    </a:lnTo>
                    <a:lnTo>
                      <a:pt x="18" y="98"/>
                    </a:lnTo>
                    <a:lnTo>
                      <a:pt x="24" y="102"/>
                    </a:lnTo>
                    <a:lnTo>
                      <a:pt x="25" y="98"/>
                    </a:lnTo>
                    <a:lnTo>
                      <a:pt x="43" y="96"/>
                    </a:lnTo>
                    <a:lnTo>
                      <a:pt x="39" y="98"/>
                    </a:lnTo>
                    <a:lnTo>
                      <a:pt x="35" y="107"/>
                    </a:lnTo>
                    <a:lnTo>
                      <a:pt x="41" y="117"/>
                    </a:lnTo>
                    <a:lnTo>
                      <a:pt x="48" y="114"/>
                    </a:lnTo>
                    <a:lnTo>
                      <a:pt x="44" y="124"/>
                    </a:lnTo>
                    <a:lnTo>
                      <a:pt x="47" y="125"/>
                    </a:lnTo>
                    <a:lnTo>
                      <a:pt x="44" y="131"/>
                    </a:lnTo>
                    <a:lnTo>
                      <a:pt x="46" y="133"/>
                    </a:lnTo>
                    <a:lnTo>
                      <a:pt x="44" y="136"/>
                    </a:lnTo>
                    <a:lnTo>
                      <a:pt x="33" y="136"/>
                    </a:lnTo>
                    <a:lnTo>
                      <a:pt x="21" y="147"/>
                    </a:lnTo>
                    <a:lnTo>
                      <a:pt x="28" y="144"/>
                    </a:lnTo>
                    <a:lnTo>
                      <a:pt x="29" y="152"/>
                    </a:lnTo>
                    <a:lnTo>
                      <a:pt x="31" y="154"/>
                    </a:lnTo>
                    <a:lnTo>
                      <a:pt x="28" y="160"/>
                    </a:lnTo>
                    <a:lnTo>
                      <a:pt x="12" y="169"/>
                    </a:lnTo>
                    <a:lnTo>
                      <a:pt x="15" y="175"/>
                    </a:lnTo>
                    <a:lnTo>
                      <a:pt x="24" y="171"/>
                    </a:lnTo>
                    <a:lnTo>
                      <a:pt x="27" y="176"/>
                    </a:lnTo>
                    <a:lnTo>
                      <a:pt x="32" y="174"/>
                    </a:lnTo>
                    <a:lnTo>
                      <a:pt x="39" y="180"/>
                    </a:lnTo>
                    <a:lnTo>
                      <a:pt x="50" y="172"/>
                    </a:lnTo>
                    <a:lnTo>
                      <a:pt x="50" y="174"/>
                    </a:lnTo>
                    <a:lnTo>
                      <a:pt x="44" y="184"/>
                    </a:lnTo>
                    <a:lnTo>
                      <a:pt x="28" y="185"/>
                    </a:lnTo>
                    <a:lnTo>
                      <a:pt x="8" y="208"/>
                    </a:lnTo>
                    <a:lnTo>
                      <a:pt x="8" y="211"/>
                    </a:lnTo>
                    <a:lnTo>
                      <a:pt x="9" y="209"/>
                    </a:lnTo>
                    <a:lnTo>
                      <a:pt x="14" y="211"/>
                    </a:lnTo>
                    <a:lnTo>
                      <a:pt x="20" y="203"/>
                    </a:lnTo>
                    <a:lnTo>
                      <a:pt x="35" y="205"/>
                    </a:lnTo>
                    <a:lnTo>
                      <a:pt x="39" y="197"/>
                    </a:lnTo>
                    <a:lnTo>
                      <a:pt x="47" y="194"/>
                    </a:lnTo>
                    <a:lnTo>
                      <a:pt x="52" y="199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20" name="Freeform 276"/>
              <p:cNvSpPr>
                <a:spLocks noChangeAspect="1"/>
              </p:cNvSpPr>
              <p:nvPr/>
            </p:nvSpPr>
            <p:spPr bwMode="auto">
              <a:xfrm>
                <a:off x="3200" y="923"/>
                <a:ext cx="27" cy="14"/>
              </a:xfrm>
              <a:custGeom>
                <a:avLst/>
                <a:gdLst>
                  <a:gd name="T0" fmla="*/ 4914 w 2"/>
                  <a:gd name="T1" fmla="*/ 2744 h 1"/>
                  <a:gd name="T2" fmla="*/ 0 w 2"/>
                  <a:gd name="T3" fmla="*/ 0 h 1"/>
                  <a:gd name="T4" fmla="*/ 4914 w 2"/>
                  <a:gd name="T5" fmla="*/ 2744 h 1"/>
                  <a:gd name="T6" fmla="*/ 0 60000 65536"/>
                  <a:gd name="T7" fmla="*/ 0 60000 65536"/>
                  <a:gd name="T8" fmla="*/ 0 60000 65536"/>
                  <a:gd name="T9" fmla="*/ 0 w 2"/>
                  <a:gd name="T10" fmla="*/ 0 h 1"/>
                  <a:gd name="T11" fmla="*/ 2 w 2"/>
                  <a:gd name="T12" fmla="*/ 1 h 1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2" h="1">
                    <a:moveTo>
                      <a:pt x="2" y="1"/>
                    </a:moveTo>
                    <a:lnTo>
                      <a:pt x="0" y="0"/>
                    </a:lnTo>
                    <a:lnTo>
                      <a:pt x="2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21" name="Freeform 277"/>
              <p:cNvSpPr>
                <a:spLocks noChangeAspect="1"/>
              </p:cNvSpPr>
              <p:nvPr/>
            </p:nvSpPr>
            <p:spPr bwMode="auto">
              <a:xfrm>
                <a:off x="3577" y="3644"/>
                <a:ext cx="67" cy="39"/>
              </a:xfrm>
              <a:custGeom>
                <a:avLst/>
                <a:gdLst>
                  <a:gd name="T0" fmla="*/ 7182 w 5"/>
                  <a:gd name="T1" fmla="*/ 0 h 3"/>
                  <a:gd name="T2" fmla="*/ 0 w 5"/>
                  <a:gd name="T3" fmla="*/ 4394 h 3"/>
                  <a:gd name="T4" fmla="*/ 9702 w 5"/>
                  <a:gd name="T5" fmla="*/ 6591 h 3"/>
                  <a:gd name="T6" fmla="*/ 12033 w 5"/>
                  <a:gd name="T7" fmla="*/ 2197 h 3"/>
                  <a:gd name="T8" fmla="*/ 7182 w 5"/>
                  <a:gd name="T9" fmla="*/ 0 h 3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5"/>
                  <a:gd name="T16" fmla="*/ 0 h 3"/>
                  <a:gd name="T17" fmla="*/ 5 w 5"/>
                  <a:gd name="T18" fmla="*/ 3 h 3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5" h="3">
                    <a:moveTo>
                      <a:pt x="3" y="0"/>
                    </a:moveTo>
                    <a:lnTo>
                      <a:pt x="0" y="2"/>
                    </a:lnTo>
                    <a:lnTo>
                      <a:pt x="4" y="3"/>
                    </a:lnTo>
                    <a:lnTo>
                      <a:pt x="5" y="1"/>
                    </a:lnTo>
                    <a:lnTo>
                      <a:pt x="3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22" name="Freeform 278"/>
              <p:cNvSpPr>
                <a:spLocks noChangeAspect="1"/>
              </p:cNvSpPr>
              <p:nvPr/>
            </p:nvSpPr>
            <p:spPr bwMode="auto">
              <a:xfrm>
                <a:off x="3012" y="2809"/>
                <a:ext cx="53" cy="53"/>
              </a:xfrm>
              <a:custGeom>
                <a:avLst/>
                <a:gdLst>
                  <a:gd name="T0" fmla="*/ 7022 w 4"/>
                  <a:gd name="T1" fmla="*/ 9301 h 4"/>
                  <a:gd name="T2" fmla="*/ 9301 w 4"/>
                  <a:gd name="T3" fmla="*/ 7022 h 4"/>
                  <a:gd name="T4" fmla="*/ 0 w 4"/>
                  <a:gd name="T5" fmla="*/ 0 h 4"/>
                  <a:gd name="T6" fmla="*/ 7022 w 4"/>
                  <a:gd name="T7" fmla="*/ 9301 h 4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4"/>
                  <a:gd name="T13" fmla="*/ 0 h 4"/>
                  <a:gd name="T14" fmla="*/ 4 w 4"/>
                  <a:gd name="T15" fmla="*/ 4 h 4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4" h="4">
                    <a:moveTo>
                      <a:pt x="3" y="4"/>
                    </a:moveTo>
                    <a:lnTo>
                      <a:pt x="4" y="3"/>
                    </a:lnTo>
                    <a:lnTo>
                      <a:pt x="0" y="0"/>
                    </a:lnTo>
                    <a:lnTo>
                      <a:pt x="3" y="4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23" name="Freeform 279"/>
              <p:cNvSpPr>
                <a:spLocks noChangeAspect="1"/>
              </p:cNvSpPr>
              <p:nvPr/>
            </p:nvSpPr>
            <p:spPr bwMode="auto">
              <a:xfrm>
                <a:off x="2931" y="2498"/>
                <a:ext cx="81" cy="95"/>
              </a:xfrm>
              <a:custGeom>
                <a:avLst/>
                <a:gdLst>
                  <a:gd name="T0" fmla="*/ 14769 w 6"/>
                  <a:gd name="T1" fmla="*/ 0 h 7"/>
                  <a:gd name="T2" fmla="*/ 0 w 6"/>
                  <a:gd name="T3" fmla="*/ 17494 h 7"/>
                  <a:gd name="T4" fmla="*/ 14769 w 6"/>
                  <a:gd name="T5" fmla="*/ 14915 h 7"/>
                  <a:gd name="T6" fmla="*/ 14769 w 6"/>
                  <a:gd name="T7" fmla="*/ 4967 h 7"/>
                  <a:gd name="T8" fmla="*/ 14769 w 6"/>
                  <a:gd name="T9" fmla="*/ 0 h 7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6"/>
                  <a:gd name="T16" fmla="*/ 0 h 7"/>
                  <a:gd name="T17" fmla="*/ 6 w 6"/>
                  <a:gd name="T18" fmla="*/ 7 h 7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6" h="7">
                    <a:moveTo>
                      <a:pt x="6" y="0"/>
                    </a:moveTo>
                    <a:lnTo>
                      <a:pt x="0" y="7"/>
                    </a:lnTo>
                    <a:lnTo>
                      <a:pt x="6" y="6"/>
                    </a:lnTo>
                    <a:lnTo>
                      <a:pt x="6" y="2"/>
                    </a:lnTo>
                    <a:lnTo>
                      <a:pt x="6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24" name="Freeform 280"/>
              <p:cNvSpPr>
                <a:spLocks noChangeAspect="1"/>
              </p:cNvSpPr>
              <p:nvPr/>
            </p:nvSpPr>
            <p:spPr bwMode="auto">
              <a:xfrm>
                <a:off x="3523" y="263"/>
                <a:ext cx="108" cy="283"/>
              </a:xfrm>
              <a:custGeom>
                <a:avLst/>
                <a:gdLst>
                  <a:gd name="T0" fmla="*/ 12204 w 8"/>
                  <a:gd name="T1" fmla="*/ 0 h 21"/>
                  <a:gd name="T2" fmla="*/ 2551 w 8"/>
                  <a:gd name="T3" fmla="*/ 7264 h 21"/>
                  <a:gd name="T4" fmla="*/ 9841 w 8"/>
                  <a:gd name="T5" fmla="*/ 19608 h 21"/>
                  <a:gd name="T6" fmla="*/ 0 w 8"/>
                  <a:gd name="T7" fmla="*/ 26872 h 21"/>
                  <a:gd name="T8" fmla="*/ 12204 w 8"/>
                  <a:gd name="T9" fmla="*/ 31777 h 21"/>
                  <a:gd name="T10" fmla="*/ 9841 w 8"/>
                  <a:gd name="T11" fmla="*/ 51398 h 21"/>
                  <a:gd name="T12" fmla="*/ 17131 w 8"/>
                  <a:gd name="T13" fmla="*/ 41588 h 21"/>
                  <a:gd name="T14" fmla="*/ 19683 w 8"/>
                  <a:gd name="T15" fmla="*/ 14716 h 21"/>
                  <a:gd name="T16" fmla="*/ 12204 w 8"/>
                  <a:gd name="T17" fmla="*/ 9811 h 21"/>
                  <a:gd name="T18" fmla="*/ 12204 w 8"/>
                  <a:gd name="T19" fmla="*/ 0 h 21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8"/>
                  <a:gd name="T31" fmla="*/ 0 h 21"/>
                  <a:gd name="T32" fmla="*/ 8 w 8"/>
                  <a:gd name="T33" fmla="*/ 21 h 21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8" h="21">
                    <a:moveTo>
                      <a:pt x="5" y="0"/>
                    </a:moveTo>
                    <a:lnTo>
                      <a:pt x="1" y="3"/>
                    </a:lnTo>
                    <a:lnTo>
                      <a:pt x="4" y="8"/>
                    </a:lnTo>
                    <a:lnTo>
                      <a:pt x="0" y="11"/>
                    </a:lnTo>
                    <a:lnTo>
                      <a:pt x="5" y="13"/>
                    </a:lnTo>
                    <a:lnTo>
                      <a:pt x="4" y="21"/>
                    </a:lnTo>
                    <a:lnTo>
                      <a:pt x="7" y="17"/>
                    </a:lnTo>
                    <a:lnTo>
                      <a:pt x="8" y="6"/>
                    </a:lnTo>
                    <a:lnTo>
                      <a:pt x="5" y="4"/>
                    </a:lnTo>
                    <a:lnTo>
                      <a:pt x="5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25" name="Freeform 281"/>
              <p:cNvSpPr>
                <a:spLocks noChangeAspect="1"/>
              </p:cNvSpPr>
              <p:nvPr/>
            </p:nvSpPr>
            <p:spPr bwMode="auto">
              <a:xfrm>
                <a:off x="3214" y="828"/>
                <a:ext cx="107" cy="68"/>
              </a:xfrm>
              <a:custGeom>
                <a:avLst/>
                <a:gdLst>
                  <a:gd name="T0" fmla="*/ 19140 w 8"/>
                  <a:gd name="T1" fmla="*/ 12580 h 5"/>
                  <a:gd name="T2" fmla="*/ 9657 w 8"/>
                  <a:gd name="T3" fmla="*/ 9982 h 5"/>
                  <a:gd name="T4" fmla="*/ 2327 w 8"/>
                  <a:gd name="T5" fmla="*/ 0 h 5"/>
                  <a:gd name="T6" fmla="*/ 0 w 8"/>
                  <a:gd name="T7" fmla="*/ 4991 h 5"/>
                  <a:gd name="T8" fmla="*/ 2327 w 8"/>
                  <a:gd name="T9" fmla="*/ 12580 h 5"/>
                  <a:gd name="T10" fmla="*/ 19140 w 8"/>
                  <a:gd name="T11" fmla="*/ 12580 h 5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8"/>
                  <a:gd name="T19" fmla="*/ 0 h 5"/>
                  <a:gd name="T20" fmla="*/ 8 w 8"/>
                  <a:gd name="T21" fmla="*/ 5 h 5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8" h="5">
                    <a:moveTo>
                      <a:pt x="8" y="5"/>
                    </a:moveTo>
                    <a:lnTo>
                      <a:pt x="4" y="4"/>
                    </a:lnTo>
                    <a:lnTo>
                      <a:pt x="1" y="0"/>
                    </a:lnTo>
                    <a:lnTo>
                      <a:pt x="0" y="2"/>
                    </a:lnTo>
                    <a:lnTo>
                      <a:pt x="1" y="5"/>
                    </a:lnTo>
                    <a:lnTo>
                      <a:pt x="8" y="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26" name="Freeform 282"/>
              <p:cNvSpPr>
                <a:spLocks noChangeAspect="1"/>
              </p:cNvSpPr>
              <p:nvPr/>
            </p:nvSpPr>
            <p:spPr bwMode="auto">
              <a:xfrm>
                <a:off x="2567" y="1368"/>
                <a:ext cx="189" cy="215"/>
              </a:xfrm>
              <a:custGeom>
                <a:avLst/>
                <a:gdLst>
                  <a:gd name="T0" fmla="*/ 12393 w 14"/>
                  <a:gd name="T1" fmla="*/ 0 h 16"/>
                  <a:gd name="T2" fmla="*/ 9842 w 14"/>
                  <a:gd name="T3" fmla="*/ 12094 h 16"/>
                  <a:gd name="T4" fmla="*/ 4928 w 14"/>
                  <a:gd name="T5" fmla="*/ 7216 h 16"/>
                  <a:gd name="T6" fmla="*/ 0 w 14"/>
                  <a:gd name="T7" fmla="*/ 19498 h 16"/>
                  <a:gd name="T8" fmla="*/ 7479 w 14"/>
                  <a:gd name="T9" fmla="*/ 19498 h 16"/>
                  <a:gd name="T10" fmla="*/ 12393 w 14"/>
                  <a:gd name="T11" fmla="*/ 33943 h 16"/>
                  <a:gd name="T12" fmla="*/ 29525 w 14"/>
                  <a:gd name="T13" fmla="*/ 38821 h 16"/>
                  <a:gd name="T14" fmla="*/ 34452 w 14"/>
                  <a:gd name="T15" fmla="*/ 29065 h 16"/>
                  <a:gd name="T16" fmla="*/ 22235 w 14"/>
                  <a:gd name="T17" fmla="*/ 24201 h 16"/>
                  <a:gd name="T18" fmla="*/ 12393 w 14"/>
                  <a:gd name="T19" fmla="*/ 0 h 1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14"/>
                  <a:gd name="T31" fmla="*/ 0 h 16"/>
                  <a:gd name="T32" fmla="*/ 14 w 14"/>
                  <a:gd name="T33" fmla="*/ 16 h 16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14" h="16">
                    <a:moveTo>
                      <a:pt x="5" y="0"/>
                    </a:moveTo>
                    <a:lnTo>
                      <a:pt x="4" y="5"/>
                    </a:lnTo>
                    <a:lnTo>
                      <a:pt x="2" y="3"/>
                    </a:lnTo>
                    <a:lnTo>
                      <a:pt x="0" y="8"/>
                    </a:lnTo>
                    <a:lnTo>
                      <a:pt x="3" y="8"/>
                    </a:lnTo>
                    <a:lnTo>
                      <a:pt x="5" y="14"/>
                    </a:lnTo>
                    <a:lnTo>
                      <a:pt x="12" y="16"/>
                    </a:lnTo>
                    <a:lnTo>
                      <a:pt x="14" y="12"/>
                    </a:lnTo>
                    <a:lnTo>
                      <a:pt x="9" y="10"/>
                    </a:lnTo>
                    <a:lnTo>
                      <a:pt x="5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27" name="Freeform 283"/>
              <p:cNvSpPr>
                <a:spLocks noChangeAspect="1"/>
              </p:cNvSpPr>
              <p:nvPr/>
            </p:nvSpPr>
            <p:spPr bwMode="auto">
              <a:xfrm>
                <a:off x="2635" y="1744"/>
                <a:ext cx="121" cy="109"/>
              </a:xfrm>
              <a:custGeom>
                <a:avLst/>
                <a:gdLst>
                  <a:gd name="T0" fmla="*/ 0 w 9"/>
                  <a:gd name="T1" fmla="*/ 20233 h 8"/>
                  <a:gd name="T2" fmla="*/ 21874 w 9"/>
                  <a:gd name="T3" fmla="*/ 15219 h 8"/>
                  <a:gd name="T4" fmla="*/ 9761 w 9"/>
                  <a:gd name="T5" fmla="*/ 0 h 8"/>
                  <a:gd name="T6" fmla="*/ 2353 w 9"/>
                  <a:gd name="T7" fmla="*/ 2602 h 8"/>
                  <a:gd name="T8" fmla="*/ 9761 w 9"/>
                  <a:gd name="T9" fmla="*/ 15219 h 8"/>
                  <a:gd name="T10" fmla="*/ 0 w 9"/>
                  <a:gd name="T11" fmla="*/ 20233 h 8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9"/>
                  <a:gd name="T19" fmla="*/ 0 h 8"/>
                  <a:gd name="T20" fmla="*/ 9 w 9"/>
                  <a:gd name="T21" fmla="*/ 8 h 8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9" h="8">
                    <a:moveTo>
                      <a:pt x="0" y="8"/>
                    </a:moveTo>
                    <a:lnTo>
                      <a:pt x="9" y="6"/>
                    </a:lnTo>
                    <a:lnTo>
                      <a:pt x="4" y="0"/>
                    </a:lnTo>
                    <a:lnTo>
                      <a:pt x="1" y="1"/>
                    </a:lnTo>
                    <a:lnTo>
                      <a:pt x="4" y="6"/>
                    </a:lnTo>
                    <a:lnTo>
                      <a:pt x="0" y="8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28" name="Freeform 284"/>
              <p:cNvSpPr>
                <a:spLocks noChangeAspect="1"/>
              </p:cNvSpPr>
              <p:nvPr/>
            </p:nvSpPr>
            <p:spPr bwMode="auto">
              <a:xfrm>
                <a:off x="2608" y="1987"/>
                <a:ext cx="80" cy="94"/>
              </a:xfrm>
              <a:custGeom>
                <a:avLst/>
                <a:gdLst>
                  <a:gd name="T0" fmla="*/ 11907 w 6"/>
                  <a:gd name="T1" fmla="*/ 0 h 7"/>
                  <a:gd name="T2" fmla="*/ 2307 w 6"/>
                  <a:gd name="T3" fmla="*/ 4875 h 7"/>
                  <a:gd name="T4" fmla="*/ 0 w 6"/>
                  <a:gd name="T5" fmla="*/ 12086 h 7"/>
                  <a:gd name="T6" fmla="*/ 4800 w 6"/>
                  <a:gd name="T7" fmla="*/ 9736 h 7"/>
                  <a:gd name="T8" fmla="*/ 7107 w 6"/>
                  <a:gd name="T9" fmla="*/ 16947 h 7"/>
                  <a:gd name="T10" fmla="*/ 14227 w 6"/>
                  <a:gd name="T11" fmla="*/ 14610 h 7"/>
                  <a:gd name="T12" fmla="*/ 11907 w 6"/>
                  <a:gd name="T13" fmla="*/ 0 h 7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6"/>
                  <a:gd name="T22" fmla="*/ 0 h 7"/>
                  <a:gd name="T23" fmla="*/ 6 w 6"/>
                  <a:gd name="T24" fmla="*/ 7 h 7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6" h="7">
                    <a:moveTo>
                      <a:pt x="5" y="0"/>
                    </a:moveTo>
                    <a:lnTo>
                      <a:pt x="1" y="2"/>
                    </a:lnTo>
                    <a:lnTo>
                      <a:pt x="0" y="5"/>
                    </a:lnTo>
                    <a:lnTo>
                      <a:pt x="2" y="4"/>
                    </a:lnTo>
                    <a:lnTo>
                      <a:pt x="3" y="7"/>
                    </a:lnTo>
                    <a:lnTo>
                      <a:pt x="6" y="6"/>
                    </a:lnTo>
                    <a:lnTo>
                      <a:pt x="5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29" name="Freeform 285"/>
              <p:cNvSpPr>
                <a:spLocks noChangeAspect="1"/>
              </p:cNvSpPr>
              <p:nvPr/>
            </p:nvSpPr>
            <p:spPr bwMode="auto">
              <a:xfrm>
                <a:off x="2837" y="2054"/>
                <a:ext cx="27" cy="94"/>
              </a:xfrm>
              <a:custGeom>
                <a:avLst/>
                <a:gdLst>
                  <a:gd name="T0" fmla="*/ 0 w 2"/>
                  <a:gd name="T1" fmla="*/ 0 h 7"/>
                  <a:gd name="T2" fmla="*/ 0 w 2"/>
                  <a:gd name="T3" fmla="*/ 12086 h 7"/>
                  <a:gd name="T4" fmla="*/ 2551 w 2"/>
                  <a:gd name="T5" fmla="*/ 16947 h 7"/>
                  <a:gd name="T6" fmla="*/ 4914 w 2"/>
                  <a:gd name="T7" fmla="*/ 0 h 7"/>
                  <a:gd name="T8" fmla="*/ 0 w 2"/>
                  <a:gd name="T9" fmla="*/ 0 h 7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2"/>
                  <a:gd name="T16" fmla="*/ 0 h 7"/>
                  <a:gd name="T17" fmla="*/ 2 w 2"/>
                  <a:gd name="T18" fmla="*/ 7 h 7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2" h="7">
                    <a:moveTo>
                      <a:pt x="0" y="0"/>
                    </a:moveTo>
                    <a:lnTo>
                      <a:pt x="0" y="5"/>
                    </a:lnTo>
                    <a:lnTo>
                      <a:pt x="1" y="7"/>
                    </a:lnTo>
                    <a:lnTo>
                      <a:pt x="2" y="0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30" name="Freeform 286"/>
              <p:cNvSpPr>
                <a:spLocks noChangeAspect="1"/>
              </p:cNvSpPr>
              <p:nvPr/>
            </p:nvSpPr>
            <p:spPr bwMode="auto">
              <a:xfrm>
                <a:off x="2406" y="1381"/>
                <a:ext cx="80" cy="40"/>
              </a:xfrm>
              <a:custGeom>
                <a:avLst/>
                <a:gdLst>
                  <a:gd name="T0" fmla="*/ 14227 w 6"/>
                  <a:gd name="T1" fmla="*/ 0 h 3"/>
                  <a:gd name="T2" fmla="*/ 0 w 6"/>
                  <a:gd name="T3" fmla="*/ 2307 h 3"/>
                  <a:gd name="T4" fmla="*/ 11907 w 6"/>
                  <a:gd name="T5" fmla="*/ 7107 h 3"/>
                  <a:gd name="T6" fmla="*/ 14227 w 6"/>
                  <a:gd name="T7" fmla="*/ 0 h 3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"/>
                  <a:gd name="T13" fmla="*/ 0 h 3"/>
                  <a:gd name="T14" fmla="*/ 6 w 6"/>
                  <a:gd name="T15" fmla="*/ 3 h 3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" h="3">
                    <a:moveTo>
                      <a:pt x="6" y="0"/>
                    </a:moveTo>
                    <a:lnTo>
                      <a:pt x="0" y="1"/>
                    </a:lnTo>
                    <a:lnTo>
                      <a:pt x="5" y="3"/>
                    </a:lnTo>
                    <a:lnTo>
                      <a:pt x="6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31" name="Freeform 287"/>
              <p:cNvSpPr>
                <a:spLocks noChangeAspect="1"/>
              </p:cNvSpPr>
              <p:nvPr/>
            </p:nvSpPr>
            <p:spPr bwMode="auto">
              <a:xfrm>
                <a:off x="2500" y="1084"/>
                <a:ext cx="175" cy="256"/>
              </a:xfrm>
              <a:custGeom>
                <a:avLst/>
                <a:gdLst>
                  <a:gd name="T0" fmla="*/ 26815 w 13"/>
                  <a:gd name="T1" fmla="*/ 0 h 19"/>
                  <a:gd name="T2" fmla="*/ 9787 w 13"/>
                  <a:gd name="T3" fmla="*/ 9809 h 19"/>
                  <a:gd name="T4" fmla="*/ 9787 w 13"/>
                  <a:gd name="T5" fmla="*/ 17071 h 19"/>
                  <a:gd name="T6" fmla="*/ 0 w 13"/>
                  <a:gd name="T7" fmla="*/ 17071 h 19"/>
                  <a:gd name="T8" fmla="*/ 0 w 13"/>
                  <a:gd name="T9" fmla="*/ 46471 h 19"/>
                  <a:gd name="T10" fmla="*/ 21929 w 13"/>
                  <a:gd name="T11" fmla="*/ 29413 h 19"/>
                  <a:gd name="T12" fmla="*/ 19573 w 13"/>
                  <a:gd name="T13" fmla="*/ 21962 h 19"/>
                  <a:gd name="T14" fmla="*/ 31715 w 13"/>
                  <a:gd name="T15" fmla="*/ 14700 h 19"/>
                  <a:gd name="T16" fmla="*/ 26815 w 13"/>
                  <a:gd name="T17" fmla="*/ 12167 h 19"/>
                  <a:gd name="T18" fmla="*/ 26815 w 13"/>
                  <a:gd name="T19" fmla="*/ 0 h 19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13"/>
                  <a:gd name="T31" fmla="*/ 0 h 19"/>
                  <a:gd name="T32" fmla="*/ 13 w 13"/>
                  <a:gd name="T33" fmla="*/ 19 h 19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13" h="19">
                    <a:moveTo>
                      <a:pt x="11" y="0"/>
                    </a:moveTo>
                    <a:lnTo>
                      <a:pt x="4" y="4"/>
                    </a:lnTo>
                    <a:lnTo>
                      <a:pt x="4" y="7"/>
                    </a:lnTo>
                    <a:lnTo>
                      <a:pt x="0" y="7"/>
                    </a:lnTo>
                    <a:lnTo>
                      <a:pt x="0" y="19"/>
                    </a:lnTo>
                    <a:lnTo>
                      <a:pt x="9" y="12"/>
                    </a:lnTo>
                    <a:lnTo>
                      <a:pt x="8" y="9"/>
                    </a:lnTo>
                    <a:lnTo>
                      <a:pt x="13" y="6"/>
                    </a:lnTo>
                    <a:lnTo>
                      <a:pt x="11" y="5"/>
                    </a:lnTo>
                    <a:lnTo>
                      <a:pt x="11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</p:grpSp>
        <p:sp>
          <p:nvSpPr>
            <p:cNvPr id="912" name="Freeform 911"/>
            <p:cNvSpPr>
              <a:spLocks noChangeAspect="1"/>
            </p:cNvSpPr>
            <p:nvPr/>
          </p:nvSpPr>
          <p:spPr bwMode="gray">
            <a:xfrm>
              <a:off x="6816725" y="3467101"/>
              <a:ext cx="180975" cy="98425"/>
            </a:xfrm>
            <a:custGeom>
              <a:avLst/>
              <a:gdLst>
                <a:gd name="T0" fmla="*/ 11 w 369"/>
                <a:gd name="T1" fmla="*/ 5 h 203"/>
                <a:gd name="T2" fmla="*/ 11 w 369"/>
                <a:gd name="T3" fmla="*/ 4 h 203"/>
                <a:gd name="T4" fmla="*/ 11 w 369"/>
                <a:gd name="T5" fmla="*/ 4 h 203"/>
                <a:gd name="T6" fmla="*/ 11 w 369"/>
                <a:gd name="T7" fmla="*/ 4 h 203"/>
                <a:gd name="T8" fmla="*/ 11 w 369"/>
                <a:gd name="T9" fmla="*/ 4 h 203"/>
                <a:gd name="T10" fmla="*/ 10 w 369"/>
                <a:gd name="T11" fmla="*/ 4 h 203"/>
                <a:gd name="T12" fmla="*/ 9 w 369"/>
                <a:gd name="T13" fmla="*/ 3 h 203"/>
                <a:gd name="T14" fmla="*/ 9 w 369"/>
                <a:gd name="T15" fmla="*/ 4 h 203"/>
                <a:gd name="T16" fmla="*/ 8 w 369"/>
                <a:gd name="T17" fmla="*/ 3 h 203"/>
                <a:gd name="T18" fmla="*/ 8 w 369"/>
                <a:gd name="T19" fmla="*/ 4 h 203"/>
                <a:gd name="T20" fmla="*/ 8 w 369"/>
                <a:gd name="T21" fmla="*/ 3 h 203"/>
                <a:gd name="T22" fmla="*/ 7 w 369"/>
                <a:gd name="T23" fmla="*/ 3 h 203"/>
                <a:gd name="T24" fmla="*/ 7 w 369"/>
                <a:gd name="T25" fmla="*/ 3 h 203"/>
                <a:gd name="T26" fmla="*/ 7 w 369"/>
                <a:gd name="T27" fmla="*/ 2 h 203"/>
                <a:gd name="T28" fmla="*/ 6 w 369"/>
                <a:gd name="T29" fmla="*/ 2 h 203"/>
                <a:gd name="T30" fmla="*/ 6 w 369"/>
                <a:gd name="T31" fmla="*/ 2 h 203"/>
                <a:gd name="T32" fmla="*/ 6 w 369"/>
                <a:gd name="T33" fmla="*/ 2 h 203"/>
                <a:gd name="T34" fmla="*/ 6 w 369"/>
                <a:gd name="T35" fmla="*/ 2 h 203"/>
                <a:gd name="T36" fmla="*/ 6 w 369"/>
                <a:gd name="T37" fmla="*/ 2 h 203"/>
                <a:gd name="T38" fmla="*/ 5 w 369"/>
                <a:gd name="T39" fmla="*/ 2 h 203"/>
                <a:gd name="T40" fmla="*/ 5 w 369"/>
                <a:gd name="T41" fmla="*/ 2 h 203"/>
                <a:gd name="T42" fmla="*/ 5 w 369"/>
                <a:gd name="T43" fmla="*/ 2 h 203"/>
                <a:gd name="T44" fmla="*/ 4 w 369"/>
                <a:gd name="T45" fmla="*/ 1 h 203"/>
                <a:gd name="T46" fmla="*/ 3 w 369"/>
                <a:gd name="T47" fmla="*/ 0 h 203"/>
                <a:gd name="T48" fmla="*/ 2 w 369"/>
                <a:gd name="T49" fmla="*/ 0 h 203"/>
                <a:gd name="T50" fmla="*/ 2 w 369"/>
                <a:gd name="T51" fmla="*/ 0 h 203"/>
                <a:gd name="T52" fmla="*/ 1 w 369"/>
                <a:gd name="T53" fmla="*/ 0 h 203"/>
                <a:gd name="T54" fmla="*/ 1 w 369"/>
                <a:gd name="T55" fmla="*/ 0 h 203"/>
                <a:gd name="T56" fmla="*/ 0 w 369"/>
                <a:gd name="T57" fmla="*/ 1 h 203"/>
                <a:gd name="T58" fmla="*/ 0 w 369"/>
                <a:gd name="T59" fmla="*/ 2 h 203"/>
                <a:gd name="T60" fmla="*/ 0 w 369"/>
                <a:gd name="T61" fmla="*/ 2 h 203"/>
                <a:gd name="T62" fmla="*/ 0 w 369"/>
                <a:gd name="T63" fmla="*/ 2 h 203"/>
                <a:gd name="T64" fmla="*/ 0 w 369"/>
                <a:gd name="T65" fmla="*/ 2 h 203"/>
                <a:gd name="T66" fmla="*/ 1 w 369"/>
                <a:gd name="T67" fmla="*/ 3 h 203"/>
                <a:gd name="T68" fmla="*/ 1 w 369"/>
                <a:gd name="T69" fmla="*/ 2 h 203"/>
                <a:gd name="T70" fmla="*/ 1 w 369"/>
                <a:gd name="T71" fmla="*/ 3 h 203"/>
                <a:gd name="T72" fmla="*/ 2 w 369"/>
                <a:gd name="T73" fmla="*/ 4 h 203"/>
                <a:gd name="T74" fmla="*/ 3 w 369"/>
                <a:gd name="T75" fmla="*/ 4 h 203"/>
                <a:gd name="T76" fmla="*/ 4 w 369"/>
                <a:gd name="T77" fmla="*/ 4 h 203"/>
                <a:gd name="T78" fmla="*/ 6 w 369"/>
                <a:gd name="T79" fmla="*/ 4 h 203"/>
                <a:gd name="T80" fmla="*/ 6 w 369"/>
                <a:gd name="T81" fmla="*/ 5 h 203"/>
                <a:gd name="T82" fmla="*/ 10 w 369"/>
                <a:gd name="T83" fmla="*/ 6 h 203"/>
                <a:gd name="T84" fmla="*/ 11 w 369"/>
                <a:gd name="T85" fmla="*/ 6 h 203"/>
                <a:gd name="T86" fmla="*/ 11 w 369"/>
                <a:gd name="T87" fmla="*/ 5 h 203"/>
                <a:gd name="T88" fmla="*/ 11 w 369"/>
                <a:gd name="T89" fmla="*/ 5 h 203"/>
                <a:gd name="T90" fmla="*/ 11 w 369"/>
                <a:gd name="T91" fmla="*/ 5 h 203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369"/>
                <a:gd name="T139" fmla="*/ 0 h 203"/>
                <a:gd name="T140" fmla="*/ 369 w 369"/>
                <a:gd name="T141" fmla="*/ 203 h 203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369" h="203">
                  <a:moveTo>
                    <a:pt x="363" y="166"/>
                  </a:moveTo>
                  <a:lnTo>
                    <a:pt x="363" y="142"/>
                  </a:lnTo>
                  <a:lnTo>
                    <a:pt x="369" y="127"/>
                  </a:lnTo>
                  <a:lnTo>
                    <a:pt x="359" y="127"/>
                  </a:lnTo>
                  <a:lnTo>
                    <a:pt x="355" y="133"/>
                  </a:lnTo>
                  <a:lnTo>
                    <a:pt x="333" y="132"/>
                  </a:lnTo>
                  <a:lnTo>
                    <a:pt x="302" y="118"/>
                  </a:lnTo>
                  <a:lnTo>
                    <a:pt x="295" y="127"/>
                  </a:lnTo>
                  <a:lnTo>
                    <a:pt x="278" y="121"/>
                  </a:lnTo>
                  <a:lnTo>
                    <a:pt x="270" y="125"/>
                  </a:lnTo>
                  <a:lnTo>
                    <a:pt x="258" y="110"/>
                  </a:lnTo>
                  <a:lnTo>
                    <a:pt x="246" y="112"/>
                  </a:lnTo>
                  <a:lnTo>
                    <a:pt x="234" y="103"/>
                  </a:lnTo>
                  <a:lnTo>
                    <a:pt x="234" y="86"/>
                  </a:lnTo>
                  <a:lnTo>
                    <a:pt x="216" y="90"/>
                  </a:lnTo>
                  <a:lnTo>
                    <a:pt x="197" y="84"/>
                  </a:lnTo>
                  <a:lnTo>
                    <a:pt x="194" y="78"/>
                  </a:lnTo>
                  <a:lnTo>
                    <a:pt x="188" y="79"/>
                  </a:lnTo>
                  <a:lnTo>
                    <a:pt x="190" y="54"/>
                  </a:lnTo>
                  <a:lnTo>
                    <a:pt x="177" y="53"/>
                  </a:lnTo>
                  <a:lnTo>
                    <a:pt x="160" y="66"/>
                  </a:lnTo>
                  <a:lnTo>
                    <a:pt x="152" y="59"/>
                  </a:lnTo>
                  <a:lnTo>
                    <a:pt x="146" y="39"/>
                  </a:lnTo>
                  <a:lnTo>
                    <a:pt x="107" y="10"/>
                  </a:lnTo>
                  <a:lnTo>
                    <a:pt x="61" y="0"/>
                  </a:lnTo>
                  <a:lnTo>
                    <a:pt x="56" y="13"/>
                  </a:lnTo>
                  <a:lnTo>
                    <a:pt x="44" y="3"/>
                  </a:lnTo>
                  <a:lnTo>
                    <a:pt x="34" y="3"/>
                  </a:lnTo>
                  <a:lnTo>
                    <a:pt x="12" y="27"/>
                  </a:lnTo>
                  <a:lnTo>
                    <a:pt x="10" y="56"/>
                  </a:lnTo>
                  <a:lnTo>
                    <a:pt x="0" y="71"/>
                  </a:lnTo>
                  <a:lnTo>
                    <a:pt x="0" y="79"/>
                  </a:lnTo>
                  <a:lnTo>
                    <a:pt x="8" y="81"/>
                  </a:lnTo>
                  <a:lnTo>
                    <a:pt x="19" y="95"/>
                  </a:lnTo>
                  <a:lnTo>
                    <a:pt x="25" y="90"/>
                  </a:lnTo>
                  <a:lnTo>
                    <a:pt x="36" y="96"/>
                  </a:lnTo>
                  <a:lnTo>
                    <a:pt x="68" y="124"/>
                  </a:lnTo>
                  <a:lnTo>
                    <a:pt x="112" y="140"/>
                  </a:lnTo>
                  <a:lnTo>
                    <a:pt x="124" y="152"/>
                  </a:lnTo>
                  <a:lnTo>
                    <a:pt x="195" y="155"/>
                  </a:lnTo>
                  <a:lnTo>
                    <a:pt x="224" y="183"/>
                  </a:lnTo>
                  <a:lnTo>
                    <a:pt x="325" y="203"/>
                  </a:lnTo>
                  <a:lnTo>
                    <a:pt x="364" y="201"/>
                  </a:lnTo>
                  <a:lnTo>
                    <a:pt x="369" y="184"/>
                  </a:lnTo>
                  <a:lnTo>
                    <a:pt x="359" y="172"/>
                  </a:lnTo>
                  <a:lnTo>
                    <a:pt x="363" y="16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sp>
          <p:nvSpPr>
            <p:cNvPr id="913" name="Freeform 912"/>
            <p:cNvSpPr>
              <a:spLocks noChangeAspect="1"/>
            </p:cNvSpPr>
            <p:nvPr/>
          </p:nvSpPr>
          <p:spPr bwMode="gray">
            <a:xfrm>
              <a:off x="6530975" y="3167063"/>
              <a:ext cx="171450" cy="125413"/>
            </a:xfrm>
            <a:custGeom>
              <a:avLst/>
              <a:gdLst>
                <a:gd name="T0" fmla="*/ 8 w 354"/>
                <a:gd name="T1" fmla="*/ 4 h 263"/>
                <a:gd name="T2" fmla="*/ 9 w 354"/>
                <a:gd name="T3" fmla="*/ 4 h 263"/>
                <a:gd name="T4" fmla="*/ 10 w 354"/>
                <a:gd name="T5" fmla="*/ 5 h 263"/>
                <a:gd name="T6" fmla="*/ 10 w 354"/>
                <a:gd name="T7" fmla="*/ 5 h 263"/>
                <a:gd name="T8" fmla="*/ 10 w 354"/>
                <a:gd name="T9" fmla="*/ 6 h 263"/>
                <a:gd name="T10" fmla="*/ 9 w 354"/>
                <a:gd name="T11" fmla="*/ 6 h 263"/>
                <a:gd name="T12" fmla="*/ 8 w 354"/>
                <a:gd name="T13" fmla="*/ 6 h 263"/>
                <a:gd name="T14" fmla="*/ 7 w 354"/>
                <a:gd name="T15" fmla="*/ 7 h 263"/>
                <a:gd name="T16" fmla="*/ 5 w 354"/>
                <a:gd name="T17" fmla="*/ 6 h 263"/>
                <a:gd name="T18" fmla="*/ 5 w 354"/>
                <a:gd name="T19" fmla="*/ 5 h 263"/>
                <a:gd name="T20" fmla="*/ 5 w 354"/>
                <a:gd name="T21" fmla="*/ 4 h 263"/>
                <a:gd name="T22" fmla="*/ 4 w 354"/>
                <a:gd name="T23" fmla="*/ 5 h 263"/>
                <a:gd name="T24" fmla="*/ 4 w 354"/>
                <a:gd name="T25" fmla="*/ 6 h 263"/>
                <a:gd name="T26" fmla="*/ 3 w 354"/>
                <a:gd name="T27" fmla="*/ 6 h 263"/>
                <a:gd name="T28" fmla="*/ 3 w 354"/>
                <a:gd name="T29" fmla="*/ 6 h 263"/>
                <a:gd name="T30" fmla="*/ 1 w 354"/>
                <a:gd name="T31" fmla="*/ 7 h 263"/>
                <a:gd name="T32" fmla="*/ 1 w 354"/>
                <a:gd name="T33" fmla="*/ 6 h 263"/>
                <a:gd name="T34" fmla="*/ 1 w 354"/>
                <a:gd name="T35" fmla="*/ 5 h 263"/>
                <a:gd name="T36" fmla="*/ 1 w 354"/>
                <a:gd name="T37" fmla="*/ 4 h 263"/>
                <a:gd name="T38" fmla="*/ 1 w 354"/>
                <a:gd name="T39" fmla="*/ 3 h 263"/>
                <a:gd name="T40" fmla="*/ 0 w 354"/>
                <a:gd name="T41" fmla="*/ 3 h 263"/>
                <a:gd name="T42" fmla="*/ 2 w 354"/>
                <a:gd name="T43" fmla="*/ 2 h 263"/>
                <a:gd name="T44" fmla="*/ 2 w 354"/>
                <a:gd name="T45" fmla="*/ 2 h 263"/>
                <a:gd name="T46" fmla="*/ 3 w 354"/>
                <a:gd name="T47" fmla="*/ 1 h 263"/>
                <a:gd name="T48" fmla="*/ 4 w 354"/>
                <a:gd name="T49" fmla="*/ 0 h 263"/>
                <a:gd name="T50" fmla="*/ 5 w 354"/>
                <a:gd name="T51" fmla="*/ 1 h 263"/>
                <a:gd name="T52" fmla="*/ 4 w 354"/>
                <a:gd name="T53" fmla="*/ 1 h 263"/>
                <a:gd name="T54" fmla="*/ 5 w 354"/>
                <a:gd name="T55" fmla="*/ 1 h 263"/>
                <a:gd name="T56" fmla="*/ 4 w 354"/>
                <a:gd name="T57" fmla="*/ 2 h 263"/>
                <a:gd name="T58" fmla="*/ 2 w 354"/>
                <a:gd name="T59" fmla="*/ 2 h 263"/>
                <a:gd name="T60" fmla="*/ 3 w 354"/>
                <a:gd name="T61" fmla="*/ 2 h 263"/>
                <a:gd name="T62" fmla="*/ 5 w 354"/>
                <a:gd name="T63" fmla="*/ 3 h 263"/>
                <a:gd name="T64" fmla="*/ 6 w 354"/>
                <a:gd name="T65" fmla="*/ 2 h 263"/>
                <a:gd name="T66" fmla="*/ 6 w 354"/>
                <a:gd name="T67" fmla="*/ 3 h 263"/>
                <a:gd name="T68" fmla="*/ 8 w 354"/>
                <a:gd name="T69" fmla="*/ 3 h 263"/>
                <a:gd name="T70" fmla="*/ 9 w 354"/>
                <a:gd name="T71" fmla="*/ 2 h 263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354"/>
                <a:gd name="T109" fmla="*/ 0 h 263"/>
                <a:gd name="T110" fmla="*/ 354 w 354"/>
                <a:gd name="T111" fmla="*/ 263 h 263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354" h="263">
                  <a:moveTo>
                    <a:pt x="300" y="93"/>
                  </a:moveTo>
                  <a:lnTo>
                    <a:pt x="293" y="138"/>
                  </a:lnTo>
                  <a:lnTo>
                    <a:pt x="296" y="153"/>
                  </a:lnTo>
                  <a:lnTo>
                    <a:pt x="306" y="160"/>
                  </a:lnTo>
                  <a:lnTo>
                    <a:pt x="339" y="156"/>
                  </a:lnTo>
                  <a:lnTo>
                    <a:pt x="344" y="165"/>
                  </a:lnTo>
                  <a:lnTo>
                    <a:pt x="344" y="182"/>
                  </a:lnTo>
                  <a:lnTo>
                    <a:pt x="354" y="202"/>
                  </a:lnTo>
                  <a:lnTo>
                    <a:pt x="354" y="231"/>
                  </a:lnTo>
                  <a:lnTo>
                    <a:pt x="344" y="231"/>
                  </a:lnTo>
                  <a:lnTo>
                    <a:pt x="345" y="224"/>
                  </a:lnTo>
                  <a:lnTo>
                    <a:pt x="330" y="223"/>
                  </a:lnTo>
                  <a:lnTo>
                    <a:pt x="300" y="232"/>
                  </a:lnTo>
                  <a:lnTo>
                    <a:pt x="296" y="221"/>
                  </a:lnTo>
                  <a:lnTo>
                    <a:pt x="283" y="219"/>
                  </a:lnTo>
                  <a:lnTo>
                    <a:pt x="249" y="243"/>
                  </a:lnTo>
                  <a:lnTo>
                    <a:pt x="201" y="263"/>
                  </a:lnTo>
                  <a:lnTo>
                    <a:pt x="188" y="236"/>
                  </a:lnTo>
                  <a:lnTo>
                    <a:pt x="195" y="193"/>
                  </a:lnTo>
                  <a:lnTo>
                    <a:pt x="183" y="189"/>
                  </a:lnTo>
                  <a:lnTo>
                    <a:pt x="184" y="172"/>
                  </a:lnTo>
                  <a:lnTo>
                    <a:pt x="166" y="160"/>
                  </a:lnTo>
                  <a:lnTo>
                    <a:pt x="156" y="161"/>
                  </a:lnTo>
                  <a:lnTo>
                    <a:pt x="133" y="193"/>
                  </a:lnTo>
                  <a:lnTo>
                    <a:pt x="138" y="204"/>
                  </a:lnTo>
                  <a:lnTo>
                    <a:pt x="130" y="214"/>
                  </a:lnTo>
                  <a:lnTo>
                    <a:pt x="102" y="209"/>
                  </a:lnTo>
                  <a:lnTo>
                    <a:pt x="95" y="219"/>
                  </a:lnTo>
                  <a:lnTo>
                    <a:pt x="96" y="232"/>
                  </a:lnTo>
                  <a:lnTo>
                    <a:pt x="93" y="236"/>
                  </a:lnTo>
                  <a:lnTo>
                    <a:pt x="74" y="227"/>
                  </a:lnTo>
                  <a:lnTo>
                    <a:pt x="34" y="246"/>
                  </a:lnTo>
                  <a:lnTo>
                    <a:pt x="19" y="229"/>
                  </a:lnTo>
                  <a:lnTo>
                    <a:pt x="20" y="224"/>
                  </a:lnTo>
                  <a:lnTo>
                    <a:pt x="19" y="214"/>
                  </a:lnTo>
                  <a:lnTo>
                    <a:pt x="24" y="202"/>
                  </a:lnTo>
                  <a:lnTo>
                    <a:pt x="45" y="173"/>
                  </a:lnTo>
                  <a:lnTo>
                    <a:pt x="33" y="144"/>
                  </a:lnTo>
                  <a:lnTo>
                    <a:pt x="34" y="124"/>
                  </a:lnTo>
                  <a:lnTo>
                    <a:pt x="16" y="121"/>
                  </a:lnTo>
                  <a:lnTo>
                    <a:pt x="0" y="105"/>
                  </a:lnTo>
                  <a:lnTo>
                    <a:pt x="7" y="102"/>
                  </a:lnTo>
                  <a:lnTo>
                    <a:pt x="8" y="88"/>
                  </a:lnTo>
                  <a:lnTo>
                    <a:pt x="54" y="88"/>
                  </a:lnTo>
                  <a:lnTo>
                    <a:pt x="64" y="63"/>
                  </a:lnTo>
                  <a:lnTo>
                    <a:pt x="88" y="53"/>
                  </a:lnTo>
                  <a:lnTo>
                    <a:pt x="87" y="34"/>
                  </a:lnTo>
                  <a:lnTo>
                    <a:pt x="93" y="23"/>
                  </a:lnTo>
                  <a:lnTo>
                    <a:pt x="112" y="25"/>
                  </a:lnTo>
                  <a:lnTo>
                    <a:pt x="144" y="0"/>
                  </a:lnTo>
                  <a:lnTo>
                    <a:pt x="149" y="0"/>
                  </a:lnTo>
                  <a:lnTo>
                    <a:pt x="156" y="20"/>
                  </a:lnTo>
                  <a:lnTo>
                    <a:pt x="142" y="33"/>
                  </a:lnTo>
                  <a:lnTo>
                    <a:pt x="146" y="46"/>
                  </a:lnTo>
                  <a:lnTo>
                    <a:pt x="149" y="51"/>
                  </a:lnTo>
                  <a:lnTo>
                    <a:pt x="166" y="48"/>
                  </a:lnTo>
                  <a:lnTo>
                    <a:pt x="146" y="65"/>
                  </a:lnTo>
                  <a:lnTo>
                    <a:pt x="127" y="59"/>
                  </a:lnTo>
                  <a:lnTo>
                    <a:pt x="107" y="59"/>
                  </a:lnTo>
                  <a:lnTo>
                    <a:pt x="88" y="67"/>
                  </a:lnTo>
                  <a:lnTo>
                    <a:pt x="88" y="85"/>
                  </a:lnTo>
                  <a:lnTo>
                    <a:pt x="91" y="93"/>
                  </a:lnTo>
                  <a:lnTo>
                    <a:pt x="146" y="88"/>
                  </a:lnTo>
                  <a:lnTo>
                    <a:pt x="163" y="97"/>
                  </a:lnTo>
                  <a:lnTo>
                    <a:pt x="188" y="90"/>
                  </a:lnTo>
                  <a:lnTo>
                    <a:pt x="201" y="94"/>
                  </a:lnTo>
                  <a:lnTo>
                    <a:pt x="205" y="107"/>
                  </a:lnTo>
                  <a:lnTo>
                    <a:pt x="225" y="110"/>
                  </a:lnTo>
                  <a:lnTo>
                    <a:pt x="251" y="101"/>
                  </a:lnTo>
                  <a:lnTo>
                    <a:pt x="282" y="102"/>
                  </a:lnTo>
                  <a:lnTo>
                    <a:pt x="283" y="88"/>
                  </a:lnTo>
                  <a:lnTo>
                    <a:pt x="300" y="9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  <p:grpSp>
          <p:nvGrpSpPr>
            <p:cNvPr id="9" name="Group 913"/>
            <p:cNvGrpSpPr>
              <a:grpSpLocks/>
            </p:cNvGrpSpPr>
            <p:nvPr/>
          </p:nvGrpSpPr>
          <p:grpSpPr bwMode="auto">
            <a:xfrm>
              <a:off x="6545263" y="3292476"/>
              <a:ext cx="666750" cy="711200"/>
              <a:chOff x="4123" y="2074"/>
              <a:chExt cx="420" cy="448"/>
            </a:xfrm>
          </p:grpSpPr>
          <p:sp>
            <p:nvSpPr>
              <p:cNvPr id="916" name="Freeform 291"/>
              <p:cNvSpPr>
                <a:spLocks noChangeAspect="1"/>
              </p:cNvSpPr>
              <p:nvPr/>
            </p:nvSpPr>
            <p:spPr bwMode="gray">
              <a:xfrm>
                <a:off x="4123" y="2074"/>
                <a:ext cx="420" cy="448"/>
              </a:xfrm>
              <a:custGeom>
                <a:avLst/>
                <a:gdLst>
                  <a:gd name="T0" fmla="*/ 444 w 388"/>
                  <a:gd name="T1" fmla="*/ 155 h 404"/>
                  <a:gd name="T2" fmla="*/ 402 w 388"/>
                  <a:gd name="T3" fmla="*/ 191 h 404"/>
                  <a:gd name="T4" fmla="*/ 355 w 388"/>
                  <a:gd name="T5" fmla="*/ 204 h 404"/>
                  <a:gd name="T6" fmla="*/ 346 w 388"/>
                  <a:gd name="T7" fmla="*/ 179 h 404"/>
                  <a:gd name="T8" fmla="*/ 334 w 388"/>
                  <a:gd name="T9" fmla="*/ 212 h 404"/>
                  <a:gd name="T10" fmla="*/ 283 w 388"/>
                  <a:gd name="T11" fmla="*/ 203 h 404"/>
                  <a:gd name="T12" fmla="*/ 247 w 388"/>
                  <a:gd name="T13" fmla="*/ 192 h 404"/>
                  <a:gd name="T14" fmla="*/ 210 w 388"/>
                  <a:gd name="T15" fmla="*/ 170 h 404"/>
                  <a:gd name="T16" fmla="*/ 205 w 388"/>
                  <a:gd name="T17" fmla="*/ 155 h 404"/>
                  <a:gd name="T18" fmla="*/ 214 w 388"/>
                  <a:gd name="T19" fmla="*/ 136 h 404"/>
                  <a:gd name="T20" fmla="*/ 181 w 388"/>
                  <a:gd name="T21" fmla="*/ 101 h 404"/>
                  <a:gd name="T22" fmla="*/ 184 w 388"/>
                  <a:gd name="T23" fmla="*/ 72 h 404"/>
                  <a:gd name="T24" fmla="*/ 195 w 388"/>
                  <a:gd name="T25" fmla="*/ 23 h 404"/>
                  <a:gd name="T26" fmla="*/ 142 w 388"/>
                  <a:gd name="T27" fmla="*/ 23 h 404"/>
                  <a:gd name="T28" fmla="*/ 103 w 388"/>
                  <a:gd name="T29" fmla="*/ 2 h 404"/>
                  <a:gd name="T30" fmla="*/ 95 w 388"/>
                  <a:gd name="T31" fmla="*/ 32 h 404"/>
                  <a:gd name="T32" fmla="*/ 97 w 388"/>
                  <a:gd name="T33" fmla="*/ 45 h 404"/>
                  <a:gd name="T34" fmla="*/ 104 w 388"/>
                  <a:gd name="T35" fmla="*/ 60 h 404"/>
                  <a:gd name="T36" fmla="*/ 105 w 388"/>
                  <a:gd name="T37" fmla="*/ 82 h 404"/>
                  <a:gd name="T38" fmla="*/ 122 w 388"/>
                  <a:gd name="T39" fmla="*/ 94 h 404"/>
                  <a:gd name="T40" fmla="*/ 109 w 388"/>
                  <a:gd name="T41" fmla="*/ 116 h 404"/>
                  <a:gd name="T42" fmla="*/ 102 w 388"/>
                  <a:gd name="T43" fmla="*/ 128 h 404"/>
                  <a:gd name="T44" fmla="*/ 71 w 388"/>
                  <a:gd name="T45" fmla="*/ 166 h 404"/>
                  <a:gd name="T46" fmla="*/ 26 w 388"/>
                  <a:gd name="T47" fmla="*/ 195 h 404"/>
                  <a:gd name="T48" fmla="*/ 34 w 388"/>
                  <a:gd name="T49" fmla="*/ 217 h 404"/>
                  <a:gd name="T50" fmla="*/ 51 w 388"/>
                  <a:gd name="T51" fmla="*/ 242 h 404"/>
                  <a:gd name="T52" fmla="*/ 43 w 388"/>
                  <a:gd name="T53" fmla="*/ 251 h 404"/>
                  <a:gd name="T54" fmla="*/ 25 w 388"/>
                  <a:gd name="T55" fmla="*/ 251 h 404"/>
                  <a:gd name="T56" fmla="*/ 0 w 388"/>
                  <a:gd name="T57" fmla="*/ 262 h 404"/>
                  <a:gd name="T58" fmla="*/ 27 w 388"/>
                  <a:gd name="T59" fmla="*/ 278 h 404"/>
                  <a:gd name="T60" fmla="*/ 15 w 388"/>
                  <a:gd name="T61" fmla="*/ 286 h 404"/>
                  <a:gd name="T62" fmla="*/ 58 w 388"/>
                  <a:gd name="T63" fmla="*/ 314 h 404"/>
                  <a:gd name="T64" fmla="*/ 75 w 388"/>
                  <a:gd name="T65" fmla="*/ 292 h 404"/>
                  <a:gd name="T66" fmla="*/ 79 w 388"/>
                  <a:gd name="T67" fmla="*/ 324 h 404"/>
                  <a:gd name="T68" fmla="*/ 79 w 388"/>
                  <a:gd name="T69" fmla="*/ 362 h 404"/>
                  <a:gd name="T70" fmla="*/ 93 w 388"/>
                  <a:gd name="T71" fmla="*/ 411 h 404"/>
                  <a:gd name="T72" fmla="*/ 104 w 388"/>
                  <a:gd name="T73" fmla="*/ 430 h 404"/>
                  <a:gd name="T74" fmla="*/ 132 w 388"/>
                  <a:gd name="T75" fmla="*/ 505 h 404"/>
                  <a:gd name="T76" fmla="*/ 168 w 388"/>
                  <a:gd name="T77" fmla="*/ 543 h 404"/>
                  <a:gd name="T78" fmla="*/ 195 w 388"/>
                  <a:gd name="T79" fmla="*/ 511 h 404"/>
                  <a:gd name="T80" fmla="*/ 201 w 388"/>
                  <a:gd name="T81" fmla="*/ 450 h 404"/>
                  <a:gd name="T82" fmla="*/ 209 w 388"/>
                  <a:gd name="T83" fmla="*/ 410 h 404"/>
                  <a:gd name="T84" fmla="*/ 237 w 388"/>
                  <a:gd name="T85" fmla="*/ 391 h 404"/>
                  <a:gd name="T86" fmla="*/ 306 w 388"/>
                  <a:gd name="T87" fmla="*/ 334 h 404"/>
                  <a:gd name="T88" fmla="*/ 337 w 388"/>
                  <a:gd name="T89" fmla="*/ 301 h 404"/>
                  <a:gd name="T90" fmla="*/ 350 w 388"/>
                  <a:gd name="T91" fmla="*/ 302 h 404"/>
                  <a:gd name="T92" fmla="*/ 341 w 388"/>
                  <a:gd name="T93" fmla="*/ 263 h 404"/>
                  <a:gd name="T94" fmla="*/ 344 w 388"/>
                  <a:gd name="T95" fmla="*/ 233 h 404"/>
                  <a:gd name="T96" fmla="*/ 341 w 388"/>
                  <a:gd name="T97" fmla="*/ 210 h 404"/>
                  <a:gd name="T98" fmla="*/ 358 w 388"/>
                  <a:gd name="T99" fmla="*/ 214 h 404"/>
                  <a:gd name="T100" fmla="*/ 406 w 388"/>
                  <a:gd name="T101" fmla="*/ 236 h 404"/>
                  <a:gd name="T102" fmla="*/ 386 w 388"/>
                  <a:gd name="T103" fmla="*/ 268 h 404"/>
                  <a:gd name="T104" fmla="*/ 409 w 388"/>
                  <a:gd name="T105" fmla="*/ 277 h 404"/>
                  <a:gd name="T106" fmla="*/ 418 w 388"/>
                  <a:gd name="T107" fmla="*/ 278 h 404"/>
                  <a:gd name="T108" fmla="*/ 439 w 388"/>
                  <a:gd name="T109" fmla="*/ 258 h 404"/>
                  <a:gd name="T110" fmla="*/ 455 w 388"/>
                  <a:gd name="T111" fmla="*/ 214 h 404"/>
                  <a:gd name="T112" fmla="*/ 485 w 388"/>
                  <a:gd name="T113" fmla="*/ 195 h 404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w 388"/>
                  <a:gd name="T172" fmla="*/ 0 h 404"/>
                  <a:gd name="T173" fmla="*/ 388 w 388"/>
                  <a:gd name="T174" fmla="*/ 404 h 404"/>
                </a:gdLst>
                <a:ahLst/>
                <a:cxnLst>
                  <a:cxn ang="T114">
                    <a:pos x="T0" y="T1"/>
                  </a:cxn>
                  <a:cxn ang="T115">
                    <a:pos x="T2" y="T3"/>
                  </a:cxn>
                  <a:cxn ang="T116">
                    <a:pos x="T4" y="T5"/>
                  </a:cxn>
                  <a:cxn ang="T117">
                    <a:pos x="T6" y="T7"/>
                  </a:cxn>
                  <a:cxn ang="T118">
                    <a:pos x="T8" y="T9"/>
                  </a:cxn>
                  <a:cxn ang="T119">
                    <a:pos x="T10" y="T11"/>
                  </a:cxn>
                  <a:cxn ang="T120">
                    <a:pos x="T12" y="T13"/>
                  </a:cxn>
                  <a:cxn ang="T121">
                    <a:pos x="T14" y="T15"/>
                  </a:cxn>
                  <a:cxn ang="T122">
                    <a:pos x="T16" y="T17"/>
                  </a:cxn>
                  <a:cxn ang="T123">
                    <a:pos x="T18" y="T19"/>
                  </a:cxn>
                  <a:cxn ang="T124">
                    <a:pos x="T20" y="T21"/>
                  </a:cxn>
                  <a:cxn ang="T125">
                    <a:pos x="T22" y="T23"/>
                  </a:cxn>
                  <a:cxn ang="T126">
                    <a:pos x="T24" y="T25"/>
                  </a:cxn>
                  <a:cxn ang="T127">
                    <a:pos x="T26" y="T27"/>
                  </a:cxn>
                  <a:cxn ang="T128">
                    <a:pos x="T28" y="T29"/>
                  </a:cxn>
                  <a:cxn ang="T129">
                    <a:pos x="T30" y="T31"/>
                  </a:cxn>
                  <a:cxn ang="T130">
                    <a:pos x="T32" y="T33"/>
                  </a:cxn>
                  <a:cxn ang="T131">
                    <a:pos x="T34" y="T35"/>
                  </a:cxn>
                  <a:cxn ang="T132">
                    <a:pos x="T36" y="T37"/>
                  </a:cxn>
                  <a:cxn ang="T133">
                    <a:pos x="T38" y="T39"/>
                  </a:cxn>
                  <a:cxn ang="T134">
                    <a:pos x="T40" y="T41"/>
                  </a:cxn>
                  <a:cxn ang="T135">
                    <a:pos x="T42" y="T43"/>
                  </a:cxn>
                  <a:cxn ang="T136">
                    <a:pos x="T44" y="T45"/>
                  </a:cxn>
                  <a:cxn ang="T137">
                    <a:pos x="T46" y="T47"/>
                  </a:cxn>
                  <a:cxn ang="T138">
                    <a:pos x="T48" y="T49"/>
                  </a:cxn>
                  <a:cxn ang="T139">
                    <a:pos x="T50" y="T51"/>
                  </a:cxn>
                  <a:cxn ang="T140">
                    <a:pos x="T52" y="T53"/>
                  </a:cxn>
                  <a:cxn ang="T141">
                    <a:pos x="T54" y="T55"/>
                  </a:cxn>
                  <a:cxn ang="T142">
                    <a:pos x="T56" y="T57"/>
                  </a:cxn>
                  <a:cxn ang="T143">
                    <a:pos x="T58" y="T59"/>
                  </a:cxn>
                  <a:cxn ang="T144">
                    <a:pos x="T60" y="T61"/>
                  </a:cxn>
                  <a:cxn ang="T145">
                    <a:pos x="T62" y="T63"/>
                  </a:cxn>
                  <a:cxn ang="T146">
                    <a:pos x="T64" y="T65"/>
                  </a:cxn>
                  <a:cxn ang="T147">
                    <a:pos x="T66" y="T67"/>
                  </a:cxn>
                  <a:cxn ang="T148">
                    <a:pos x="T68" y="T69"/>
                  </a:cxn>
                  <a:cxn ang="T149">
                    <a:pos x="T70" y="T71"/>
                  </a:cxn>
                  <a:cxn ang="T150">
                    <a:pos x="T72" y="T73"/>
                  </a:cxn>
                  <a:cxn ang="T151">
                    <a:pos x="T74" y="T75"/>
                  </a:cxn>
                  <a:cxn ang="T152">
                    <a:pos x="T76" y="T77"/>
                  </a:cxn>
                  <a:cxn ang="T153">
                    <a:pos x="T78" y="T79"/>
                  </a:cxn>
                  <a:cxn ang="T154">
                    <a:pos x="T80" y="T81"/>
                  </a:cxn>
                  <a:cxn ang="T155">
                    <a:pos x="T82" y="T83"/>
                  </a:cxn>
                  <a:cxn ang="T156">
                    <a:pos x="T84" y="T85"/>
                  </a:cxn>
                  <a:cxn ang="T157">
                    <a:pos x="T86" y="T87"/>
                  </a:cxn>
                  <a:cxn ang="T158">
                    <a:pos x="T88" y="T89"/>
                  </a:cxn>
                  <a:cxn ang="T159">
                    <a:pos x="T90" y="T91"/>
                  </a:cxn>
                  <a:cxn ang="T160">
                    <a:pos x="T92" y="T93"/>
                  </a:cxn>
                  <a:cxn ang="T161">
                    <a:pos x="T94" y="T95"/>
                  </a:cxn>
                  <a:cxn ang="T162">
                    <a:pos x="T96" y="T97"/>
                  </a:cxn>
                  <a:cxn ang="T163">
                    <a:pos x="T98" y="T99"/>
                  </a:cxn>
                  <a:cxn ang="T164">
                    <a:pos x="T100" y="T101"/>
                  </a:cxn>
                  <a:cxn ang="T165">
                    <a:pos x="T102" y="T103"/>
                  </a:cxn>
                  <a:cxn ang="T166">
                    <a:pos x="T104" y="T105"/>
                  </a:cxn>
                  <a:cxn ang="T167">
                    <a:pos x="T106" y="T107"/>
                  </a:cxn>
                  <a:cxn ang="T168">
                    <a:pos x="T108" y="T109"/>
                  </a:cxn>
                  <a:cxn ang="T169">
                    <a:pos x="T110" y="T111"/>
                  </a:cxn>
                  <a:cxn ang="T170">
                    <a:pos x="T112" y="T113"/>
                  </a:cxn>
                </a:cxnLst>
                <a:rect l="T171" t="T172" r="T173" b="T174"/>
                <a:pathLst>
                  <a:path w="388" h="404">
                    <a:moveTo>
                      <a:pt x="385" y="127"/>
                    </a:moveTo>
                    <a:cubicBezTo>
                      <a:pt x="379" y="125"/>
                      <a:pt x="379" y="125"/>
                      <a:pt x="379" y="125"/>
                    </a:cubicBezTo>
                    <a:cubicBezTo>
                      <a:pt x="373" y="118"/>
                      <a:pt x="373" y="118"/>
                      <a:pt x="373" y="118"/>
                    </a:cubicBezTo>
                    <a:cubicBezTo>
                      <a:pt x="372" y="112"/>
                      <a:pt x="372" y="112"/>
                      <a:pt x="372" y="112"/>
                    </a:cubicBezTo>
                    <a:cubicBezTo>
                      <a:pt x="367" y="112"/>
                      <a:pt x="367" y="112"/>
                      <a:pt x="367" y="112"/>
                    </a:cubicBezTo>
                    <a:cubicBezTo>
                      <a:pt x="361" y="115"/>
                      <a:pt x="361" y="115"/>
                      <a:pt x="361" y="115"/>
                    </a:cubicBezTo>
                    <a:cubicBezTo>
                      <a:pt x="356" y="115"/>
                      <a:pt x="356" y="115"/>
                      <a:pt x="356" y="115"/>
                    </a:cubicBezTo>
                    <a:cubicBezTo>
                      <a:pt x="350" y="114"/>
                      <a:pt x="350" y="114"/>
                      <a:pt x="350" y="114"/>
                    </a:cubicBezTo>
                    <a:cubicBezTo>
                      <a:pt x="347" y="116"/>
                      <a:pt x="347" y="116"/>
                      <a:pt x="347" y="116"/>
                    </a:cubicBezTo>
                    <a:cubicBezTo>
                      <a:pt x="342" y="121"/>
                      <a:pt x="342" y="121"/>
                      <a:pt x="342" y="121"/>
                    </a:cubicBezTo>
                    <a:cubicBezTo>
                      <a:pt x="335" y="125"/>
                      <a:pt x="335" y="125"/>
                      <a:pt x="335" y="125"/>
                    </a:cubicBezTo>
                    <a:cubicBezTo>
                      <a:pt x="331" y="129"/>
                      <a:pt x="331" y="129"/>
                      <a:pt x="331" y="129"/>
                    </a:cubicBezTo>
                    <a:cubicBezTo>
                      <a:pt x="323" y="133"/>
                      <a:pt x="323" y="133"/>
                      <a:pt x="323" y="133"/>
                    </a:cubicBezTo>
                    <a:cubicBezTo>
                      <a:pt x="312" y="135"/>
                      <a:pt x="312" y="135"/>
                      <a:pt x="312" y="135"/>
                    </a:cubicBezTo>
                    <a:cubicBezTo>
                      <a:pt x="312" y="138"/>
                      <a:pt x="312" y="138"/>
                      <a:pt x="312" y="138"/>
                    </a:cubicBezTo>
                    <a:cubicBezTo>
                      <a:pt x="317" y="140"/>
                      <a:pt x="317" y="140"/>
                      <a:pt x="317" y="140"/>
                    </a:cubicBezTo>
                    <a:cubicBezTo>
                      <a:pt x="318" y="141"/>
                      <a:pt x="318" y="141"/>
                      <a:pt x="318" y="141"/>
                    </a:cubicBezTo>
                    <a:cubicBezTo>
                      <a:pt x="318" y="146"/>
                      <a:pt x="318" y="146"/>
                      <a:pt x="318" y="146"/>
                    </a:cubicBezTo>
                    <a:cubicBezTo>
                      <a:pt x="316" y="147"/>
                      <a:pt x="316" y="147"/>
                      <a:pt x="316" y="147"/>
                    </a:cubicBezTo>
                    <a:cubicBezTo>
                      <a:pt x="301" y="149"/>
                      <a:pt x="301" y="149"/>
                      <a:pt x="301" y="149"/>
                    </a:cubicBezTo>
                    <a:cubicBezTo>
                      <a:pt x="295" y="149"/>
                      <a:pt x="295" y="149"/>
                      <a:pt x="295" y="149"/>
                    </a:cubicBezTo>
                    <a:cubicBezTo>
                      <a:pt x="290" y="150"/>
                      <a:pt x="290" y="150"/>
                      <a:pt x="290" y="150"/>
                    </a:cubicBezTo>
                    <a:cubicBezTo>
                      <a:pt x="285" y="150"/>
                      <a:pt x="285" y="150"/>
                      <a:pt x="285" y="150"/>
                    </a:cubicBezTo>
                    <a:cubicBezTo>
                      <a:pt x="280" y="150"/>
                      <a:pt x="280" y="150"/>
                      <a:pt x="280" y="150"/>
                    </a:cubicBezTo>
                    <a:cubicBezTo>
                      <a:pt x="275" y="149"/>
                      <a:pt x="275" y="149"/>
                      <a:pt x="275" y="149"/>
                    </a:cubicBezTo>
                    <a:cubicBezTo>
                      <a:pt x="274" y="145"/>
                      <a:pt x="274" y="145"/>
                      <a:pt x="274" y="145"/>
                    </a:cubicBezTo>
                    <a:cubicBezTo>
                      <a:pt x="274" y="145"/>
                      <a:pt x="274" y="145"/>
                      <a:pt x="274" y="145"/>
                    </a:cubicBezTo>
                    <a:cubicBezTo>
                      <a:pt x="274" y="144"/>
                      <a:pt x="274" y="144"/>
                      <a:pt x="274" y="144"/>
                    </a:cubicBezTo>
                    <a:cubicBezTo>
                      <a:pt x="276" y="141"/>
                      <a:pt x="276" y="141"/>
                      <a:pt x="276" y="141"/>
                    </a:cubicBezTo>
                    <a:cubicBezTo>
                      <a:pt x="274" y="139"/>
                      <a:pt x="274" y="139"/>
                      <a:pt x="274" y="139"/>
                    </a:cubicBezTo>
                    <a:cubicBezTo>
                      <a:pt x="275" y="135"/>
                      <a:pt x="275" y="135"/>
                      <a:pt x="275" y="135"/>
                    </a:cubicBezTo>
                    <a:cubicBezTo>
                      <a:pt x="273" y="131"/>
                      <a:pt x="273" y="131"/>
                      <a:pt x="273" y="131"/>
                    </a:cubicBezTo>
                    <a:cubicBezTo>
                      <a:pt x="264" y="134"/>
                      <a:pt x="264" y="134"/>
                      <a:pt x="264" y="134"/>
                    </a:cubicBezTo>
                    <a:cubicBezTo>
                      <a:pt x="263" y="138"/>
                      <a:pt x="263" y="138"/>
                      <a:pt x="263" y="138"/>
                    </a:cubicBezTo>
                    <a:cubicBezTo>
                      <a:pt x="263" y="145"/>
                      <a:pt x="263" y="145"/>
                      <a:pt x="263" y="145"/>
                    </a:cubicBezTo>
                    <a:cubicBezTo>
                      <a:pt x="262" y="146"/>
                      <a:pt x="262" y="146"/>
                      <a:pt x="262" y="146"/>
                    </a:cubicBezTo>
                    <a:cubicBezTo>
                      <a:pt x="263" y="148"/>
                      <a:pt x="263" y="148"/>
                      <a:pt x="263" y="148"/>
                    </a:cubicBezTo>
                    <a:cubicBezTo>
                      <a:pt x="265" y="150"/>
                      <a:pt x="265" y="150"/>
                      <a:pt x="265" y="150"/>
                    </a:cubicBezTo>
                    <a:cubicBezTo>
                      <a:pt x="265" y="152"/>
                      <a:pt x="265" y="152"/>
                      <a:pt x="265" y="152"/>
                    </a:cubicBezTo>
                    <a:cubicBezTo>
                      <a:pt x="263" y="155"/>
                      <a:pt x="263" y="155"/>
                      <a:pt x="263" y="155"/>
                    </a:cubicBezTo>
                    <a:cubicBezTo>
                      <a:pt x="260" y="154"/>
                      <a:pt x="260" y="154"/>
                      <a:pt x="260" y="154"/>
                    </a:cubicBezTo>
                    <a:cubicBezTo>
                      <a:pt x="252" y="155"/>
                      <a:pt x="252" y="155"/>
                      <a:pt x="252" y="155"/>
                    </a:cubicBezTo>
                    <a:cubicBezTo>
                      <a:pt x="250" y="154"/>
                      <a:pt x="250" y="154"/>
                      <a:pt x="250" y="154"/>
                    </a:cubicBezTo>
                    <a:cubicBezTo>
                      <a:pt x="235" y="152"/>
                      <a:pt x="235" y="152"/>
                      <a:pt x="235" y="152"/>
                    </a:cubicBezTo>
                    <a:cubicBezTo>
                      <a:pt x="233" y="150"/>
                      <a:pt x="233" y="150"/>
                      <a:pt x="233" y="150"/>
                    </a:cubicBezTo>
                    <a:cubicBezTo>
                      <a:pt x="231" y="150"/>
                      <a:pt x="231" y="150"/>
                      <a:pt x="231" y="150"/>
                    </a:cubicBezTo>
                    <a:cubicBezTo>
                      <a:pt x="228" y="150"/>
                      <a:pt x="228" y="150"/>
                      <a:pt x="228" y="150"/>
                    </a:cubicBezTo>
                    <a:cubicBezTo>
                      <a:pt x="223" y="149"/>
                      <a:pt x="223" y="149"/>
                      <a:pt x="223" y="149"/>
                    </a:cubicBezTo>
                    <a:cubicBezTo>
                      <a:pt x="220" y="147"/>
                      <a:pt x="220" y="147"/>
                      <a:pt x="220" y="147"/>
                    </a:cubicBezTo>
                    <a:cubicBezTo>
                      <a:pt x="216" y="142"/>
                      <a:pt x="216" y="142"/>
                      <a:pt x="216" y="142"/>
                    </a:cubicBezTo>
                    <a:cubicBezTo>
                      <a:pt x="215" y="142"/>
                      <a:pt x="215" y="142"/>
                      <a:pt x="215" y="142"/>
                    </a:cubicBezTo>
                    <a:cubicBezTo>
                      <a:pt x="210" y="141"/>
                      <a:pt x="210" y="141"/>
                      <a:pt x="210" y="141"/>
                    </a:cubicBezTo>
                    <a:cubicBezTo>
                      <a:pt x="207" y="142"/>
                      <a:pt x="207" y="142"/>
                      <a:pt x="207" y="142"/>
                    </a:cubicBezTo>
                    <a:cubicBezTo>
                      <a:pt x="203" y="141"/>
                      <a:pt x="203" y="141"/>
                      <a:pt x="203" y="141"/>
                    </a:cubicBezTo>
                    <a:cubicBezTo>
                      <a:pt x="199" y="142"/>
                      <a:pt x="199" y="142"/>
                      <a:pt x="199" y="142"/>
                    </a:cubicBezTo>
                    <a:cubicBezTo>
                      <a:pt x="195" y="141"/>
                      <a:pt x="195" y="141"/>
                      <a:pt x="195" y="141"/>
                    </a:cubicBezTo>
                    <a:cubicBezTo>
                      <a:pt x="191" y="138"/>
                      <a:pt x="191" y="138"/>
                      <a:pt x="191" y="138"/>
                    </a:cubicBezTo>
                    <a:cubicBezTo>
                      <a:pt x="188" y="137"/>
                      <a:pt x="188" y="137"/>
                      <a:pt x="188" y="137"/>
                    </a:cubicBezTo>
                    <a:cubicBezTo>
                      <a:pt x="186" y="135"/>
                      <a:pt x="186" y="135"/>
                      <a:pt x="186" y="135"/>
                    </a:cubicBezTo>
                    <a:cubicBezTo>
                      <a:pt x="179" y="133"/>
                      <a:pt x="179" y="133"/>
                      <a:pt x="179" y="133"/>
                    </a:cubicBezTo>
                    <a:cubicBezTo>
                      <a:pt x="174" y="128"/>
                      <a:pt x="174" y="128"/>
                      <a:pt x="174" y="128"/>
                    </a:cubicBezTo>
                    <a:cubicBezTo>
                      <a:pt x="169" y="125"/>
                      <a:pt x="169" y="125"/>
                      <a:pt x="169" y="125"/>
                    </a:cubicBezTo>
                    <a:cubicBezTo>
                      <a:pt x="166" y="124"/>
                      <a:pt x="166" y="124"/>
                      <a:pt x="166" y="124"/>
                    </a:cubicBezTo>
                    <a:cubicBezTo>
                      <a:pt x="165" y="124"/>
                      <a:pt x="165" y="124"/>
                      <a:pt x="165" y="124"/>
                    </a:cubicBezTo>
                    <a:cubicBezTo>
                      <a:pt x="165" y="124"/>
                      <a:pt x="165" y="124"/>
                      <a:pt x="165" y="124"/>
                    </a:cubicBezTo>
                    <a:cubicBezTo>
                      <a:pt x="164" y="125"/>
                      <a:pt x="164" y="125"/>
                      <a:pt x="164" y="125"/>
                    </a:cubicBezTo>
                    <a:cubicBezTo>
                      <a:pt x="161" y="121"/>
                      <a:pt x="161" y="121"/>
                      <a:pt x="161" y="121"/>
                    </a:cubicBezTo>
                    <a:cubicBezTo>
                      <a:pt x="159" y="121"/>
                      <a:pt x="159" y="121"/>
                      <a:pt x="159" y="121"/>
                    </a:cubicBezTo>
                    <a:cubicBezTo>
                      <a:pt x="159" y="119"/>
                      <a:pt x="159" y="119"/>
                      <a:pt x="159" y="119"/>
                    </a:cubicBezTo>
                    <a:cubicBezTo>
                      <a:pt x="160" y="117"/>
                      <a:pt x="160" y="117"/>
                      <a:pt x="160" y="117"/>
                    </a:cubicBezTo>
                    <a:cubicBezTo>
                      <a:pt x="161" y="116"/>
                      <a:pt x="161" y="116"/>
                      <a:pt x="161" y="116"/>
                    </a:cubicBezTo>
                    <a:cubicBezTo>
                      <a:pt x="162" y="114"/>
                      <a:pt x="162" y="114"/>
                      <a:pt x="162" y="114"/>
                    </a:cubicBezTo>
                    <a:cubicBezTo>
                      <a:pt x="161" y="112"/>
                      <a:pt x="161" y="112"/>
                      <a:pt x="161" y="112"/>
                    </a:cubicBezTo>
                    <a:cubicBezTo>
                      <a:pt x="163" y="109"/>
                      <a:pt x="163" y="109"/>
                      <a:pt x="163" y="109"/>
                    </a:cubicBezTo>
                    <a:cubicBezTo>
                      <a:pt x="163" y="107"/>
                      <a:pt x="163" y="107"/>
                      <a:pt x="163" y="107"/>
                    </a:cubicBezTo>
                    <a:cubicBezTo>
                      <a:pt x="164" y="106"/>
                      <a:pt x="164" y="106"/>
                      <a:pt x="164" y="106"/>
                    </a:cubicBezTo>
                    <a:cubicBezTo>
                      <a:pt x="165" y="105"/>
                      <a:pt x="165" y="105"/>
                      <a:pt x="165" y="105"/>
                    </a:cubicBezTo>
                    <a:cubicBezTo>
                      <a:pt x="166" y="103"/>
                      <a:pt x="166" y="103"/>
                      <a:pt x="166" y="103"/>
                    </a:cubicBezTo>
                    <a:cubicBezTo>
                      <a:pt x="168" y="101"/>
                      <a:pt x="168" y="101"/>
                      <a:pt x="168" y="101"/>
                    </a:cubicBezTo>
                    <a:cubicBezTo>
                      <a:pt x="169" y="100"/>
                      <a:pt x="169" y="100"/>
                      <a:pt x="169" y="100"/>
                    </a:cubicBezTo>
                    <a:cubicBezTo>
                      <a:pt x="170" y="99"/>
                      <a:pt x="170" y="99"/>
                      <a:pt x="170" y="99"/>
                    </a:cubicBezTo>
                    <a:cubicBezTo>
                      <a:pt x="167" y="99"/>
                      <a:pt x="167" y="99"/>
                      <a:pt x="167" y="99"/>
                    </a:cubicBezTo>
                    <a:cubicBezTo>
                      <a:pt x="160" y="94"/>
                      <a:pt x="160" y="94"/>
                      <a:pt x="160" y="94"/>
                    </a:cubicBezTo>
                    <a:cubicBezTo>
                      <a:pt x="158" y="91"/>
                      <a:pt x="158" y="91"/>
                      <a:pt x="158" y="91"/>
                    </a:cubicBezTo>
                    <a:cubicBezTo>
                      <a:pt x="151" y="88"/>
                      <a:pt x="151" y="88"/>
                      <a:pt x="151" y="88"/>
                    </a:cubicBezTo>
                    <a:cubicBezTo>
                      <a:pt x="146" y="89"/>
                      <a:pt x="146" y="89"/>
                      <a:pt x="146" y="89"/>
                    </a:cubicBezTo>
                    <a:cubicBezTo>
                      <a:pt x="142" y="83"/>
                      <a:pt x="142" y="83"/>
                      <a:pt x="142" y="83"/>
                    </a:cubicBezTo>
                    <a:cubicBezTo>
                      <a:pt x="142" y="74"/>
                      <a:pt x="142" y="74"/>
                      <a:pt x="142" y="74"/>
                    </a:cubicBezTo>
                    <a:cubicBezTo>
                      <a:pt x="139" y="71"/>
                      <a:pt x="139" y="71"/>
                      <a:pt x="139" y="71"/>
                    </a:cubicBezTo>
                    <a:cubicBezTo>
                      <a:pt x="139" y="66"/>
                      <a:pt x="139" y="66"/>
                      <a:pt x="139" y="66"/>
                    </a:cubicBezTo>
                    <a:cubicBezTo>
                      <a:pt x="144" y="68"/>
                      <a:pt x="144" y="68"/>
                      <a:pt x="144" y="68"/>
                    </a:cubicBezTo>
                    <a:cubicBezTo>
                      <a:pt x="151" y="66"/>
                      <a:pt x="151" y="66"/>
                      <a:pt x="151" y="66"/>
                    </a:cubicBezTo>
                    <a:cubicBezTo>
                      <a:pt x="152" y="62"/>
                      <a:pt x="152" y="62"/>
                      <a:pt x="152" y="62"/>
                    </a:cubicBezTo>
                    <a:cubicBezTo>
                      <a:pt x="151" y="58"/>
                      <a:pt x="151" y="58"/>
                      <a:pt x="151" y="58"/>
                    </a:cubicBezTo>
                    <a:cubicBezTo>
                      <a:pt x="147" y="57"/>
                      <a:pt x="147" y="57"/>
                      <a:pt x="147" y="57"/>
                    </a:cubicBezTo>
                    <a:cubicBezTo>
                      <a:pt x="145" y="53"/>
                      <a:pt x="145" y="53"/>
                      <a:pt x="145" y="53"/>
                    </a:cubicBezTo>
                    <a:cubicBezTo>
                      <a:pt x="147" y="45"/>
                      <a:pt x="147" y="45"/>
                      <a:pt x="147" y="45"/>
                    </a:cubicBezTo>
                    <a:cubicBezTo>
                      <a:pt x="151" y="45"/>
                      <a:pt x="151" y="45"/>
                      <a:pt x="151" y="45"/>
                    </a:cubicBezTo>
                    <a:cubicBezTo>
                      <a:pt x="153" y="41"/>
                      <a:pt x="153" y="41"/>
                      <a:pt x="153" y="41"/>
                    </a:cubicBezTo>
                    <a:cubicBezTo>
                      <a:pt x="159" y="34"/>
                      <a:pt x="159" y="34"/>
                      <a:pt x="159" y="34"/>
                    </a:cubicBezTo>
                    <a:cubicBezTo>
                      <a:pt x="161" y="30"/>
                      <a:pt x="161" y="30"/>
                      <a:pt x="161" y="30"/>
                    </a:cubicBezTo>
                    <a:cubicBezTo>
                      <a:pt x="163" y="22"/>
                      <a:pt x="163" y="22"/>
                      <a:pt x="163" y="22"/>
                    </a:cubicBezTo>
                    <a:cubicBezTo>
                      <a:pt x="159" y="23"/>
                      <a:pt x="159" y="23"/>
                      <a:pt x="159" y="23"/>
                    </a:cubicBezTo>
                    <a:cubicBezTo>
                      <a:pt x="153" y="17"/>
                      <a:pt x="153" y="17"/>
                      <a:pt x="153" y="17"/>
                    </a:cubicBezTo>
                    <a:cubicBezTo>
                      <a:pt x="150" y="15"/>
                      <a:pt x="150" y="15"/>
                      <a:pt x="150" y="15"/>
                    </a:cubicBezTo>
                    <a:cubicBezTo>
                      <a:pt x="142" y="16"/>
                      <a:pt x="142" y="16"/>
                      <a:pt x="142" y="16"/>
                    </a:cubicBezTo>
                    <a:cubicBezTo>
                      <a:pt x="135" y="21"/>
                      <a:pt x="135" y="21"/>
                      <a:pt x="135" y="21"/>
                    </a:cubicBezTo>
                    <a:cubicBezTo>
                      <a:pt x="132" y="23"/>
                      <a:pt x="132" y="23"/>
                      <a:pt x="132" y="23"/>
                    </a:cubicBezTo>
                    <a:cubicBezTo>
                      <a:pt x="127" y="22"/>
                      <a:pt x="127" y="22"/>
                      <a:pt x="127" y="22"/>
                    </a:cubicBezTo>
                    <a:cubicBezTo>
                      <a:pt x="126" y="23"/>
                      <a:pt x="126" y="23"/>
                      <a:pt x="126" y="23"/>
                    </a:cubicBezTo>
                    <a:cubicBezTo>
                      <a:pt x="116" y="20"/>
                      <a:pt x="116" y="20"/>
                      <a:pt x="116" y="20"/>
                    </a:cubicBezTo>
                    <a:cubicBezTo>
                      <a:pt x="112" y="17"/>
                      <a:pt x="112" y="17"/>
                      <a:pt x="112" y="17"/>
                    </a:cubicBezTo>
                    <a:cubicBezTo>
                      <a:pt x="108" y="17"/>
                      <a:pt x="108" y="17"/>
                      <a:pt x="108" y="17"/>
                    </a:cubicBezTo>
                    <a:cubicBezTo>
                      <a:pt x="106" y="7"/>
                      <a:pt x="106" y="7"/>
                      <a:pt x="106" y="7"/>
                    </a:cubicBezTo>
                    <a:cubicBezTo>
                      <a:pt x="102" y="4"/>
                      <a:pt x="102" y="4"/>
                      <a:pt x="102" y="4"/>
                    </a:cubicBezTo>
                    <a:cubicBezTo>
                      <a:pt x="99" y="5"/>
                      <a:pt x="99" y="5"/>
                      <a:pt x="99" y="5"/>
                    </a:cubicBezTo>
                    <a:cubicBezTo>
                      <a:pt x="96" y="1"/>
                      <a:pt x="96" y="1"/>
                      <a:pt x="96" y="1"/>
                    </a:cubicBezTo>
                    <a:cubicBezTo>
                      <a:pt x="87" y="0"/>
                      <a:pt x="87" y="0"/>
                      <a:pt x="87" y="0"/>
                    </a:cubicBezTo>
                    <a:cubicBezTo>
                      <a:pt x="85" y="0"/>
                      <a:pt x="85" y="0"/>
                      <a:pt x="85" y="0"/>
                    </a:cubicBezTo>
                    <a:cubicBezTo>
                      <a:pt x="81" y="2"/>
                      <a:pt x="81" y="2"/>
                      <a:pt x="81" y="2"/>
                    </a:cubicBezTo>
                    <a:cubicBezTo>
                      <a:pt x="75" y="1"/>
                      <a:pt x="75" y="1"/>
                      <a:pt x="75" y="1"/>
                    </a:cubicBezTo>
                    <a:cubicBezTo>
                      <a:pt x="65" y="1"/>
                      <a:pt x="65" y="1"/>
                      <a:pt x="65" y="1"/>
                    </a:cubicBezTo>
                    <a:cubicBezTo>
                      <a:pt x="60" y="2"/>
                      <a:pt x="60" y="2"/>
                      <a:pt x="60" y="2"/>
                    </a:cubicBezTo>
                    <a:cubicBezTo>
                      <a:pt x="58" y="4"/>
                      <a:pt x="58" y="4"/>
                      <a:pt x="58" y="4"/>
                    </a:cubicBezTo>
                    <a:cubicBezTo>
                      <a:pt x="58" y="4"/>
                      <a:pt x="58" y="4"/>
                      <a:pt x="58" y="4"/>
                    </a:cubicBezTo>
                    <a:cubicBezTo>
                      <a:pt x="59" y="7"/>
                      <a:pt x="58" y="11"/>
                      <a:pt x="60" y="14"/>
                    </a:cubicBezTo>
                    <a:cubicBezTo>
                      <a:pt x="61" y="16"/>
                      <a:pt x="64" y="20"/>
                      <a:pt x="66" y="21"/>
                    </a:cubicBezTo>
                    <a:cubicBezTo>
                      <a:pt x="69" y="22"/>
                      <a:pt x="72" y="23"/>
                      <a:pt x="75" y="23"/>
                    </a:cubicBezTo>
                    <a:cubicBezTo>
                      <a:pt x="77" y="23"/>
                      <a:pt x="78" y="23"/>
                      <a:pt x="80" y="24"/>
                    </a:cubicBezTo>
                    <a:cubicBezTo>
                      <a:pt x="81" y="24"/>
                      <a:pt x="84" y="24"/>
                      <a:pt x="85" y="25"/>
                    </a:cubicBezTo>
                    <a:cubicBezTo>
                      <a:pt x="86" y="26"/>
                      <a:pt x="86" y="29"/>
                      <a:pt x="86" y="30"/>
                    </a:cubicBezTo>
                    <a:cubicBezTo>
                      <a:pt x="86" y="31"/>
                      <a:pt x="86" y="32"/>
                      <a:pt x="86" y="32"/>
                    </a:cubicBezTo>
                    <a:cubicBezTo>
                      <a:pt x="83" y="31"/>
                      <a:pt x="83" y="31"/>
                      <a:pt x="83" y="31"/>
                    </a:cubicBezTo>
                    <a:cubicBezTo>
                      <a:pt x="80" y="33"/>
                      <a:pt x="80" y="33"/>
                      <a:pt x="80" y="33"/>
                    </a:cubicBezTo>
                    <a:cubicBezTo>
                      <a:pt x="79" y="32"/>
                      <a:pt x="79" y="32"/>
                      <a:pt x="79" y="32"/>
                    </a:cubicBezTo>
                    <a:cubicBezTo>
                      <a:pt x="77" y="33"/>
                      <a:pt x="77" y="33"/>
                      <a:pt x="77" y="33"/>
                    </a:cubicBezTo>
                    <a:cubicBezTo>
                      <a:pt x="77" y="35"/>
                      <a:pt x="77" y="35"/>
                      <a:pt x="77" y="35"/>
                    </a:cubicBezTo>
                    <a:cubicBezTo>
                      <a:pt x="75" y="38"/>
                      <a:pt x="75" y="38"/>
                      <a:pt x="75" y="38"/>
                    </a:cubicBezTo>
                    <a:cubicBezTo>
                      <a:pt x="77" y="39"/>
                      <a:pt x="77" y="39"/>
                      <a:pt x="77" y="39"/>
                    </a:cubicBezTo>
                    <a:cubicBezTo>
                      <a:pt x="78" y="40"/>
                      <a:pt x="78" y="40"/>
                      <a:pt x="78" y="40"/>
                    </a:cubicBezTo>
                    <a:cubicBezTo>
                      <a:pt x="76" y="42"/>
                      <a:pt x="76" y="42"/>
                      <a:pt x="76" y="42"/>
                    </a:cubicBezTo>
                    <a:cubicBezTo>
                      <a:pt x="78" y="43"/>
                      <a:pt x="78" y="43"/>
                      <a:pt x="78" y="43"/>
                    </a:cubicBezTo>
                    <a:cubicBezTo>
                      <a:pt x="80" y="43"/>
                      <a:pt x="80" y="43"/>
                      <a:pt x="80" y="43"/>
                    </a:cubicBezTo>
                    <a:cubicBezTo>
                      <a:pt x="82" y="44"/>
                      <a:pt x="82" y="44"/>
                      <a:pt x="82" y="44"/>
                    </a:cubicBezTo>
                    <a:cubicBezTo>
                      <a:pt x="79" y="47"/>
                      <a:pt x="79" y="47"/>
                      <a:pt x="79" y="47"/>
                    </a:cubicBezTo>
                    <a:cubicBezTo>
                      <a:pt x="78" y="47"/>
                      <a:pt x="78" y="47"/>
                      <a:pt x="78" y="47"/>
                    </a:cubicBezTo>
                    <a:cubicBezTo>
                      <a:pt x="81" y="50"/>
                      <a:pt x="81" y="50"/>
                      <a:pt x="81" y="50"/>
                    </a:cubicBezTo>
                    <a:cubicBezTo>
                      <a:pt x="82" y="52"/>
                      <a:pt x="82" y="52"/>
                      <a:pt x="82" y="52"/>
                    </a:cubicBezTo>
                    <a:cubicBezTo>
                      <a:pt x="77" y="56"/>
                      <a:pt x="77" y="56"/>
                      <a:pt x="77" y="56"/>
                    </a:cubicBezTo>
                    <a:cubicBezTo>
                      <a:pt x="80" y="57"/>
                      <a:pt x="80" y="57"/>
                      <a:pt x="80" y="57"/>
                    </a:cubicBezTo>
                    <a:cubicBezTo>
                      <a:pt x="80" y="58"/>
                      <a:pt x="80" y="58"/>
                      <a:pt x="80" y="58"/>
                    </a:cubicBezTo>
                    <a:cubicBezTo>
                      <a:pt x="83" y="60"/>
                      <a:pt x="83" y="60"/>
                      <a:pt x="83" y="60"/>
                    </a:cubicBezTo>
                    <a:cubicBezTo>
                      <a:pt x="83" y="61"/>
                      <a:pt x="83" y="61"/>
                      <a:pt x="83" y="61"/>
                    </a:cubicBezTo>
                    <a:cubicBezTo>
                      <a:pt x="84" y="61"/>
                      <a:pt x="84" y="61"/>
                      <a:pt x="84" y="61"/>
                    </a:cubicBezTo>
                    <a:cubicBezTo>
                      <a:pt x="85" y="62"/>
                      <a:pt x="85" y="62"/>
                      <a:pt x="85" y="62"/>
                    </a:cubicBezTo>
                    <a:cubicBezTo>
                      <a:pt x="88" y="62"/>
                      <a:pt x="88" y="62"/>
                      <a:pt x="88" y="62"/>
                    </a:cubicBezTo>
                    <a:cubicBezTo>
                      <a:pt x="88" y="65"/>
                      <a:pt x="88" y="65"/>
                      <a:pt x="88" y="65"/>
                    </a:cubicBezTo>
                    <a:cubicBezTo>
                      <a:pt x="88" y="67"/>
                      <a:pt x="88" y="67"/>
                      <a:pt x="88" y="67"/>
                    </a:cubicBezTo>
                    <a:cubicBezTo>
                      <a:pt x="95" y="68"/>
                      <a:pt x="95" y="68"/>
                      <a:pt x="95" y="68"/>
                    </a:cubicBezTo>
                    <a:cubicBezTo>
                      <a:pt x="96" y="69"/>
                      <a:pt x="96" y="69"/>
                      <a:pt x="96" y="69"/>
                    </a:cubicBezTo>
                    <a:cubicBezTo>
                      <a:pt x="97" y="71"/>
                      <a:pt x="97" y="71"/>
                      <a:pt x="97" y="71"/>
                    </a:cubicBezTo>
                    <a:cubicBezTo>
                      <a:pt x="95" y="73"/>
                      <a:pt x="95" y="73"/>
                      <a:pt x="95" y="73"/>
                    </a:cubicBezTo>
                    <a:cubicBezTo>
                      <a:pt x="90" y="73"/>
                      <a:pt x="90" y="73"/>
                      <a:pt x="90" y="73"/>
                    </a:cubicBezTo>
                    <a:cubicBezTo>
                      <a:pt x="88" y="75"/>
                      <a:pt x="88" y="75"/>
                      <a:pt x="88" y="75"/>
                    </a:cubicBezTo>
                    <a:cubicBezTo>
                      <a:pt x="86" y="77"/>
                      <a:pt x="86" y="77"/>
                      <a:pt x="86" y="77"/>
                    </a:cubicBezTo>
                    <a:cubicBezTo>
                      <a:pt x="86" y="79"/>
                      <a:pt x="86" y="79"/>
                      <a:pt x="86" y="79"/>
                    </a:cubicBezTo>
                    <a:cubicBezTo>
                      <a:pt x="88" y="83"/>
                      <a:pt x="88" y="83"/>
                      <a:pt x="88" y="83"/>
                    </a:cubicBezTo>
                    <a:cubicBezTo>
                      <a:pt x="86" y="86"/>
                      <a:pt x="86" y="86"/>
                      <a:pt x="86" y="86"/>
                    </a:cubicBezTo>
                    <a:cubicBezTo>
                      <a:pt x="87" y="86"/>
                      <a:pt x="87" y="86"/>
                      <a:pt x="87" y="86"/>
                    </a:cubicBezTo>
                    <a:cubicBezTo>
                      <a:pt x="89" y="86"/>
                      <a:pt x="89" y="86"/>
                      <a:pt x="89" y="86"/>
                    </a:cubicBezTo>
                    <a:cubicBezTo>
                      <a:pt x="90" y="88"/>
                      <a:pt x="90" y="88"/>
                      <a:pt x="90" y="88"/>
                    </a:cubicBezTo>
                    <a:cubicBezTo>
                      <a:pt x="89" y="88"/>
                      <a:pt x="89" y="88"/>
                      <a:pt x="89" y="88"/>
                    </a:cubicBezTo>
                    <a:cubicBezTo>
                      <a:pt x="87" y="88"/>
                      <a:pt x="87" y="88"/>
                      <a:pt x="87" y="88"/>
                    </a:cubicBezTo>
                    <a:cubicBezTo>
                      <a:pt x="86" y="89"/>
                      <a:pt x="86" y="89"/>
                      <a:pt x="86" y="89"/>
                    </a:cubicBezTo>
                    <a:cubicBezTo>
                      <a:pt x="83" y="91"/>
                      <a:pt x="83" y="91"/>
                      <a:pt x="83" y="91"/>
                    </a:cubicBezTo>
                    <a:cubicBezTo>
                      <a:pt x="80" y="94"/>
                      <a:pt x="80" y="94"/>
                      <a:pt x="80" y="94"/>
                    </a:cubicBezTo>
                    <a:cubicBezTo>
                      <a:pt x="77" y="96"/>
                      <a:pt x="77" y="96"/>
                      <a:pt x="77" y="96"/>
                    </a:cubicBezTo>
                    <a:cubicBezTo>
                      <a:pt x="76" y="99"/>
                      <a:pt x="76" y="99"/>
                      <a:pt x="76" y="99"/>
                    </a:cubicBezTo>
                    <a:cubicBezTo>
                      <a:pt x="76" y="101"/>
                      <a:pt x="76" y="101"/>
                      <a:pt x="76" y="101"/>
                    </a:cubicBezTo>
                    <a:cubicBezTo>
                      <a:pt x="76" y="102"/>
                      <a:pt x="76" y="102"/>
                      <a:pt x="76" y="102"/>
                    </a:cubicBezTo>
                    <a:cubicBezTo>
                      <a:pt x="70" y="105"/>
                      <a:pt x="70" y="105"/>
                      <a:pt x="70" y="105"/>
                    </a:cubicBezTo>
                    <a:cubicBezTo>
                      <a:pt x="67" y="112"/>
                      <a:pt x="67" y="112"/>
                      <a:pt x="67" y="112"/>
                    </a:cubicBezTo>
                    <a:cubicBezTo>
                      <a:pt x="63" y="117"/>
                      <a:pt x="63" y="117"/>
                      <a:pt x="63" y="117"/>
                    </a:cubicBezTo>
                    <a:cubicBezTo>
                      <a:pt x="56" y="122"/>
                      <a:pt x="56" y="122"/>
                      <a:pt x="56" y="122"/>
                    </a:cubicBezTo>
                    <a:cubicBezTo>
                      <a:pt x="49" y="133"/>
                      <a:pt x="49" y="133"/>
                      <a:pt x="49" y="133"/>
                    </a:cubicBezTo>
                    <a:cubicBezTo>
                      <a:pt x="47" y="134"/>
                      <a:pt x="47" y="134"/>
                      <a:pt x="47" y="134"/>
                    </a:cubicBezTo>
                    <a:cubicBezTo>
                      <a:pt x="41" y="134"/>
                      <a:pt x="41" y="134"/>
                      <a:pt x="41" y="134"/>
                    </a:cubicBezTo>
                    <a:cubicBezTo>
                      <a:pt x="37" y="136"/>
                      <a:pt x="37" y="136"/>
                      <a:pt x="37" y="136"/>
                    </a:cubicBezTo>
                    <a:cubicBezTo>
                      <a:pt x="34" y="132"/>
                      <a:pt x="34" y="132"/>
                      <a:pt x="34" y="132"/>
                    </a:cubicBezTo>
                    <a:cubicBezTo>
                      <a:pt x="32" y="131"/>
                      <a:pt x="32" y="131"/>
                      <a:pt x="32" y="131"/>
                    </a:cubicBezTo>
                    <a:cubicBezTo>
                      <a:pt x="26" y="137"/>
                      <a:pt x="26" y="137"/>
                      <a:pt x="26" y="137"/>
                    </a:cubicBezTo>
                    <a:cubicBezTo>
                      <a:pt x="20" y="143"/>
                      <a:pt x="20" y="143"/>
                      <a:pt x="20" y="143"/>
                    </a:cubicBezTo>
                    <a:cubicBezTo>
                      <a:pt x="20" y="145"/>
                      <a:pt x="20" y="145"/>
                      <a:pt x="20" y="145"/>
                    </a:cubicBezTo>
                    <a:cubicBezTo>
                      <a:pt x="19" y="149"/>
                      <a:pt x="19" y="149"/>
                      <a:pt x="19" y="149"/>
                    </a:cubicBezTo>
                    <a:cubicBezTo>
                      <a:pt x="20" y="151"/>
                      <a:pt x="20" y="151"/>
                      <a:pt x="20" y="151"/>
                    </a:cubicBezTo>
                    <a:cubicBezTo>
                      <a:pt x="21" y="152"/>
                      <a:pt x="21" y="152"/>
                      <a:pt x="21" y="152"/>
                    </a:cubicBezTo>
                    <a:cubicBezTo>
                      <a:pt x="27" y="152"/>
                      <a:pt x="27" y="152"/>
                      <a:pt x="27" y="152"/>
                    </a:cubicBezTo>
                    <a:cubicBezTo>
                      <a:pt x="28" y="153"/>
                      <a:pt x="28" y="153"/>
                      <a:pt x="28" y="153"/>
                    </a:cubicBezTo>
                    <a:cubicBezTo>
                      <a:pt x="29" y="155"/>
                      <a:pt x="29" y="155"/>
                      <a:pt x="29" y="155"/>
                    </a:cubicBezTo>
                    <a:cubicBezTo>
                      <a:pt x="27" y="160"/>
                      <a:pt x="27" y="160"/>
                      <a:pt x="27" y="160"/>
                    </a:cubicBezTo>
                    <a:cubicBezTo>
                      <a:pt x="27" y="162"/>
                      <a:pt x="27" y="162"/>
                      <a:pt x="27" y="162"/>
                    </a:cubicBezTo>
                    <a:cubicBezTo>
                      <a:pt x="30" y="165"/>
                      <a:pt x="30" y="165"/>
                      <a:pt x="30" y="165"/>
                    </a:cubicBezTo>
                    <a:cubicBezTo>
                      <a:pt x="33" y="164"/>
                      <a:pt x="33" y="164"/>
                      <a:pt x="33" y="164"/>
                    </a:cubicBezTo>
                    <a:cubicBezTo>
                      <a:pt x="34" y="165"/>
                      <a:pt x="34" y="165"/>
                      <a:pt x="34" y="165"/>
                    </a:cubicBezTo>
                    <a:cubicBezTo>
                      <a:pt x="34" y="170"/>
                      <a:pt x="34" y="170"/>
                      <a:pt x="34" y="170"/>
                    </a:cubicBezTo>
                    <a:cubicBezTo>
                      <a:pt x="36" y="173"/>
                      <a:pt x="36" y="173"/>
                      <a:pt x="36" y="173"/>
                    </a:cubicBezTo>
                    <a:cubicBezTo>
                      <a:pt x="40" y="177"/>
                      <a:pt x="40" y="177"/>
                      <a:pt x="40" y="177"/>
                    </a:cubicBezTo>
                    <a:cubicBezTo>
                      <a:pt x="40" y="178"/>
                      <a:pt x="40" y="178"/>
                      <a:pt x="40" y="178"/>
                    </a:cubicBezTo>
                    <a:cubicBezTo>
                      <a:pt x="38" y="179"/>
                      <a:pt x="38" y="179"/>
                      <a:pt x="38" y="179"/>
                    </a:cubicBezTo>
                    <a:cubicBezTo>
                      <a:pt x="38" y="182"/>
                      <a:pt x="38" y="182"/>
                      <a:pt x="38" y="182"/>
                    </a:cubicBezTo>
                    <a:cubicBezTo>
                      <a:pt x="40" y="182"/>
                      <a:pt x="40" y="182"/>
                      <a:pt x="40" y="182"/>
                    </a:cubicBezTo>
                    <a:cubicBezTo>
                      <a:pt x="40" y="183"/>
                      <a:pt x="40" y="183"/>
                      <a:pt x="40" y="183"/>
                    </a:cubicBezTo>
                    <a:cubicBezTo>
                      <a:pt x="38" y="183"/>
                      <a:pt x="38" y="183"/>
                      <a:pt x="38" y="183"/>
                    </a:cubicBezTo>
                    <a:cubicBezTo>
                      <a:pt x="37" y="184"/>
                      <a:pt x="37" y="184"/>
                      <a:pt x="37" y="184"/>
                    </a:cubicBezTo>
                    <a:cubicBezTo>
                      <a:pt x="35" y="185"/>
                      <a:pt x="35" y="185"/>
                      <a:pt x="35" y="185"/>
                    </a:cubicBezTo>
                    <a:cubicBezTo>
                      <a:pt x="34" y="184"/>
                      <a:pt x="34" y="184"/>
                      <a:pt x="34" y="184"/>
                    </a:cubicBezTo>
                    <a:cubicBezTo>
                      <a:pt x="34" y="182"/>
                      <a:pt x="34" y="182"/>
                      <a:pt x="34" y="182"/>
                    </a:cubicBezTo>
                    <a:cubicBezTo>
                      <a:pt x="32" y="182"/>
                      <a:pt x="32" y="182"/>
                      <a:pt x="32" y="182"/>
                    </a:cubicBezTo>
                    <a:cubicBezTo>
                      <a:pt x="28" y="183"/>
                      <a:pt x="28" y="183"/>
                      <a:pt x="28" y="183"/>
                    </a:cubicBezTo>
                    <a:cubicBezTo>
                      <a:pt x="27" y="185"/>
                      <a:pt x="27" y="185"/>
                      <a:pt x="27" y="185"/>
                    </a:cubicBezTo>
                    <a:cubicBezTo>
                      <a:pt x="26" y="186"/>
                      <a:pt x="26" y="186"/>
                      <a:pt x="26" y="186"/>
                    </a:cubicBezTo>
                    <a:cubicBezTo>
                      <a:pt x="22" y="186"/>
                      <a:pt x="22" y="186"/>
                      <a:pt x="22" y="186"/>
                    </a:cubicBezTo>
                    <a:cubicBezTo>
                      <a:pt x="20" y="184"/>
                      <a:pt x="20" y="184"/>
                      <a:pt x="20" y="184"/>
                    </a:cubicBezTo>
                    <a:cubicBezTo>
                      <a:pt x="19" y="184"/>
                      <a:pt x="19" y="184"/>
                      <a:pt x="19" y="184"/>
                    </a:cubicBezTo>
                    <a:cubicBezTo>
                      <a:pt x="18" y="184"/>
                      <a:pt x="18" y="184"/>
                      <a:pt x="18" y="184"/>
                    </a:cubicBezTo>
                    <a:cubicBezTo>
                      <a:pt x="13" y="184"/>
                      <a:pt x="13" y="184"/>
                      <a:pt x="13" y="184"/>
                    </a:cubicBezTo>
                    <a:cubicBezTo>
                      <a:pt x="12" y="184"/>
                      <a:pt x="12" y="184"/>
                      <a:pt x="12" y="184"/>
                    </a:cubicBezTo>
                    <a:cubicBezTo>
                      <a:pt x="11" y="184"/>
                      <a:pt x="11" y="184"/>
                      <a:pt x="11" y="184"/>
                    </a:cubicBezTo>
                    <a:cubicBezTo>
                      <a:pt x="10" y="183"/>
                      <a:pt x="10" y="183"/>
                      <a:pt x="10" y="183"/>
                    </a:cubicBezTo>
                    <a:cubicBezTo>
                      <a:pt x="9" y="188"/>
                      <a:pt x="9" y="188"/>
                      <a:pt x="9" y="188"/>
                    </a:cubicBezTo>
                    <a:cubicBezTo>
                      <a:pt x="2" y="188"/>
                      <a:pt x="2" y="188"/>
                      <a:pt x="2" y="188"/>
                    </a:cubicBezTo>
                    <a:cubicBezTo>
                      <a:pt x="0" y="192"/>
                      <a:pt x="0" y="192"/>
                      <a:pt x="0" y="192"/>
                    </a:cubicBezTo>
                    <a:cubicBezTo>
                      <a:pt x="1" y="194"/>
                      <a:pt x="1" y="194"/>
                      <a:pt x="1" y="194"/>
                    </a:cubicBezTo>
                    <a:cubicBezTo>
                      <a:pt x="2" y="194"/>
                      <a:pt x="2" y="194"/>
                      <a:pt x="2" y="194"/>
                    </a:cubicBezTo>
                    <a:cubicBezTo>
                      <a:pt x="3" y="196"/>
                      <a:pt x="3" y="196"/>
                      <a:pt x="3" y="196"/>
                    </a:cubicBezTo>
                    <a:cubicBezTo>
                      <a:pt x="7" y="201"/>
                      <a:pt x="7" y="201"/>
                      <a:pt x="7" y="201"/>
                    </a:cubicBezTo>
                    <a:cubicBezTo>
                      <a:pt x="9" y="203"/>
                      <a:pt x="9" y="203"/>
                      <a:pt x="9" y="203"/>
                    </a:cubicBezTo>
                    <a:cubicBezTo>
                      <a:pt x="11" y="204"/>
                      <a:pt x="11" y="204"/>
                      <a:pt x="11" y="204"/>
                    </a:cubicBezTo>
                    <a:cubicBezTo>
                      <a:pt x="16" y="205"/>
                      <a:pt x="16" y="205"/>
                      <a:pt x="16" y="205"/>
                    </a:cubicBezTo>
                    <a:cubicBezTo>
                      <a:pt x="21" y="204"/>
                      <a:pt x="21" y="204"/>
                      <a:pt x="21" y="204"/>
                    </a:cubicBezTo>
                    <a:cubicBezTo>
                      <a:pt x="27" y="202"/>
                      <a:pt x="27" y="202"/>
                      <a:pt x="27" y="202"/>
                    </a:cubicBezTo>
                    <a:cubicBezTo>
                      <a:pt x="28" y="201"/>
                      <a:pt x="28" y="201"/>
                      <a:pt x="28" y="201"/>
                    </a:cubicBezTo>
                    <a:cubicBezTo>
                      <a:pt x="29" y="200"/>
                      <a:pt x="29" y="200"/>
                      <a:pt x="29" y="200"/>
                    </a:cubicBezTo>
                    <a:cubicBezTo>
                      <a:pt x="30" y="202"/>
                      <a:pt x="30" y="202"/>
                      <a:pt x="30" y="202"/>
                    </a:cubicBezTo>
                    <a:cubicBezTo>
                      <a:pt x="28" y="206"/>
                      <a:pt x="28" y="206"/>
                      <a:pt x="28" y="206"/>
                    </a:cubicBezTo>
                    <a:cubicBezTo>
                      <a:pt x="23" y="210"/>
                      <a:pt x="23" y="210"/>
                      <a:pt x="23" y="210"/>
                    </a:cubicBezTo>
                    <a:cubicBezTo>
                      <a:pt x="14" y="211"/>
                      <a:pt x="14" y="211"/>
                      <a:pt x="14" y="211"/>
                    </a:cubicBezTo>
                    <a:cubicBezTo>
                      <a:pt x="12" y="210"/>
                      <a:pt x="12" y="210"/>
                      <a:pt x="12" y="210"/>
                    </a:cubicBezTo>
                    <a:cubicBezTo>
                      <a:pt x="11" y="211"/>
                      <a:pt x="11" y="211"/>
                      <a:pt x="11" y="211"/>
                    </a:cubicBezTo>
                    <a:cubicBezTo>
                      <a:pt x="12" y="215"/>
                      <a:pt x="12" y="215"/>
                      <a:pt x="12" y="215"/>
                    </a:cubicBezTo>
                    <a:cubicBezTo>
                      <a:pt x="25" y="228"/>
                      <a:pt x="25" y="228"/>
                      <a:pt x="25" y="228"/>
                    </a:cubicBezTo>
                    <a:cubicBezTo>
                      <a:pt x="30" y="232"/>
                      <a:pt x="30" y="232"/>
                      <a:pt x="30" y="232"/>
                    </a:cubicBezTo>
                    <a:cubicBezTo>
                      <a:pt x="37" y="233"/>
                      <a:pt x="37" y="233"/>
                      <a:pt x="37" y="233"/>
                    </a:cubicBezTo>
                    <a:cubicBezTo>
                      <a:pt x="41" y="232"/>
                      <a:pt x="41" y="232"/>
                      <a:pt x="41" y="232"/>
                    </a:cubicBezTo>
                    <a:cubicBezTo>
                      <a:pt x="44" y="230"/>
                      <a:pt x="44" y="230"/>
                      <a:pt x="44" y="230"/>
                    </a:cubicBezTo>
                    <a:cubicBezTo>
                      <a:pt x="46" y="230"/>
                      <a:pt x="46" y="230"/>
                      <a:pt x="46" y="230"/>
                    </a:cubicBezTo>
                    <a:cubicBezTo>
                      <a:pt x="50" y="228"/>
                      <a:pt x="50" y="228"/>
                      <a:pt x="50" y="228"/>
                    </a:cubicBezTo>
                    <a:cubicBezTo>
                      <a:pt x="52" y="223"/>
                      <a:pt x="52" y="223"/>
                      <a:pt x="52" y="223"/>
                    </a:cubicBezTo>
                    <a:cubicBezTo>
                      <a:pt x="52" y="217"/>
                      <a:pt x="52" y="217"/>
                      <a:pt x="52" y="217"/>
                    </a:cubicBezTo>
                    <a:cubicBezTo>
                      <a:pt x="54" y="210"/>
                      <a:pt x="54" y="210"/>
                      <a:pt x="54" y="210"/>
                    </a:cubicBezTo>
                    <a:cubicBezTo>
                      <a:pt x="55" y="211"/>
                      <a:pt x="55" y="211"/>
                      <a:pt x="55" y="211"/>
                    </a:cubicBezTo>
                    <a:cubicBezTo>
                      <a:pt x="62" y="212"/>
                      <a:pt x="62" y="212"/>
                      <a:pt x="62" y="212"/>
                    </a:cubicBezTo>
                    <a:cubicBezTo>
                      <a:pt x="61" y="214"/>
                      <a:pt x="61" y="214"/>
                      <a:pt x="61" y="214"/>
                    </a:cubicBezTo>
                    <a:cubicBezTo>
                      <a:pt x="59" y="214"/>
                      <a:pt x="59" y="214"/>
                      <a:pt x="59" y="214"/>
                    </a:cubicBezTo>
                    <a:cubicBezTo>
                      <a:pt x="58" y="217"/>
                      <a:pt x="58" y="217"/>
                      <a:pt x="58" y="217"/>
                    </a:cubicBezTo>
                    <a:cubicBezTo>
                      <a:pt x="58" y="217"/>
                      <a:pt x="58" y="217"/>
                      <a:pt x="58" y="217"/>
                    </a:cubicBezTo>
                    <a:cubicBezTo>
                      <a:pt x="58" y="220"/>
                      <a:pt x="58" y="220"/>
                      <a:pt x="58" y="220"/>
                    </a:cubicBezTo>
                    <a:cubicBezTo>
                      <a:pt x="60" y="221"/>
                      <a:pt x="60" y="221"/>
                      <a:pt x="60" y="221"/>
                    </a:cubicBezTo>
                    <a:cubicBezTo>
                      <a:pt x="59" y="224"/>
                      <a:pt x="59" y="224"/>
                      <a:pt x="59" y="224"/>
                    </a:cubicBezTo>
                    <a:cubicBezTo>
                      <a:pt x="59" y="228"/>
                      <a:pt x="59" y="228"/>
                      <a:pt x="59" y="228"/>
                    </a:cubicBezTo>
                    <a:cubicBezTo>
                      <a:pt x="59" y="228"/>
                      <a:pt x="59" y="228"/>
                      <a:pt x="59" y="228"/>
                    </a:cubicBezTo>
                    <a:cubicBezTo>
                      <a:pt x="62" y="237"/>
                      <a:pt x="62" y="237"/>
                      <a:pt x="62" y="237"/>
                    </a:cubicBezTo>
                    <a:cubicBezTo>
                      <a:pt x="62" y="239"/>
                      <a:pt x="62" y="239"/>
                      <a:pt x="62" y="239"/>
                    </a:cubicBezTo>
                    <a:cubicBezTo>
                      <a:pt x="60" y="245"/>
                      <a:pt x="60" y="245"/>
                      <a:pt x="60" y="245"/>
                    </a:cubicBezTo>
                    <a:cubicBezTo>
                      <a:pt x="60" y="248"/>
                      <a:pt x="60" y="248"/>
                      <a:pt x="60" y="248"/>
                    </a:cubicBezTo>
                    <a:cubicBezTo>
                      <a:pt x="61" y="253"/>
                      <a:pt x="61" y="253"/>
                      <a:pt x="61" y="253"/>
                    </a:cubicBezTo>
                    <a:cubicBezTo>
                      <a:pt x="61" y="257"/>
                      <a:pt x="61" y="257"/>
                      <a:pt x="61" y="257"/>
                    </a:cubicBezTo>
                    <a:cubicBezTo>
                      <a:pt x="63" y="255"/>
                      <a:pt x="63" y="255"/>
                      <a:pt x="63" y="255"/>
                    </a:cubicBezTo>
                    <a:cubicBezTo>
                      <a:pt x="63" y="256"/>
                      <a:pt x="63" y="256"/>
                      <a:pt x="63" y="256"/>
                    </a:cubicBezTo>
                    <a:cubicBezTo>
                      <a:pt x="62" y="265"/>
                      <a:pt x="62" y="265"/>
                      <a:pt x="62" y="265"/>
                    </a:cubicBezTo>
                    <a:cubicBezTo>
                      <a:pt x="63" y="268"/>
                      <a:pt x="63" y="268"/>
                      <a:pt x="63" y="268"/>
                    </a:cubicBezTo>
                    <a:cubicBezTo>
                      <a:pt x="64" y="273"/>
                      <a:pt x="64" y="273"/>
                      <a:pt x="64" y="273"/>
                    </a:cubicBezTo>
                    <a:cubicBezTo>
                      <a:pt x="66" y="280"/>
                      <a:pt x="66" y="280"/>
                      <a:pt x="66" y="280"/>
                    </a:cubicBezTo>
                    <a:cubicBezTo>
                      <a:pt x="68" y="291"/>
                      <a:pt x="68" y="291"/>
                      <a:pt x="68" y="291"/>
                    </a:cubicBezTo>
                    <a:cubicBezTo>
                      <a:pt x="69" y="293"/>
                      <a:pt x="69" y="293"/>
                      <a:pt x="69" y="293"/>
                    </a:cubicBezTo>
                    <a:cubicBezTo>
                      <a:pt x="71" y="296"/>
                      <a:pt x="71" y="296"/>
                      <a:pt x="71" y="296"/>
                    </a:cubicBezTo>
                    <a:cubicBezTo>
                      <a:pt x="71" y="299"/>
                      <a:pt x="71" y="299"/>
                      <a:pt x="71" y="299"/>
                    </a:cubicBezTo>
                    <a:cubicBezTo>
                      <a:pt x="73" y="302"/>
                      <a:pt x="73" y="302"/>
                      <a:pt x="73" y="302"/>
                    </a:cubicBezTo>
                    <a:cubicBezTo>
                      <a:pt x="75" y="305"/>
                      <a:pt x="75" y="305"/>
                      <a:pt x="75" y="305"/>
                    </a:cubicBezTo>
                    <a:cubicBezTo>
                      <a:pt x="75" y="306"/>
                      <a:pt x="75" y="306"/>
                      <a:pt x="75" y="306"/>
                    </a:cubicBezTo>
                    <a:cubicBezTo>
                      <a:pt x="76" y="305"/>
                      <a:pt x="76" y="305"/>
                      <a:pt x="76" y="305"/>
                    </a:cubicBezTo>
                    <a:cubicBezTo>
                      <a:pt x="77" y="305"/>
                      <a:pt x="77" y="305"/>
                      <a:pt x="77" y="305"/>
                    </a:cubicBezTo>
                    <a:cubicBezTo>
                      <a:pt x="76" y="307"/>
                      <a:pt x="76" y="307"/>
                      <a:pt x="76" y="307"/>
                    </a:cubicBezTo>
                    <a:cubicBezTo>
                      <a:pt x="78" y="312"/>
                      <a:pt x="78" y="312"/>
                      <a:pt x="78" y="312"/>
                    </a:cubicBezTo>
                    <a:cubicBezTo>
                      <a:pt x="80" y="316"/>
                      <a:pt x="80" y="316"/>
                      <a:pt x="80" y="316"/>
                    </a:cubicBezTo>
                    <a:cubicBezTo>
                      <a:pt x="82" y="316"/>
                      <a:pt x="82" y="316"/>
                      <a:pt x="82" y="316"/>
                    </a:cubicBezTo>
                    <a:cubicBezTo>
                      <a:pt x="84" y="321"/>
                      <a:pt x="84" y="321"/>
                      <a:pt x="84" y="321"/>
                    </a:cubicBezTo>
                    <a:cubicBezTo>
                      <a:pt x="84" y="325"/>
                      <a:pt x="84" y="325"/>
                      <a:pt x="84" y="325"/>
                    </a:cubicBezTo>
                    <a:cubicBezTo>
                      <a:pt x="86" y="327"/>
                      <a:pt x="86" y="327"/>
                      <a:pt x="86" y="327"/>
                    </a:cubicBezTo>
                    <a:cubicBezTo>
                      <a:pt x="88" y="331"/>
                      <a:pt x="88" y="331"/>
                      <a:pt x="88" y="331"/>
                    </a:cubicBezTo>
                    <a:cubicBezTo>
                      <a:pt x="92" y="348"/>
                      <a:pt x="92" y="348"/>
                      <a:pt x="92" y="348"/>
                    </a:cubicBezTo>
                    <a:cubicBezTo>
                      <a:pt x="95" y="352"/>
                      <a:pt x="95" y="352"/>
                      <a:pt x="95" y="352"/>
                    </a:cubicBezTo>
                    <a:cubicBezTo>
                      <a:pt x="101" y="359"/>
                      <a:pt x="101" y="359"/>
                      <a:pt x="101" y="359"/>
                    </a:cubicBezTo>
                    <a:cubicBezTo>
                      <a:pt x="104" y="370"/>
                      <a:pt x="104" y="370"/>
                      <a:pt x="104" y="370"/>
                    </a:cubicBezTo>
                    <a:cubicBezTo>
                      <a:pt x="109" y="382"/>
                      <a:pt x="109" y="382"/>
                      <a:pt x="109" y="382"/>
                    </a:cubicBezTo>
                    <a:cubicBezTo>
                      <a:pt x="111" y="389"/>
                      <a:pt x="111" y="389"/>
                      <a:pt x="111" y="389"/>
                    </a:cubicBezTo>
                    <a:cubicBezTo>
                      <a:pt x="113" y="393"/>
                      <a:pt x="113" y="393"/>
                      <a:pt x="113" y="393"/>
                    </a:cubicBezTo>
                    <a:cubicBezTo>
                      <a:pt x="119" y="401"/>
                      <a:pt x="119" y="401"/>
                      <a:pt x="119" y="401"/>
                    </a:cubicBezTo>
                    <a:cubicBezTo>
                      <a:pt x="123" y="404"/>
                      <a:pt x="123" y="404"/>
                      <a:pt x="123" y="404"/>
                    </a:cubicBezTo>
                    <a:cubicBezTo>
                      <a:pt x="127" y="404"/>
                      <a:pt x="127" y="404"/>
                      <a:pt x="127" y="404"/>
                    </a:cubicBezTo>
                    <a:cubicBezTo>
                      <a:pt x="129" y="401"/>
                      <a:pt x="129" y="401"/>
                      <a:pt x="129" y="401"/>
                    </a:cubicBezTo>
                    <a:cubicBezTo>
                      <a:pt x="132" y="399"/>
                      <a:pt x="132" y="399"/>
                      <a:pt x="132" y="399"/>
                    </a:cubicBezTo>
                    <a:cubicBezTo>
                      <a:pt x="134" y="392"/>
                      <a:pt x="134" y="392"/>
                      <a:pt x="134" y="392"/>
                    </a:cubicBezTo>
                    <a:cubicBezTo>
                      <a:pt x="139" y="389"/>
                      <a:pt x="139" y="389"/>
                      <a:pt x="139" y="389"/>
                    </a:cubicBezTo>
                    <a:cubicBezTo>
                      <a:pt x="143" y="388"/>
                      <a:pt x="143" y="388"/>
                      <a:pt x="143" y="388"/>
                    </a:cubicBezTo>
                    <a:cubicBezTo>
                      <a:pt x="143" y="384"/>
                      <a:pt x="143" y="384"/>
                      <a:pt x="143" y="384"/>
                    </a:cubicBezTo>
                    <a:cubicBezTo>
                      <a:pt x="146" y="379"/>
                      <a:pt x="146" y="379"/>
                      <a:pt x="146" y="379"/>
                    </a:cubicBezTo>
                    <a:cubicBezTo>
                      <a:pt x="148" y="375"/>
                      <a:pt x="148" y="375"/>
                      <a:pt x="148" y="375"/>
                    </a:cubicBezTo>
                    <a:cubicBezTo>
                      <a:pt x="151" y="374"/>
                      <a:pt x="151" y="374"/>
                      <a:pt x="151" y="374"/>
                    </a:cubicBezTo>
                    <a:cubicBezTo>
                      <a:pt x="153" y="375"/>
                      <a:pt x="153" y="375"/>
                      <a:pt x="153" y="375"/>
                    </a:cubicBezTo>
                    <a:cubicBezTo>
                      <a:pt x="155" y="375"/>
                      <a:pt x="155" y="375"/>
                      <a:pt x="155" y="375"/>
                    </a:cubicBezTo>
                    <a:cubicBezTo>
                      <a:pt x="154" y="357"/>
                      <a:pt x="154" y="357"/>
                      <a:pt x="154" y="357"/>
                    </a:cubicBezTo>
                    <a:cubicBezTo>
                      <a:pt x="155" y="354"/>
                      <a:pt x="155" y="354"/>
                      <a:pt x="155" y="354"/>
                    </a:cubicBezTo>
                    <a:cubicBezTo>
                      <a:pt x="159" y="345"/>
                      <a:pt x="159" y="345"/>
                      <a:pt x="159" y="345"/>
                    </a:cubicBezTo>
                    <a:cubicBezTo>
                      <a:pt x="161" y="337"/>
                      <a:pt x="161" y="337"/>
                      <a:pt x="161" y="337"/>
                    </a:cubicBezTo>
                    <a:cubicBezTo>
                      <a:pt x="161" y="333"/>
                      <a:pt x="161" y="333"/>
                      <a:pt x="161" y="333"/>
                    </a:cubicBezTo>
                    <a:cubicBezTo>
                      <a:pt x="158" y="330"/>
                      <a:pt x="158" y="330"/>
                      <a:pt x="158" y="330"/>
                    </a:cubicBezTo>
                    <a:cubicBezTo>
                      <a:pt x="159" y="330"/>
                      <a:pt x="159" y="330"/>
                      <a:pt x="159" y="330"/>
                    </a:cubicBezTo>
                    <a:cubicBezTo>
                      <a:pt x="160" y="330"/>
                      <a:pt x="160" y="330"/>
                      <a:pt x="160" y="330"/>
                    </a:cubicBezTo>
                    <a:cubicBezTo>
                      <a:pt x="158" y="323"/>
                      <a:pt x="158" y="323"/>
                      <a:pt x="158" y="323"/>
                    </a:cubicBezTo>
                    <a:cubicBezTo>
                      <a:pt x="159" y="318"/>
                      <a:pt x="159" y="318"/>
                      <a:pt x="159" y="318"/>
                    </a:cubicBezTo>
                    <a:cubicBezTo>
                      <a:pt x="158" y="316"/>
                      <a:pt x="158" y="316"/>
                      <a:pt x="158" y="316"/>
                    </a:cubicBezTo>
                    <a:cubicBezTo>
                      <a:pt x="157" y="313"/>
                      <a:pt x="157" y="313"/>
                      <a:pt x="157" y="313"/>
                    </a:cubicBezTo>
                    <a:cubicBezTo>
                      <a:pt x="157" y="308"/>
                      <a:pt x="157" y="308"/>
                      <a:pt x="157" y="308"/>
                    </a:cubicBezTo>
                    <a:cubicBezTo>
                      <a:pt x="161" y="302"/>
                      <a:pt x="161" y="302"/>
                      <a:pt x="161" y="302"/>
                    </a:cubicBezTo>
                    <a:cubicBezTo>
                      <a:pt x="164" y="301"/>
                      <a:pt x="164" y="301"/>
                      <a:pt x="164" y="301"/>
                    </a:cubicBezTo>
                    <a:cubicBezTo>
                      <a:pt x="166" y="301"/>
                      <a:pt x="166" y="301"/>
                      <a:pt x="166" y="301"/>
                    </a:cubicBezTo>
                    <a:cubicBezTo>
                      <a:pt x="168" y="302"/>
                      <a:pt x="168" y="302"/>
                      <a:pt x="168" y="302"/>
                    </a:cubicBezTo>
                    <a:cubicBezTo>
                      <a:pt x="170" y="301"/>
                      <a:pt x="170" y="301"/>
                      <a:pt x="170" y="301"/>
                    </a:cubicBezTo>
                    <a:cubicBezTo>
                      <a:pt x="174" y="295"/>
                      <a:pt x="174" y="295"/>
                      <a:pt x="174" y="295"/>
                    </a:cubicBezTo>
                    <a:cubicBezTo>
                      <a:pt x="180" y="294"/>
                      <a:pt x="180" y="294"/>
                      <a:pt x="180" y="294"/>
                    </a:cubicBezTo>
                    <a:cubicBezTo>
                      <a:pt x="185" y="292"/>
                      <a:pt x="185" y="292"/>
                      <a:pt x="185" y="292"/>
                    </a:cubicBezTo>
                    <a:cubicBezTo>
                      <a:pt x="187" y="290"/>
                      <a:pt x="187" y="290"/>
                      <a:pt x="187" y="290"/>
                    </a:cubicBezTo>
                    <a:cubicBezTo>
                      <a:pt x="187" y="287"/>
                      <a:pt x="187" y="287"/>
                      <a:pt x="187" y="287"/>
                    </a:cubicBezTo>
                    <a:cubicBezTo>
                      <a:pt x="188" y="285"/>
                      <a:pt x="188" y="285"/>
                      <a:pt x="188" y="285"/>
                    </a:cubicBezTo>
                    <a:cubicBezTo>
                      <a:pt x="202" y="275"/>
                      <a:pt x="202" y="275"/>
                      <a:pt x="202" y="275"/>
                    </a:cubicBezTo>
                    <a:cubicBezTo>
                      <a:pt x="205" y="271"/>
                      <a:pt x="205" y="271"/>
                      <a:pt x="205" y="271"/>
                    </a:cubicBezTo>
                    <a:cubicBezTo>
                      <a:pt x="212" y="266"/>
                      <a:pt x="212" y="266"/>
                      <a:pt x="212" y="266"/>
                    </a:cubicBezTo>
                    <a:cubicBezTo>
                      <a:pt x="223" y="254"/>
                      <a:pt x="223" y="254"/>
                      <a:pt x="223" y="254"/>
                    </a:cubicBezTo>
                    <a:cubicBezTo>
                      <a:pt x="226" y="251"/>
                      <a:pt x="226" y="251"/>
                      <a:pt x="226" y="251"/>
                    </a:cubicBezTo>
                    <a:cubicBezTo>
                      <a:pt x="234" y="247"/>
                      <a:pt x="234" y="247"/>
                      <a:pt x="234" y="247"/>
                    </a:cubicBezTo>
                    <a:cubicBezTo>
                      <a:pt x="241" y="244"/>
                      <a:pt x="241" y="244"/>
                      <a:pt x="241" y="244"/>
                    </a:cubicBezTo>
                    <a:cubicBezTo>
                      <a:pt x="245" y="241"/>
                      <a:pt x="245" y="241"/>
                      <a:pt x="245" y="241"/>
                    </a:cubicBezTo>
                    <a:cubicBezTo>
                      <a:pt x="250" y="234"/>
                      <a:pt x="250" y="234"/>
                      <a:pt x="250" y="234"/>
                    </a:cubicBezTo>
                    <a:cubicBezTo>
                      <a:pt x="248" y="229"/>
                      <a:pt x="248" y="229"/>
                      <a:pt x="248" y="229"/>
                    </a:cubicBezTo>
                    <a:cubicBezTo>
                      <a:pt x="250" y="225"/>
                      <a:pt x="250" y="225"/>
                      <a:pt x="250" y="225"/>
                    </a:cubicBezTo>
                    <a:cubicBezTo>
                      <a:pt x="261" y="219"/>
                      <a:pt x="261" y="219"/>
                      <a:pt x="261" y="219"/>
                    </a:cubicBezTo>
                    <a:cubicBezTo>
                      <a:pt x="264" y="214"/>
                      <a:pt x="264" y="214"/>
                      <a:pt x="264" y="214"/>
                    </a:cubicBezTo>
                    <a:cubicBezTo>
                      <a:pt x="265" y="214"/>
                      <a:pt x="265" y="214"/>
                      <a:pt x="265" y="214"/>
                    </a:cubicBezTo>
                    <a:cubicBezTo>
                      <a:pt x="265" y="220"/>
                      <a:pt x="265" y="220"/>
                      <a:pt x="265" y="220"/>
                    </a:cubicBezTo>
                    <a:cubicBezTo>
                      <a:pt x="266" y="221"/>
                      <a:pt x="266" y="221"/>
                      <a:pt x="266" y="221"/>
                    </a:cubicBezTo>
                    <a:cubicBezTo>
                      <a:pt x="267" y="223"/>
                      <a:pt x="267" y="223"/>
                      <a:pt x="267" y="223"/>
                    </a:cubicBezTo>
                    <a:cubicBezTo>
                      <a:pt x="269" y="222"/>
                      <a:pt x="269" y="222"/>
                      <a:pt x="269" y="222"/>
                    </a:cubicBezTo>
                    <a:cubicBezTo>
                      <a:pt x="270" y="221"/>
                      <a:pt x="270" y="221"/>
                      <a:pt x="270" y="221"/>
                    </a:cubicBezTo>
                    <a:cubicBezTo>
                      <a:pt x="271" y="221"/>
                      <a:pt x="271" y="221"/>
                      <a:pt x="271" y="221"/>
                    </a:cubicBezTo>
                    <a:cubicBezTo>
                      <a:pt x="272" y="218"/>
                      <a:pt x="272" y="218"/>
                      <a:pt x="272" y="218"/>
                    </a:cubicBezTo>
                    <a:cubicBezTo>
                      <a:pt x="274" y="222"/>
                      <a:pt x="274" y="222"/>
                      <a:pt x="274" y="222"/>
                    </a:cubicBezTo>
                    <a:cubicBezTo>
                      <a:pt x="275" y="221"/>
                      <a:pt x="275" y="221"/>
                      <a:pt x="275" y="221"/>
                    </a:cubicBezTo>
                    <a:cubicBezTo>
                      <a:pt x="274" y="218"/>
                      <a:pt x="274" y="218"/>
                      <a:pt x="274" y="218"/>
                    </a:cubicBezTo>
                    <a:cubicBezTo>
                      <a:pt x="274" y="216"/>
                      <a:pt x="274" y="216"/>
                      <a:pt x="274" y="216"/>
                    </a:cubicBezTo>
                    <a:cubicBezTo>
                      <a:pt x="273" y="209"/>
                      <a:pt x="273" y="209"/>
                      <a:pt x="273" y="209"/>
                    </a:cubicBezTo>
                    <a:cubicBezTo>
                      <a:pt x="271" y="206"/>
                      <a:pt x="271" y="206"/>
                      <a:pt x="271" y="206"/>
                    </a:cubicBezTo>
                    <a:cubicBezTo>
                      <a:pt x="272" y="199"/>
                      <a:pt x="272" y="199"/>
                      <a:pt x="272" y="199"/>
                    </a:cubicBezTo>
                    <a:cubicBezTo>
                      <a:pt x="270" y="198"/>
                      <a:pt x="270" y="198"/>
                      <a:pt x="270" y="198"/>
                    </a:cubicBezTo>
                    <a:cubicBezTo>
                      <a:pt x="270" y="195"/>
                      <a:pt x="270" y="195"/>
                      <a:pt x="270" y="195"/>
                    </a:cubicBezTo>
                    <a:cubicBezTo>
                      <a:pt x="269" y="193"/>
                      <a:pt x="269" y="193"/>
                      <a:pt x="269" y="193"/>
                    </a:cubicBezTo>
                    <a:cubicBezTo>
                      <a:pt x="270" y="183"/>
                      <a:pt x="270" y="183"/>
                      <a:pt x="270" y="183"/>
                    </a:cubicBezTo>
                    <a:cubicBezTo>
                      <a:pt x="267" y="181"/>
                      <a:pt x="267" y="181"/>
                      <a:pt x="267" y="181"/>
                    </a:cubicBezTo>
                    <a:cubicBezTo>
                      <a:pt x="262" y="178"/>
                      <a:pt x="262" y="178"/>
                      <a:pt x="262" y="178"/>
                    </a:cubicBezTo>
                    <a:cubicBezTo>
                      <a:pt x="261" y="177"/>
                      <a:pt x="261" y="177"/>
                      <a:pt x="261" y="177"/>
                    </a:cubicBezTo>
                    <a:cubicBezTo>
                      <a:pt x="263" y="174"/>
                      <a:pt x="263" y="174"/>
                      <a:pt x="263" y="174"/>
                    </a:cubicBezTo>
                    <a:cubicBezTo>
                      <a:pt x="266" y="173"/>
                      <a:pt x="266" y="173"/>
                      <a:pt x="266" y="173"/>
                    </a:cubicBezTo>
                    <a:cubicBezTo>
                      <a:pt x="267" y="171"/>
                      <a:pt x="267" y="171"/>
                      <a:pt x="267" y="171"/>
                    </a:cubicBezTo>
                    <a:cubicBezTo>
                      <a:pt x="272" y="170"/>
                      <a:pt x="272" y="170"/>
                      <a:pt x="272" y="170"/>
                    </a:cubicBezTo>
                    <a:cubicBezTo>
                      <a:pt x="271" y="167"/>
                      <a:pt x="271" y="167"/>
                      <a:pt x="271" y="167"/>
                    </a:cubicBezTo>
                    <a:cubicBezTo>
                      <a:pt x="267" y="167"/>
                      <a:pt x="267" y="167"/>
                      <a:pt x="267" y="167"/>
                    </a:cubicBezTo>
                    <a:cubicBezTo>
                      <a:pt x="266" y="166"/>
                      <a:pt x="266" y="166"/>
                      <a:pt x="266" y="166"/>
                    </a:cubicBezTo>
                    <a:cubicBezTo>
                      <a:pt x="265" y="163"/>
                      <a:pt x="265" y="163"/>
                      <a:pt x="265" y="163"/>
                    </a:cubicBezTo>
                    <a:cubicBezTo>
                      <a:pt x="264" y="162"/>
                      <a:pt x="264" y="162"/>
                      <a:pt x="264" y="162"/>
                    </a:cubicBezTo>
                    <a:cubicBezTo>
                      <a:pt x="267" y="156"/>
                      <a:pt x="267" y="156"/>
                      <a:pt x="267" y="156"/>
                    </a:cubicBezTo>
                    <a:cubicBezTo>
                      <a:pt x="268" y="153"/>
                      <a:pt x="268" y="153"/>
                      <a:pt x="268" y="153"/>
                    </a:cubicBezTo>
                    <a:cubicBezTo>
                      <a:pt x="269" y="153"/>
                      <a:pt x="269" y="153"/>
                      <a:pt x="269" y="153"/>
                    </a:cubicBezTo>
                    <a:cubicBezTo>
                      <a:pt x="273" y="159"/>
                      <a:pt x="273" y="159"/>
                      <a:pt x="273" y="159"/>
                    </a:cubicBezTo>
                    <a:cubicBezTo>
                      <a:pt x="274" y="154"/>
                      <a:pt x="274" y="154"/>
                      <a:pt x="274" y="154"/>
                    </a:cubicBezTo>
                    <a:cubicBezTo>
                      <a:pt x="275" y="155"/>
                      <a:pt x="275" y="155"/>
                      <a:pt x="275" y="155"/>
                    </a:cubicBezTo>
                    <a:cubicBezTo>
                      <a:pt x="276" y="158"/>
                      <a:pt x="276" y="158"/>
                      <a:pt x="276" y="158"/>
                    </a:cubicBezTo>
                    <a:cubicBezTo>
                      <a:pt x="278" y="160"/>
                      <a:pt x="278" y="160"/>
                      <a:pt x="278" y="160"/>
                    </a:cubicBezTo>
                    <a:cubicBezTo>
                      <a:pt x="279" y="159"/>
                      <a:pt x="279" y="159"/>
                      <a:pt x="279" y="159"/>
                    </a:cubicBezTo>
                    <a:cubicBezTo>
                      <a:pt x="281" y="160"/>
                      <a:pt x="281" y="160"/>
                      <a:pt x="281" y="160"/>
                    </a:cubicBezTo>
                    <a:cubicBezTo>
                      <a:pt x="283" y="157"/>
                      <a:pt x="283" y="157"/>
                      <a:pt x="283" y="157"/>
                    </a:cubicBezTo>
                    <a:cubicBezTo>
                      <a:pt x="286" y="167"/>
                      <a:pt x="286" y="167"/>
                      <a:pt x="286" y="167"/>
                    </a:cubicBezTo>
                    <a:cubicBezTo>
                      <a:pt x="287" y="169"/>
                      <a:pt x="287" y="169"/>
                      <a:pt x="287" y="169"/>
                    </a:cubicBezTo>
                    <a:cubicBezTo>
                      <a:pt x="290" y="170"/>
                      <a:pt x="290" y="170"/>
                      <a:pt x="290" y="170"/>
                    </a:cubicBezTo>
                    <a:cubicBezTo>
                      <a:pt x="300" y="171"/>
                      <a:pt x="300" y="171"/>
                      <a:pt x="300" y="171"/>
                    </a:cubicBezTo>
                    <a:cubicBezTo>
                      <a:pt x="305" y="170"/>
                      <a:pt x="305" y="170"/>
                      <a:pt x="305" y="170"/>
                    </a:cubicBezTo>
                    <a:cubicBezTo>
                      <a:pt x="310" y="170"/>
                      <a:pt x="310" y="170"/>
                      <a:pt x="310" y="170"/>
                    </a:cubicBezTo>
                    <a:cubicBezTo>
                      <a:pt x="316" y="171"/>
                      <a:pt x="316" y="171"/>
                      <a:pt x="316" y="171"/>
                    </a:cubicBezTo>
                    <a:cubicBezTo>
                      <a:pt x="320" y="173"/>
                      <a:pt x="320" y="173"/>
                      <a:pt x="320" y="173"/>
                    </a:cubicBezTo>
                    <a:cubicBezTo>
                      <a:pt x="319" y="174"/>
                      <a:pt x="319" y="174"/>
                      <a:pt x="319" y="174"/>
                    </a:cubicBezTo>
                    <a:cubicBezTo>
                      <a:pt x="317" y="175"/>
                      <a:pt x="317" y="175"/>
                      <a:pt x="317" y="175"/>
                    </a:cubicBezTo>
                    <a:cubicBezTo>
                      <a:pt x="316" y="178"/>
                      <a:pt x="316" y="178"/>
                      <a:pt x="316" y="178"/>
                    </a:cubicBezTo>
                    <a:cubicBezTo>
                      <a:pt x="313" y="182"/>
                      <a:pt x="313" y="182"/>
                      <a:pt x="313" y="182"/>
                    </a:cubicBezTo>
                    <a:cubicBezTo>
                      <a:pt x="304" y="188"/>
                      <a:pt x="304" y="188"/>
                      <a:pt x="304" y="188"/>
                    </a:cubicBezTo>
                    <a:cubicBezTo>
                      <a:pt x="304" y="189"/>
                      <a:pt x="304" y="189"/>
                      <a:pt x="304" y="189"/>
                    </a:cubicBezTo>
                    <a:cubicBezTo>
                      <a:pt x="304" y="194"/>
                      <a:pt x="304" y="194"/>
                      <a:pt x="304" y="194"/>
                    </a:cubicBezTo>
                    <a:cubicBezTo>
                      <a:pt x="305" y="197"/>
                      <a:pt x="305" y="197"/>
                      <a:pt x="305" y="197"/>
                    </a:cubicBezTo>
                    <a:cubicBezTo>
                      <a:pt x="308" y="198"/>
                      <a:pt x="308" y="198"/>
                      <a:pt x="308" y="198"/>
                    </a:cubicBezTo>
                    <a:cubicBezTo>
                      <a:pt x="309" y="200"/>
                      <a:pt x="309" y="200"/>
                      <a:pt x="309" y="200"/>
                    </a:cubicBezTo>
                    <a:cubicBezTo>
                      <a:pt x="311" y="202"/>
                      <a:pt x="311" y="202"/>
                      <a:pt x="311" y="202"/>
                    </a:cubicBezTo>
                    <a:cubicBezTo>
                      <a:pt x="314" y="195"/>
                      <a:pt x="314" y="195"/>
                      <a:pt x="314" y="195"/>
                    </a:cubicBezTo>
                    <a:cubicBezTo>
                      <a:pt x="316" y="191"/>
                      <a:pt x="316" y="191"/>
                      <a:pt x="316" y="191"/>
                    </a:cubicBezTo>
                    <a:cubicBezTo>
                      <a:pt x="318" y="192"/>
                      <a:pt x="318" y="192"/>
                      <a:pt x="318" y="192"/>
                    </a:cubicBezTo>
                    <a:cubicBezTo>
                      <a:pt x="319" y="195"/>
                      <a:pt x="319" y="195"/>
                      <a:pt x="319" y="195"/>
                    </a:cubicBezTo>
                    <a:cubicBezTo>
                      <a:pt x="322" y="203"/>
                      <a:pt x="322" y="203"/>
                      <a:pt x="322" y="203"/>
                    </a:cubicBezTo>
                    <a:cubicBezTo>
                      <a:pt x="324" y="217"/>
                      <a:pt x="324" y="217"/>
                      <a:pt x="324" y="217"/>
                    </a:cubicBezTo>
                    <a:cubicBezTo>
                      <a:pt x="326" y="215"/>
                      <a:pt x="326" y="215"/>
                      <a:pt x="326" y="215"/>
                    </a:cubicBezTo>
                    <a:cubicBezTo>
                      <a:pt x="329" y="216"/>
                      <a:pt x="329" y="216"/>
                      <a:pt x="329" y="216"/>
                    </a:cubicBezTo>
                    <a:cubicBezTo>
                      <a:pt x="331" y="214"/>
                      <a:pt x="331" y="214"/>
                      <a:pt x="331" y="214"/>
                    </a:cubicBezTo>
                    <a:cubicBezTo>
                      <a:pt x="331" y="213"/>
                      <a:pt x="331" y="213"/>
                      <a:pt x="331" y="213"/>
                    </a:cubicBezTo>
                    <a:cubicBezTo>
                      <a:pt x="330" y="210"/>
                      <a:pt x="330" y="210"/>
                      <a:pt x="330" y="210"/>
                    </a:cubicBezTo>
                    <a:cubicBezTo>
                      <a:pt x="330" y="207"/>
                      <a:pt x="330" y="207"/>
                      <a:pt x="330" y="207"/>
                    </a:cubicBezTo>
                    <a:cubicBezTo>
                      <a:pt x="330" y="204"/>
                      <a:pt x="330" y="204"/>
                      <a:pt x="330" y="204"/>
                    </a:cubicBezTo>
                    <a:cubicBezTo>
                      <a:pt x="333" y="204"/>
                      <a:pt x="333" y="204"/>
                      <a:pt x="333" y="204"/>
                    </a:cubicBezTo>
                    <a:cubicBezTo>
                      <a:pt x="333" y="203"/>
                      <a:pt x="333" y="203"/>
                      <a:pt x="333" y="203"/>
                    </a:cubicBezTo>
                    <a:cubicBezTo>
                      <a:pt x="334" y="198"/>
                      <a:pt x="334" y="198"/>
                      <a:pt x="334" y="198"/>
                    </a:cubicBezTo>
                    <a:cubicBezTo>
                      <a:pt x="334" y="192"/>
                      <a:pt x="334" y="192"/>
                      <a:pt x="334" y="192"/>
                    </a:cubicBezTo>
                    <a:cubicBezTo>
                      <a:pt x="336" y="190"/>
                      <a:pt x="336" y="190"/>
                      <a:pt x="336" y="190"/>
                    </a:cubicBezTo>
                    <a:cubicBezTo>
                      <a:pt x="339" y="190"/>
                      <a:pt x="339" y="190"/>
                      <a:pt x="339" y="190"/>
                    </a:cubicBezTo>
                    <a:cubicBezTo>
                      <a:pt x="344" y="190"/>
                      <a:pt x="344" y="190"/>
                      <a:pt x="344" y="190"/>
                    </a:cubicBezTo>
                    <a:cubicBezTo>
                      <a:pt x="346" y="189"/>
                      <a:pt x="346" y="189"/>
                      <a:pt x="346" y="189"/>
                    </a:cubicBezTo>
                    <a:cubicBezTo>
                      <a:pt x="347" y="184"/>
                      <a:pt x="347" y="184"/>
                      <a:pt x="347" y="184"/>
                    </a:cubicBezTo>
                    <a:cubicBezTo>
                      <a:pt x="351" y="176"/>
                      <a:pt x="351" y="176"/>
                      <a:pt x="351" y="176"/>
                    </a:cubicBezTo>
                    <a:cubicBezTo>
                      <a:pt x="352" y="173"/>
                      <a:pt x="352" y="173"/>
                      <a:pt x="352" y="173"/>
                    </a:cubicBezTo>
                    <a:cubicBezTo>
                      <a:pt x="352" y="171"/>
                      <a:pt x="352" y="171"/>
                      <a:pt x="352" y="171"/>
                    </a:cubicBezTo>
                    <a:cubicBezTo>
                      <a:pt x="353" y="169"/>
                      <a:pt x="353" y="169"/>
                      <a:pt x="353" y="169"/>
                    </a:cubicBezTo>
                    <a:cubicBezTo>
                      <a:pt x="357" y="167"/>
                      <a:pt x="357" y="167"/>
                      <a:pt x="357" y="167"/>
                    </a:cubicBezTo>
                    <a:cubicBezTo>
                      <a:pt x="358" y="163"/>
                      <a:pt x="358" y="163"/>
                      <a:pt x="358" y="163"/>
                    </a:cubicBezTo>
                    <a:cubicBezTo>
                      <a:pt x="358" y="157"/>
                      <a:pt x="358" y="157"/>
                      <a:pt x="358" y="157"/>
                    </a:cubicBezTo>
                    <a:cubicBezTo>
                      <a:pt x="360" y="153"/>
                      <a:pt x="360" y="153"/>
                      <a:pt x="360" y="153"/>
                    </a:cubicBezTo>
                    <a:cubicBezTo>
                      <a:pt x="363" y="151"/>
                      <a:pt x="363" y="151"/>
                      <a:pt x="363" y="151"/>
                    </a:cubicBezTo>
                    <a:cubicBezTo>
                      <a:pt x="367" y="149"/>
                      <a:pt x="367" y="149"/>
                      <a:pt x="367" y="149"/>
                    </a:cubicBezTo>
                    <a:cubicBezTo>
                      <a:pt x="369" y="147"/>
                      <a:pt x="369" y="147"/>
                      <a:pt x="369" y="147"/>
                    </a:cubicBezTo>
                    <a:cubicBezTo>
                      <a:pt x="371" y="144"/>
                      <a:pt x="371" y="144"/>
                      <a:pt x="371" y="144"/>
                    </a:cubicBezTo>
                    <a:cubicBezTo>
                      <a:pt x="376" y="143"/>
                      <a:pt x="376" y="143"/>
                      <a:pt x="376" y="143"/>
                    </a:cubicBezTo>
                    <a:cubicBezTo>
                      <a:pt x="378" y="142"/>
                      <a:pt x="378" y="142"/>
                      <a:pt x="378" y="142"/>
                    </a:cubicBezTo>
                    <a:cubicBezTo>
                      <a:pt x="382" y="143"/>
                      <a:pt x="382" y="143"/>
                      <a:pt x="382" y="143"/>
                    </a:cubicBezTo>
                    <a:cubicBezTo>
                      <a:pt x="384" y="142"/>
                      <a:pt x="384" y="142"/>
                      <a:pt x="384" y="142"/>
                    </a:cubicBezTo>
                    <a:cubicBezTo>
                      <a:pt x="383" y="138"/>
                      <a:pt x="383" y="138"/>
                      <a:pt x="383" y="138"/>
                    </a:cubicBezTo>
                    <a:cubicBezTo>
                      <a:pt x="384" y="135"/>
                      <a:pt x="384" y="135"/>
                      <a:pt x="384" y="135"/>
                    </a:cubicBezTo>
                    <a:cubicBezTo>
                      <a:pt x="388" y="133"/>
                      <a:pt x="388" y="133"/>
                      <a:pt x="388" y="133"/>
                    </a:cubicBezTo>
                    <a:cubicBezTo>
                      <a:pt x="388" y="129"/>
                      <a:pt x="388" y="129"/>
                      <a:pt x="388" y="129"/>
                    </a:cubicBezTo>
                    <a:lnTo>
                      <a:pt x="385" y="127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  <p:sp>
            <p:nvSpPr>
              <p:cNvPr id="917" name="Freeform 292"/>
              <p:cNvSpPr>
                <a:spLocks noChangeAspect="1"/>
              </p:cNvSpPr>
              <p:nvPr/>
            </p:nvSpPr>
            <p:spPr bwMode="gray">
              <a:xfrm>
                <a:off x="4469" y="2439"/>
                <a:ext cx="6" cy="28"/>
              </a:xfrm>
              <a:custGeom>
                <a:avLst/>
                <a:gdLst>
                  <a:gd name="T0" fmla="*/ 0 w 120"/>
                  <a:gd name="T1" fmla="*/ 0 h 516"/>
                  <a:gd name="T2" fmla="*/ 0 w 120"/>
                  <a:gd name="T3" fmla="*/ 0 h 516"/>
                  <a:gd name="T4" fmla="*/ 0 w 120"/>
                  <a:gd name="T5" fmla="*/ 0 h 516"/>
                  <a:gd name="T6" fmla="*/ 0 w 120"/>
                  <a:gd name="T7" fmla="*/ 0 h 516"/>
                  <a:gd name="T8" fmla="*/ 0 w 120"/>
                  <a:gd name="T9" fmla="*/ 0 h 516"/>
                  <a:gd name="T10" fmla="*/ 0 w 120"/>
                  <a:gd name="T11" fmla="*/ 0 h 516"/>
                  <a:gd name="T12" fmla="*/ 0 w 120"/>
                  <a:gd name="T13" fmla="*/ 0 h 516"/>
                  <a:gd name="T14" fmla="*/ 0 w 120"/>
                  <a:gd name="T15" fmla="*/ 0 h 516"/>
                  <a:gd name="T16" fmla="*/ 0 w 120"/>
                  <a:gd name="T17" fmla="*/ 0 h 51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120"/>
                  <a:gd name="T28" fmla="*/ 0 h 516"/>
                  <a:gd name="T29" fmla="*/ 120 w 120"/>
                  <a:gd name="T30" fmla="*/ 516 h 516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120" h="516">
                    <a:moveTo>
                      <a:pt x="89" y="0"/>
                    </a:moveTo>
                    <a:lnTo>
                      <a:pt x="120" y="0"/>
                    </a:lnTo>
                    <a:lnTo>
                      <a:pt x="114" y="114"/>
                    </a:lnTo>
                    <a:lnTo>
                      <a:pt x="90" y="135"/>
                    </a:lnTo>
                    <a:lnTo>
                      <a:pt x="56" y="510"/>
                    </a:lnTo>
                    <a:lnTo>
                      <a:pt x="27" y="516"/>
                    </a:lnTo>
                    <a:lnTo>
                      <a:pt x="0" y="421"/>
                    </a:lnTo>
                    <a:lnTo>
                      <a:pt x="36" y="337"/>
                    </a:lnTo>
                    <a:lnTo>
                      <a:pt x="89" y="0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eaLnBrk="1" hangingPunct="1"/>
                <a:endParaRPr lang="en-US" dirty="0">
                  <a:solidFill>
                    <a:prstClr val="black"/>
                  </a:solidFill>
                  <a:ea typeface="ＭＳ Ｐゴシック" pitchFamily="34" charset="-128"/>
                </a:endParaRPr>
              </a:p>
            </p:txBody>
          </p:sp>
        </p:grpSp>
        <p:sp>
          <p:nvSpPr>
            <p:cNvPr id="915" name="Freeform 293"/>
            <p:cNvSpPr>
              <a:spLocks noChangeAspect="1"/>
            </p:cNvSpPr>
            <p:nvPr/>
          </p:nvSpPr>
          <p:spPr bwMode="gray">
            <a:xfrm>
              <a:off x="6376988" y="3244851"/>
              <a:ext cx="320675" cy="244475"/>
            </a:xfrm>
            <a:custGeom>
              <a:avLst/>
              <a:gdLst>
                <a:gd name="T0" fmla="*/ 1 w 660"/>
                <a:gd name="T1" fmla="*/ 6 h 502"/>
                <a:gd name="T2" fmla="*/ 1 w 660"/>
                <a:gd name="T3" fmla="*/ 7 h 502"/>
                <a:gd name="T4" fmla="*/ 0 w 660"/>
                <a:gd name="T5" fmla="*/ 7 h 502"/>
                <a:gd name="T6" fmla="*/ 0 w 660"/>
                <a:gd name="T7" fmla="*/ 8 h 502"/>
                <a:gd name="T8" fmla="*/ 0 w 660"/>
                <a:gd name="T9" fmla="*/ 9 h 502"/>
                <a:gd name="T10" fmla="*/ 0 w 660"/>
                <a:gd name="T11" fmla="*/ 11 h 502"/>
                <a:gd name="T12" fmla="*/ 1 w 660"/>
                <a:gd name="T13" fmla="*/ 11 h 502"/>
                <a:gd name="T14" fmla="*/ 2 w 660"/>
                <a:gd name="T15" fmla="*/ 13 h 502"/>
                <a:gd name="T16" fmla="*/ 1 w 660"/>
                <a:gd name="T17" fmla="*/ 14 h 502"/>
                <a:gd name="T18" fmla="*/ 4 w 660"/>
                <a:gd name="T19" fmla="*/ 14 h 502"/>
                <a:gd name="T20" fmla="*/ 5 w 660"/>
                <a:gd name="T21" fmla="*/ 14 h 502"/>
                <a:gd name="T22" fmla="*/ 8 w 660"/>
                <a:gd name="T23" fmla="*/ 14 h 502"/>
                <a:gd name="T24" fmla="*/ 8 w 660"/>
                <a:gd name="T25" fmla="*/ 13 h 502"/>
                <a:gd name="T26" fmla="*/ 8 w 660"/>
                <a:gd name="T27" fmla="*/ 12 h 502"/>
                <a:gd name="T28" fmla="*/ 10 w 660"/>
                <a:gd name="T29" fmla="*/ 11 h 502"/>
                <a:gd name="T30" fmla="*/ 10 w 660"/>
                <a:gd name="T31" fmla="*/ 11 h 502"/>
                <a:gd name="T32" fmla="*/ 11 w 660"/>
                <a:gd name="T33" fmla="*/ 11 h 502"/>
                <a:gd name="T34" fmla="*/ 11 w 660"/>
                <a:gd name="T35" fmla="*/ 11 h 502"/>
                <a:gd name="T36" fmla="*/ 12 w 660"/>
                <a:gd name="T37" fmla="*/ 10 h 502"/>
                <a:gd name="T38" fmla="*/ 12 w 660"/>
                <a:gd name="T39" fmla="*/ 9 h 502"/>
                <a:gd name="T40" fmla="*/ 13 w 660"/>
                <a:gd name="T41" fmla="*/ 8 h 502"/>
                <a:gd name="T42" fmla="*/ 13 w 660"/>
                <a:gd name="T43" fmla="*/ 8 h 502"/>
                <a:gd name="T44" fmla="*/ 13 w 660"/>
                <a:gd name="T45" fmla="*/ 7 h 502"/>
                <a:gd name="T46" fmla="*/ 14 w 660"/>
                <a:gd name="T47" fmla="*/ 7 h 502"/>
                <a:gd name="T48" fmla="*/ 15 w 660"/>
                <a:gd name="T49" fmla="*/ 6 h 502"/>
                <a:gd name="T50" fmla="*/ 15 w 660"/>
                <a:gd name="T51" fmla="*/ 4 h 502"/>
                <a:gd name="T52" fmla="*/ 14 w 660"/>
                <a:gd name="T53" fmla="*/ 4 h 502"/>
                <a:gd name="T54" fmla="*/ 15 w 660"/>
                <a:gd name="T55" fmla="*/ 3 h 502"/>
                <a:gd name="T56" fmla="*/ 16 w 660"/>
                <a:gd name="T57" fmla="*/ 3 h 502"/>
                <a:gd name="T58" fmla="*/ 18 w 660"/>
                <a:gd name="T59" fmla="*/ 3 h 502"/>
                <a:gd name="T60" fmla="*/ 18 w 660"/>
                <a:gd name="T61" fmla="*/ 2 h 502"/>
                <a:gd name="T62" fmla="*/ 19 w 660"/>
                <a:gd name="T63" fmla="*/ 2 h 502"/>
                <a:gd name="T64" fmla="*/ 18 w 660"/>
                <a:gd name="T65" fmla="*/ 2 h 502"/>
                <a:gd name="T66" fmla="*/ 17 w 660"/>
                <a:gd name="T67" fmla="*/ 2 h 502"/>
                <a:gd name="T68" fmla="*/ 15 w 660"/>
                <a:gd name="T69" fmla="*/ 3 h 502"/>
                <a:gd name="T70" fmla="*/ 15 w 660"/>
                <a:gd name="T71" fmla="*/ 1 h 502"/>
                <a:gd name="T72" fmla="*/ 14 w 660"/>
                <a:gd name="T73" fmla="*/ 0 h 502"/>
                <a:gd name="T74" fmla="*/ 13 w 660"/>
                <a:gd name="T75" fmla="*/ 0 h 502"/>
                <a:gd name="T76" fmla="*/ 13 w 660"/>
                <a:gd name="T77" fmla="*/ 1 h 502"/>
                <a:gd name="T78" fmla="*/ 12 w 660"/>
                <a:gd name="T79" fmla="*/ 2 h 502"/>
                <a:gd name="T80" fmla="*/ 12 w 660"/>
                <a:gd name="T81" fmla="*/ 2 h 502"/>
                <a:gd name="T82" fmla="*/ 11 w 660"/>
                <a:gd name="T83" fmla="*/ 2 h 502"/>
                <a:gd name="T84" fmla="*/ 9 w 660"/>
                <a:gd name="T85" fmla="*/ 2 h 502"/>
                <a:gd name="T86" fmla="*/ 8 w 660"/>
                <a:gd name="T87" fmla="*/ 2 h 502"/>
                <a:gd name="T88" fmla="*/ 7 w 660"/>
                <a:gd name="T89" fmla="*/ 2 h 502"/>
                <a:gd name="T90" fmla="*/ 6 w 660"/>
                <a:gd name="T91" fmla="*/ 2 h 502"/>
                <a:gd name="T92" fmla="*/ 6 w 660"/>
                <a:gd name="T93" fmla="*/ 4 h 502"/>
                <a:gd name="T94" fmla="*/ 4 w 660"/>
                <a:gd name="T95" fmla="*/ 4 h 502"/>
                <a:gd name="T96" fmla="*/ 3 w 660"/>
                <a:gd name="T97" fmla="*/ 5 h 502"/>
                <a:gd name="T98" fmla="*/ 2 w 660"/>
                <a:gd name="T99" fmla="*/ 5 h 502"/>
                <a:gd name="T100" fmla="*/ 2 w 660"/>
                <a:gd name="T101" fmla="*/ 5 h 502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660"/>
                <a:gd name="T154" fmla="*/ 0 h 502"/>
                <a:gd name="T155" fmla="*/ 660 w 660"/>
                <a:gd name="T156" fmla="*/ 502 h 502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660" h="502">
                  <a:moveTo>
                    <a:pt x="35" y="162"/>
                  </a:moveTo>
                  <a:lnTo>
                    <a:pt x="29" y="205"/>
                  </a:lnTo>
                  <a:lnTo>
                    <a:pt x="18" y="224"/>
                  </a:lnTo>
                  <a:lnTo>
                    <a:pt x="18" y="235"/>
                  </a:lnTo>
                  <a:lnTo>
                    <a:pt x="0" y="244"/>
                  </a:lnTo>
                  <a:lnTo>
                    <a:pt x="0" y="252"/>
                  </a:lnTo>
                  <a:lnTo>
                    <a:pt x="0" y="267"/>
                  </a:lnTo>
                  <a:lnTo>
                    <a:pt x="12" y="272"/>
                  </a:lnTo>
                  <a:lnTo>
                    <a:pt x="12" y="281"/>
                  </a:lnTo>
                  <a:lnTo>
                    <a:pt x="3" y="312"/>
                  </a:lnTo>
                  <a:lnTo>
                    <a:pt x="12" y="335"/>
                  </a:lnTo>
                  <a:lnTo>
                    <a:pt x="12" y="375"/>
                  </a:lnTo>
                  <a:lnTo>
                    <a:pt x="20" y="384"/>
                  </a:lnTo>
                  <a:lnTo>
                    <a:pt x="40" y="388"/>
                  </a:lnTo>
                  <a:lnTo>
                    <a:pt x="54" y="409"/>
                  </a:lnTo>
                  <a:lnTo>
                    <a:pt x="49" y="437"/>
                  </a:lnTo>
                  <a:lnTo>
                    <a:pt x="31" y="459"/>
                  </a:lnTo>
                  <a:lnTo>
                    <a:pt x="20" y="481"/>
                  </a:lnTo>
                  <a:lnTo>
                    <a:pt x="91" y="502"/>
                  </a:lnTo>
                  <a:lnTo>
                    <a:pt x="137" y="498"/>
                  </a:lnTo>
                  <a:lnTo>
                    <a:pt x="165" y="502"/>
                  </a:lnTo>
                  <a:lnTo>
                    <a:pt x="179" y="493"/>
                  </a:lnTo>
                  <a:lnTo>
                    <a:pt x="212" y="494"/>
                  </a:lnTo>
                  <a:lnTo>
                    <a:pt x="264" y="481"/>
                  </a:lnTo>
                  <a:lnTo>
                    <a:pt x="271" y="476"/>
                  </a:lnTo>
                  <a:lnTo>
                    <a:pt x="267" y="464"/>
                  </a:lnTo>
                  <a:lnTo>
                    <a:pt x="272" y="425"/>
                  </a:lnTo>
                  <a:lnTo>
                    <a:pt x="292" y="405"/>
                  </a:lnTo>
                  <a:lnTo>
                    <a:pt x="334" y="401"/>
                  </a:lnTo>
                  <a:lnTo>
                    <a:pt x="337" y="396"/>
                  </a:lnTo>
                  <a:lnTo>
                    <a:pt x="329" y="392"/>
                  </a:lnTo>
                  <a:lnTo>
                    <a:pt x="352" y="377"/>
                  </a:lnTo>
                  <a:lnTo>
                    <a:pt x="371" y="380"/>
                  </a:lnTo>
                  <a:lnTo>
                    <a:pt x="368" y="377"/>
                  </a:lnTo>
                  <a:lnTo>
                    <a:pt x="372" y="374"/>
                  </a:lnTo>
                  <a:lnTo>
                    <a:pt x="388" y="388"/>
                  </a:lnTo>
                  <a:lnTo>
                    <a:pt x="406" y="369"/>
                  </a:lnTo>
                  <a:lnTo>
                    <a:pt x="403" y="341"/>
                  </a:lnTo>
                  <a:lnTo>
                    <a:pt x="411" y="330"/>
                  </a:lnTo>
                  <a:lnTo>
                    <a:pt x="419" y="304"/>
                  </a:lnTo>
                  <a:lnTo>
                    <a:pt x="436" y="303"/>
                  </a:lnTo>
                  <a:lnTo>
                    <a:pt x="454" y="289"/>
                  </a:lnTo>
                  <a:lnTo>
                    <a:pt x="445" y="269"/>
                  </a:lnTo>
                  <a:lnTo>
                    <a:pt x="437" y="261"/>
                  </a:lnTo>
                  <a:lnTo>
                    <a:pt x="437" y="253"/>
                  </a:lnTo>
                  <a:lnTo>
                    <a:pt x="469" y="258"/>
                  </a:lnTo>
                  <a:lnTo>
                    <a:pt x="484" y="252"/>
                  </a:lnTo>
                  <a:lnTo>
                    <a:pt x="493" y="235"/>
                  </a:lnTo>
                  <a:lnTo>
                    <a:pt x="486" y="225"/>
                  </a:lnTo>
                  <a:lnTo>
                    <a:pt x="513" y="191"/>
                  </a:lnTo>
                  <a:lnTo>
                    <a:pt x="515" y="173"/>
                  </a:lnTo>
                  <a:lnTo>
                    <a:pt x="510" y="154"/>
                  </a:lnTo>
                  <a:lnTo>
                    <a:pt x="496" y="140"/>
                  </a:lnTo>
                  <a:lnTo>
                    <a:pt x="499" y="132"/>
                  </a:lnTo>
                  <a:lnTo>
                    <a:pt x="515" y="117"/>
                  </a:lnTo>
                  <a:lnTo>
                    <a:pt x="527" y="118"/>
                  </a:lnTo>
                  <a:lnTo>
                    <a:pt x="537" y="105"/>
                  </a:lnTo>
                  <a:lnTo>
                    <a:pt x="558" y="97"/>
                  </a:lnTo>
                  <a:lnTo>
                    <a:pt x="609" y="91"/>
                  </a:lnTo>
                  <a:lnTo>
                    <a:pt x="632" y="95"/>
                  </a:lnTo>
                  <a:lnTo>
                    <a:pt x="654" y="84"/>
                  </a:lnTo>
                  <a:lnTo>
                    <a:pt x="645" y="76"/>
                  </a:lnTo>
                  <a:lnTo>
                    <a:pt x="659" y="71"/>
                  </a:lnTo>
                  <a:lnTo>
                    <a:pt x="660" y="64"/>
                  </a:lnTo>
                  <a:lnTo>
                    <a:pt x="645" y="63"/>
                  </a:lnTo>
                  <a:lnTo>
                    <a:pt x="615" y="72"/>
                  </a:lnTo>
                  <a:lnTo>
                    <a:pt x="611" y="61"/>
                  </a:lnTo>
                  <a:lnTo>
                    <a:pt x="598" y="59"/>
                  </a:lnTo>
                  <a:lnTo>
                    <a:pt x="564" y="83"/>
                  </a:lnTo>
                  <a:lnTo>
                    <a:pt x="516" y="103"/>
                  </a:lnTo>
                  <a:lnTo>
                    <a:pt x="503" y="76"/>
                  </a:lnTo>
                  <a:lnTo>
                    <a:pt x="510" y="33"/>
                  </a:lnTo>
                  <a:lnTo>
                    <a:pt x="498" y="29"/>
                  </a:lnTo>
                  <a:lnTo>
                    <a:pt x="499" y="12"/>
                  </a:lnTo>
                  <a:lnTo>
                    <a:pt x="481" y="0"/>
                  </a:lnTo>
                  <a:lnTo>
                    <a:pt x="471" y="1"/>
                  </a:lnTo>
                  <a:lnTo>
                    <a:pt x="448" y="33"/>
                  </a:lnTo>
                  <a:lnTo>
                    <a:pt x="453" y="44"/>
                  </a:lnTo>
                  <a:lnTo>
                    <a:pt x="445" y="54"/>
                  </a:lnTo>
                  <a:lnTo>
                    <a:pt x="417" y="49"/>
                  </a:lnTo>
                  <a:lnTo>
                    <a:pt x="410" y="59"/>
                  </a:lnTo>
                  <a:lnTo>
                    <a:pt x="411" y="72"/>
                  </a:lnTo>
                  <a:lnTo>
                    <a:pt x="408" y="76"/>
                  </a:lnTo>
                  <a:lnTo>
                    <a:pt x="389" y="67"/>
                  </a:lnTo>
                  <a:lnTo>
                    <a:pt x="349" y="86"/>
                  </a:lnTo>
                  <a:lnTo>
                    <a:pt x="334" y="69"/>
                  </a:lnTo>
                  <a:lnTo>
                    <a:pt x="276" y="63"/>
                  </a:lnTo>
                  <a:lnTo>
                    <a:pt x="266" y="64"/>
                  </a:lnTo>
                  <a:lnTo>
                    <a:pt x="242" y="54"/>
                  </a:lnTo>
                  <a:lnTo>
                    <a:pt x="235" y="58"/>
                  </a:lnTo>
                  <a:lnTo>
                    <a:pt x="232" y="69"/>
                  </a:lnTo>
                  <a:lnTo>
                    <a:pt x="205" y="69"/>
                  </a:lnTo>
                  <a:lnTo>
                    <a:pt x="196" y="81"/>
                  </a:lnTo>
                  <a:lnTo>
                    <a:pt x="188" y="123"/>
                  </a:lnTo>
                  <a:lnTo>
                    <a:pt x="151" y="145"/>
                  </a:lnTo>
                  <a:lnTo>
                    <a:pt x="123" y="149"/>
                  </a:lnTo>
                  <a:lnTo>
                    <a:pt x="128" y="159"/>
                  </a:lnTo>
                  <a:lnTo>
                    <a:pt x="120" y="174"/>
                  </a:lnTo>
                  <a:lnTo>
                    <a:pt x="105" y="185"/>
                  </a:lnTo>
                  <a:lnTo>
                    <a:pt x="83" y="186"/>
                  </a:lnTo>
                  <a:lnTo>
                    <a:pt x="68" y="173"/>
                  </a:lnTo>
                  <a:lnTo>
                    <a:pt x="48" y="173"/>
                  </a:lnTo>
                  <a:lnTo>
                    <a:pt x="35" y="16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pPr eaLnBrk="1" hangingPunct="1"/>
              <a:endParaRPr lang="en-US" dirty="0">
                <a:solidFill>
                  <a:prstClr val="black"/>
                </a:solidFill>
                <a:ea typeface="ＭＳ Ｐゴシック" pitchFamily="34" charset="-128"/>
              </a:endParaRPr>
            </a:p>
          </p:txBody>
        </p:sp>
      </p:grpSp>
      <p:sp>
        <p:nvSpPr>
          <p:cNvPr id="1012" name="Rectangle 22"/>
          <p:cNvSpPr>
            <a:spLocks noChangeArrowheads="1"/>
          </p:cNvSpPr>
          <p:nvPr/>
        </p:nvSpPr>
        <p:spPr bwMode="gray">
          <a:xfrm>
            <a:off x="1331640" y="1786315"/>
            <a:ext cx="1126800" cy="336588"/>
          </a:xfrm>
          <a:prstGeom prst="rect">
            <a:avLst/>
          </a:prstGeom>
          <a:solidFill>
            <a:srgbClr val="38818B">
              <a:alpha val="29000"/>
            </a:srgbClr>
          </a:solidFill>
          <a:ln w="9525">
            <a:solidFill>
              <a:srgbClr val="38818B"/>
            </a:solidFill>
            <a:miter lim="800000"/>
            <a:headEnd/>
            <a:tailEnd/>
          </a:ln>
          <a:effectLst/>
        </p:spPr>
        <p:txBody>
          <a:bodyPr vert="horz" wrap="square" lIns="45720" tIns="36575" rIns="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10000"/>
              </a:lnSpc>
              <a:spcBef>
                <a:spcPts val="600"/>
              </a:spcBef>
              <a:spcAft>
                <a:spcPts val="0"/>
              </a:spcAft>
              <a:buClr>
                <a:srgbClr val="646464"/>
              </a:buClr>
              <a:buSzPct val="92000"/>
              <a:buFont typeface="Wingdings" pitchFamily="2" charset="2"/>
              <a:buChar char="§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1013" name="TextBox 1012"/>
          <p:cNvSpPr txBox="1"/>
          <p:nvPr/>
        </p:nvSpPr>
        <p:spPr>
          <a:xfrm>
            <a:off x="1331640" y="1619057"/>
            <a:ext cx="1126800" cy="174625"/>
          </a:xfrm>
          <a:prstGeom prst="rect">
            <a:avLst/>
          </a:prstGeom>
          <a:solidFill>
            <a:srgbClr val="38818B">
              <a:alpha val="81961"/>
            </a:srgbClr>
          </a:solidFill>
          <a:ln>
            <a:solidFill>
              <a:srgbClr val="38818B"/>
            </a:solidFill>
          </a:ln>
        </p:spPr>
        <p:txBody>
          <a:bodyPr wrap="none" lIns="46800" rtlCol="0">
            <a:noAutofit/>
          </a:bodyPr>
          <a:lstStyle/>
          <a:p>
            <a:pPr eaLnBrk="1" hangingPunct="1"/>
            <a:r>
              <a:rPr lang="en-GB" sz="600" b="1" dirty="0" smtClean="0">
                <a:solidFill>
                  <a:prstClr val="white"/>
                </a:solidFill>
                <a:ea typeface="ＭＳ Ｐゴシック" pitchFamily="34" charset="-128"/>
              </a:rPr>
              <a:t>FACC Montreal (Canada)</a:t>
            </a:r>
            <a:endParaRPr lang="en-GB" sz="600" b="1" dirty="0">
              <a:solidFill>
                <a:prstClr val="white"/>
              </a:solidFill>
              <a:ea typeface="ＭＳ Ｐゴシック" pitchFamily="34" charset="-128"/>
            </a:endParaRPr>
          </a:p>
        </p:txBody>
      </p:sp>
      <p:sp>
        <p:nvSpPr>
          <p:cNvPr id="1014" name="Freeform 1013"/>
          <p:cNvSpPr/>
          <p:nvPr/>
        </p:nvSpPr>
        <p:spPr>
          <a:xfrm>
            <a:off x="1331640" y="2122902"/>
            <a:ext cx="1433516" cy="504354"/>
          </a:xfrm>
          <a:custGeom>
            <a:avLst/>
            <a:gdLst>
              <a:gd name="connsiteX0" fmla="*/ 633413 w 928688"/>
              <a:gd name="connsiteY0" fmla="*/ 242887 h 242887"/>
              <a:gd name="connsiteX1" fmla="*/ 0 w 928688"/>
              <a:gd name="connsiteY1" fmla="*/ 0 h 242887"/>
              <a:gd name="connsiteX2" fmla="*/ 928688 w 928688"/>
              <a:gd name="connsiteY2" fmla="*/ 0 h 242887"/>
              <a:gd name="connsiteX3" fmla="*/ 633413 w 928688"/>
              <a:gd name="connsiteY3" fmla="*/ 242887 h 242887"/>
              <a:gd name="connsiteX0" fmla="*/ 655638 w 950913"/>
              <a:gd name="connsiteY0" fmla="*/ 246062 h 246062"/>
              <a:gd name="connsiteX1" fmla="*/ 0 w 950913"/>
              <a:gd name="connsiteY1" fmla="*/ 0 h 246062"/>
              <a:gd name="connsiteX2" fmla="*/ 950913 w 950913"/>
              <a:gd name="connsiteY2" fmla="*/ 3175 h 246062"/>
              <a:gd name="connsiteX3" fmla="*/ 655638 w 950913"/>
              <a:gd name="connsiteY3" fmla="*/ 246062 h 246062"/>
              <a:gd name="connsiteX0" fmla="*/ 655638 w 954088"/>
              <a:gd name="connsiteY0" fmla="*/ 255587 h 255587"/>
              <a:gd name="connsiteX1" fmla="*/ 0 w 954088"/>
              <a:gd name="connsiteY1" fmla="*/ 9525 h 255587"/>
              <a:gd name="connsiteX2" fmla="*/ 954088 w 954088"/>
              <a:gd name="connsiteY2" fmla="*/ 0 h 255587"/>
              <a:gd name="connsiteX3" fmla="*/ 655638 w 954088"/>
              <a:gd name="connsiteY3" fmla="*/ 255587 h 255587"/>
              <a:gd name="connsiteX0" fmla="*/ 1079501 w 1079501"/>
              <a:gd name="connsiteY0" fmla="*/ 417512 h 417512"/>
              <a:gd name="connsiteX1" fmla="*/ 0 w 1079501"/>
              <a:gd name="connsiteY1" fmla="*/ 9525 h 417512"/>
              <a:gd name="connsiteX2" fmla="*/ 954088 w 1079501"/>
              <a:gd name="connsiteY2" fmla="*/ 0 h 417512"/>
              <a:gd name="connsiteX3" fmla="*/ 1079501 w 1079501"/>
              <a:gd name="connsiteY3" fmla="*/ 417512 h 417512"/>
              <a:gd name="connsiteX0" fmla="*/ 1435101 w 1435101"/>
              <a:gd name="connsiteY0" fmla="*/ 563562 h 563562"/>
              <a:gd name="connsiteX1" fmla="*/ 0 w 1435101"/>
              <a:gd name="connsiteY1" fmla="*/ 9525 h 563562"/>
              <a:gd name="connsiteX2" fmla="*/ 954088 w 1435101"/>
              <a:gd name="connsiteY2" fmla="*/ 0 h 563562"/>
              <a:gd name="connsiteX3" fmla="*/ 1435101 w 1435101"/>
              <a:gd name="connsiteY3" fmla="*/ 563562 h 563562"/>
              <a:gd name="connsiteX0" fmla="*/ 1435101 w 1435101"/>
              <a:gd name="connsiteY0" fmla="*/ 557212 h 557212"/>
              <a:gd name="connsiteX1" fmla="*/ 0 w 1435101"/>
              <a:gd name="connsiteY1" fmla="*/ 3175 h 557212"/>
              <a:gd name="connsiteX2" fmla="*/ 1125538 w 1435101"/>
              <a:gd name="connsiteY2" fmla="*/ 0 h 557212"/>
              <a:gd name="connsiteX3" fmla="*/ 1435101 w 1435101"/>
              <a:gd name="connsiteY3" fmla="*/ 557212 h 557212"/>
              <a:gd name="connsiteX0" fmla="*/ 1435101 w 1435101"/>
              <a:gd name="connsiteY0" fmla="*/ 585787 h 585787"/>
              <a:gd name="connsiteX1" fmla="*/ 0 w 1435101"/>
              <a:gd name="connsiteY1" fmla="*/ 3175 h 585787"/>
              <a:gd name="connsiteX2" fmla="*/ 1125538 w 1435101"/>
              <a:gd name="connsiteY2" fmla="*/ 0 h 585787"/>
              <a:gd name="connsiteX3" fmla="*/ 1435101 w 1435101"/>
              <a:gd name="connsiteY3" fmla="*/ 585787 h 585787"/>
              <a:gd name="connsiteX0" fmla="*/ 1439864 w 1439864"/>
              <a:gd name="connsiteY0" fmla="*/ 600075 h 600075"/>
              <a:gd name="connsiteX1" fmla="*/ 0 w 1439864"/>
              <a:gd name="connsiteY1" fmla="*/ 3175 h 600075"/>
              <a:gd name="connsiteX2" fmla="*/ 1125538 w 1439864"/>
              <a:gd name="connsiteY2" fmla="*/ 0 h 600075"/>
              <a:gd name="connsiteX3" fmla="*/ 1439864 w 1439864"/>
              <a:gd name="connsiteY3" fmla="*/ 600075 h 600075"/>
              <a:gd name="connsiteX0" fmla="*/ 1439864 w 1439864"/>
              <a:gd name="connsiteY0" fmla="*/ 596900 h 596900"/>
              <a:gd name="connsiteX1" fmla="*/ 0 w 1439864"/>
              <a:gd name="connsiteY1" fmla="*/ 0 h 596900"/>
              <a:gd name="connsiteX2" fmla="*/ 1132681 w 1439864"/>
              <a:gd name="connsiteY2" fmla="*/ 4420 h 596900"/>
              <a:gd name="connsiteX3" fmla="*/ 1439864 w 1439864"/>
              <a:gd name="connsiteY3" fmla="*/ 596900 h 596900"/>
              <a:gd name="connsiteX0" fmla="*/ 1437482 w 1437482"/>
              <a:gd name="connsiteY0" fmla="*/ 592479 h 592479"/>
              <a:gd name="connsiteX1" fmla="*/ 0 w 1437482"/>
              <a:gd name="connsiteY1" fmla="*/ 643 h 592479"/>
              <a:gd name="connsiteX2" fmla="*/ 1130299 w 1437482"/>
              <a:gd name="connsiteY2" fmla="*/ -1 h 592479"/>
              <a:gd name="connsiteX3" fmla="*/ 1437482 w 1437482"/>
              <a:gd name="connsiteY3" fmla="*/ 592479 h 592479"/>
              <a:gd name="connsiteX0" fmla="*/ 1439864 w 1439864"/>
              <a:gd name="connsiteY0" fmla="*/ 592480 h 592480"/>
              <a:gd name="connsiteX1" fmla="*/ 0 w 1439864"/>
              <a:gd name="connsiteY1" fmla="*/ 3176 h 592480"/>
              <a:gd name="connsiteX2" fmla="*/ 1132681 w 1439864"/>
              <a:gd name="connsiteY2" fmla="*/ 0 h 592480"/>
              <a:gd name="connsiteX3" fmla="*/ 1439864 w 1439864"/>
              <a:gd name="connsiteY3" fmla="*/ 592480 h 592480"/>
              <a:gd name="connsiteX0" fmla="*/ 1433515 w 1433515"/>
              <a:gd name="connsiteY0" fmla="*/ 592480 h 592480"/>
              <a:gd name="connsiteX1" fmla="*/ 0 w 1433515"/>
              <a:gd name="connsiteY1" fmla="*/ 0 h 592480"/>
              <a:gd name="connsiteX2" fmla="*/ 1126332 w 1433515"/>
              <a:gd name="connsiteY2" fmla="*/ 0 h 592480"/>
              <a:gd name="connsiteX3" fmla="*/ 1433515 w 1433515"/>
              <a:gd name="connsiteY3" fmla="*/ 592480 h 592480"/>
              <a:gd name="connsiteX0" fmla="*/ 1352006 w 1352006"/>
              <a:gd name="connsiteY0" fmla="*/ 592480 h 592480"/>
              <a:gd name="connsiteX1" fmla="*/ 0 w 1352006"/>
              <a:gd name="connsiteY1" fmla="*/ 94787 h 592480"/>
              <a:gd name="connsiteX2" fmla="*/ 1044823 w 1352006"/>
              <a:gd name="connsiteY2" fmla="*/ 0 h 592480"/>
              <a:gd name="connsiteX3" fmla="*/ 1352006 w 1352006"/>
              <a:gd name="connsiteY3" fmla="*/ 592480 h 592480"/>
              <a:gd name="connsiteX0" fmla="*/ 1279999 w 1279999"/>
              <a:gd name="connsiteY0" fmla="*/ 592480 h 592480"/>
              <a:gd name="connsiteX1" fmla="*/ 0 w 1279999"/>
              <a:gd name="connsiteY1" fmla="*/ 18233 h 592480"/>
              <a:gd name="connsiteX2" fmla="*/ 972816 w 1279999"/>
              <a:gd name="connsiteY2" fmla="*/ 0 h 592480"/>
              <a:gd name="connsiteX3" fmla="*/ 1279999 w 1279999"/>
              <a:gd name="connsiteY3" fmla="*/ 592480 h 592480"/>
              <a:gd name="connsiteX0" fmla="*/ 1424015 w 1424015"/>
              <a:gd name="connsiteY0" fmla="*/ 592480 h 592480"/>
              <a:gd name="connsiteX1" fmla="*/ 0 w 1424015"/>
              <a:gd name="connsiteY1" fmla="*/ 18233 h 592480"/>
              <a:gd name="connsiteX2" fmla="*/ 1116832 w 1424015"/>
              <a:gd name="connsiteY2" fmla="*/ 0 h 592480"/>
              <a:gd name="connsiteX3" fmla="*/ 1424015 w 1424015"/>
              <a:gd name="connsiteY3" fmla="*/ 592480 h 592480"/>
              <a:gd name="connsiteX0" fmla="*/ 1433516 w 1433516"/>
              <a:gd name="connsiteY0" fmla="*/ 592480 h 592480"/>
              <a:gd name="connsiteX1" fmla="*/ 0 w 1433516"/>
              <a:gd name="connsiteY1" fmla="*/ 2610 h 592480"/>
              <a:gd name="connsiteX2" fmla="*/ 1126333 w 1433516"/>
              <a:gd name="connsiteY2" fmla="*/ 0 h 592480"/>
              <a:gd name="connsiteX3" fmla="*/ 1433516 w 1433516"/>
              <a:gd name="connsiteY3" fmla="*/ 592480 h 59248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433516" h="592480">
                <a:moveTo>
                  <a:pt x="1433516" y="592480"/>
                </a:moveTo>
                <a:lnTo>
                  <a:pt x="0" y="2610"/>
                </a:lnTo>
                <a:lnTo>
                  <a:pt x="1126333" y="0"/>
                </a:lnTo>
                <a:lnTo>
                  <a:pt x="1433516" y="592480"/>
                </a:lnTo>
                <a:close/>
              </a:path>
            </a:pathLst>
          </a:custGeom>
          <a:solidFill>
            <a:srgbClr val="38818B">
              <a:alpha val="29000"/>
            </a:srgbClr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45720" tIns="36575" rIns="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10000"/>
              </a:lnSpc>
              <a:spcBef>
                <a:spcPts val="600"/>
              </a:spcBef>
              <a:spcAft>
                <a:spcPts val="0"/>
              </a:spcAft>
              <a:buClr>
                <a:srgbClr val="67AD93"/>
              </a:buClr>
              <a:buSzPct val="92000"/>
            </a:pPr>
            <a:endParaRPr lang="en-GB" sz="500" dirty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1015" name="Rectangle 22"/>
          <p:cNvSpPr>
            <a:spLocks noChangeArrowheads="1"/>
          </p:cNvSpPr>
          <p:nvPr/>
        </p:nvSpPr>
        <p:spPr bwMode="gray">
          <a:xfrm>
            <a:off x="1615252" y="3938008"/>
            <a:ext cx="1126800" cy="338400"/>
          </a:xfrm>
          <a:prstGeom prst="rect">
            <a:avLst/>
          </a:prstGeom>
          <a:solidFill>
            <a:srgbClr val="38818B">
              <a:alpha val="29000"/>
            </a:srgbClr>
          </a:solidFill>
          <a:ln w="9525">
            <a:solidFill>
              <a:srgbClr val="38818B"/>
            </a:solidFill>
            <a:miter lim="800000"/>
            <a:headEnd/>
            <a:tailEnd/>
          </a:ln>
          <a:effectLst/>
        </p:spPr>
        <p:txBody>
          <a:bodyPr vert="horz" wrap="square" lIns="45720" tIns="36575" rIns="3600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spcBef>
                <a:spcPts val="600"/>
              </a:spcBef>
              <a:spcAft>
                <a:spcPts val="0"/>
              </a:spcAft>
              <a:buClr>
                <a:srgbClr val="646464"/>
              </a:buClr>
              <a:buSzPct val="92000"/>
              <a:buFont typeface="Wingdings" pitchFamily="2" charset="2"/>
              <a:buChar char="§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1016" name="Freeform 1015"/>
          <p:cNvSpPr/>
          <p:nvPr/>
        </p:nvSpPr>
        <p:spPr>
          <a:xfrm rot="10800000">
            <a:off x="1615253" y="2943778"/>
            <a:ext cx="1126800" cy="826975"/>
          </a:xfrm>
          <a:custGeom>
            <a:avLst/>
            <a:gdLst>
              <a:gd name="connsiteX0" fmla="*/ 633413 w 928688"/>
              <a:gd name="connsiteY0" fmla="*/ 242887 h 242887"/>
              <a:gd name="connsiteX1" fmla="*/ 0 w 928688"/>
              <a:gd name="connsiteY1" fmla="*/ 0 h 242887"/>
              <a:gd name="connsiteX2" fmla="*/ 928688 w 928688"/>
              <a:gd name="connsiteY2" fmla="*/ 0 h 242887"/>
              <a:gd name="connsiteX3" fmla="*/ 633413 w 928688"/>
              <a:gd name="connsiteY3" fmla="*/ 242887 h 242887"/>
              <a:gd name="connsiteX0" fmla="*/ 655638 w 950913"/>
              <a:gd name="connsiteY0" fmla="*/ 246062 h 246062"/>
              <a:gd name="connsiteX1" fmla="*/ 0 w 950913"/>
              <a:gd name="connsiteY1" fmla="*/ 0 h 246062"/>
              <a:gd name="connsiteX2" fmla="*/ 950913 w 950913"/>
              <a:gd name="connsiteY2" fmla="*/ 3175 h 246062"/>
              <a:gd name="connsiteX3" fmla="*/ 655638 w 950913"/>
              <a:gd name="connsiteY3" fmla="*/ 246062 h 246062"/>
              <a:gd name="connsiteX0" fmla="*/ 655638 w 954088"/>
              <a:gd name="connsiteY0" fmla="*/ 255587 h 255587"/>
              <a:gd name="connsiteX1" fmla="*/ 0 w 954088"/>
              <a:gd name="connsiteY1" fmla="*/ 9525 h 255587"/>
              <a:gd name="connsiteX2" fmla="*/ 954088 w 954088"/>
              <a:gd name="connsiteY2" fmla="*/ 0 h 255587"/>
              <a:gd name="connsiteX3" fmla="*/ 655638 w 954088"/>
              <a:gd name="connsiteY3" fmla="*/ 255587 h 255587"/>
              <a:gd name="connsiteX0" fmla="*/ 655638 w 1201738"/>
              <a:gd name="connsiteY0" fmla="*/ 579437 h 579437"/>
              <a:gd name="connsiteX1" fmla="*/ 0 w 1201738"/>
              <a:gd name="connsiteY1" fmla="*/ 333375 h 579437"/>
              <a:gd name="connsiteX2" fmla="*/ 1201738 w 1201738"/>
              <a:gd name="connsiteY2" fmla="*/ 0 h 579437"/>
              <a:gd name="connsiteX3" fmla="*/ 655638 w 1201738"/>
              <a:gd name="connsiteY3" fmla="*/ 579437 h 579437"/>
              <a:gd name="connsiteX0" fmla="*/ 401638 w 947738"/>
              <a:gd name="connsiteY0" fmla="*/ 601662 h 601662"/>
              <a:gd name="connsiteX1" fmla="*/ 0 w 947738"/>
              <a:gd name="connsiteY1" fmla="*/ 0 h 601662"/>
              <a:gd name="connsiteX2" fmla="*/ 947738 w 947738"/>
              <a:gd name="connsiteY2" fmla="*/ 22225 h 601662"/>
              <a:gd name="connsiteX3" fmla="*/ 401638 w 947738"/>
              <a:gd name="connsiteY3" fmla="*/ 601662 h 601662"/>
              <a:gd name="connsiteX0" fmla="*/ 401638 w 944563"/>
              <a:gd name="connsiteY0" fmla="*/ 601662 h 601662"/>
              <a:gd name="connsiteX1" fmla="*/ 0 w 944563"/>
              <a:gd name="connsiteY1" fmla="*/ 0 h 601662"/>
              <a:gd name="connsiteX2" fmla="*/ 944563 w 944563"/>
              <a:gd name="connsiteY2" fmla="*/ 3175 h 601662"/>
              <a:gd name="connsiteX3" fmla="*/ 401638 w 944563"/>
              <a:gd name="connsiteY3" fmla="*/ 601662 h 601662"/>
              <a:gd name="connsiteX0" fmla="*/ 792818 w 944563"/>
              <a:gd name="connsiteY0" fmla="*/ 863599 h 863599"/>
              <a:gd name="connsiteX1" fmla="*/ 0 w 944563"/>
              <a:gd name="connsiteY1" fmla="*/ 0 h 863599"/>
              <a:gd name="connsiteX2" fmla="*/ 944563 w 944563"/>
              <a:gd name="connsiteY2" fmla="*/ 3175 h 863599"/>
              <a:gd name="connsiteX3" fmla="*/ 792818 w 944563"/>
              <a:gd name="connsiteY3" fmla="*/ 863599 h 863599"/>
              <a:gd name="connsiteX0" fmla="*/ 0 w 1096600"/>
              <a:gd name="connsiteY0" fmla="*/ 577849 h 577849"/>
              <a:gd name="connsiteX1" fmla="*/ 152037 w 1096600"/>
              <a:gd name="connsiteY1" fmla="*/ 0 h 577849"/>
              <a:gd name="connsiteX2" fmla="*/ 1096600 w 1096600"/>
              <a:gd name="connsiteY2" fmla="*/ 3175 h 577849"/>
              <a:gd name="connsiteX3" fmla="*/ 0 w 1096600"/>
              <a:gd name="connsiteY3" fmla="*/ 577849 h 577849"/>
              <a:gd name="connsiteX0" fmla="*/ 143626 w 944563"/>
              <a:gd name="connsiteY0" fmla="*/ 657224 h 657224"/>
              <a:gd name="connsiteX1" fmla="*/ 0 w 944563"/>
              <a:gd name="connsiteY1" fmla="*/ 0 h 657224"/>
              <a:gd name="connsiteX2" fmla="*/ 944563 w 944563"/>
              <a:gd name="connsiteY2" fmla="*/ 3175 h 657224"/>
              <a:gd name="connsiteX3" fmla="*/ 143626 w 944563"/>
              <a:gd name="connsiteY3" fmla="*/ 657224 h 657224"/>
              <a:gd name="connsiteX0" fmla="*/ 143626 w 944563"/>
              <a:gd name="connsiteY0" fmla="*/ 654049 h 654049"/>
              <a:gd name="connsiteX1" fmla="*/ 0 w 944563"/>
              <a:gd name="connsiteY1" fmla="*/ 75764 h 654049"/>
              <a:gd name="connsiteX2" fmla="*/ 944563 w 944563"/>
              <a:gd name="connsiteY2" fmla="*/ 0 h 654049"/>
              <a:gd name="connsiteX3" fmla="*/ 143626 w 944563"/>
              <a:gd name="connsiteY3" fmla="*/ 654049 h 654049"/>
              <a:gd name="connsiteX0" fmla="*/ 143626 w 943179"/>
              <a:gd name="connsiteY0" fmla="*/ 578285 h 578285"/>
              <a:gd name="connsiteX1" fmla="*/ 0 w 943179"/>
              <a:gd name="connsiteY1" fmla="*/ 0 h 578285"/>
              <a:gd name="connsiteX2" fmla="*/ 943179 w 943179"/>
              <a:gd name="connsiteY2" fmla="*/ 0 h 578285"/>
              <a:gd name="connsiteX3" fmla="*/ 143626 w 943179"/>
              <a:gd name="connsiteY3" fmla="*/ 578285 h 578285"/>
              <a:gd name="connsiteX0" fmla="*/ 145763 w 945316"/>
              <a:gd name="connsiteY0" fmla="*/ 578286 h 578286"/>
              <a:gd name="connsiteX1" fmla="*/ 0 w 945316"/>
              <a:gd name="connsiteY1" fmla="*/ 0 h 578286"/>
              <a:gd name="connsiteX2" fmla="*/ 945316 w 945316"/>
              <a:gd name="connsiteY2" fmla="*/ 1 h 578286"/>
              <a:gd name="connsiteX3" fmla="*/ 145763 w 945316"/>
              <a:gd name="connsiteY3" fmla="*/ 578286 h 57828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5316" h="578286">
                <a:moveTo>
                  <a:pt x="145763" y="578286"/>
                </a:moveTo>
                <a:lnTo>
                  <a:pt x="0" y="0"/>
                </a:lnTo>
                <a:lnTo>
                  <a:pt x="945316" y="1"/>
                </a:lnTo>
                <a:lnTo>
                  <a:pt x="145763" y="578286"/>
                </a:lnTo>
                <a:close/>
              </a:path>
            </a:pathLst>
          </a:custGeom>
          <a:solidFill>
            <a:srgbClr val="38818B">
              <a:alpha val="29000"/>
            </a:srgbClr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45720" tIns="36575" rIns="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10000"/>
              </a:lnSpc>
              <a:spcBef>
                <a:spcPts val="600"/>
              </a:spcBef>
              <a:spcAft>
                <a:spcPts val="0"/>
              </a:spcAft>
              <a:buClr>
                <a:srgbClr val="67AD93"/>
              </a:buClr>
              <a:buSzPct val="92000"/>
              <a:buFont typeface="Arial" pitchFamily="34" charset="0"/>
              <a:buChar char="•"/>
            </a:pPr>
            <a:endParaRPr lang="en-GB" sz="500" dirty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1018" name="Rectangle 22"/>
          <p:cNvSpPr>
            <a:spLocks noChangeArrowheads="1"/>
          </p:cNvSpPr>
          <p:nvPr/>
        </p:nvSpPr>
        <p:spPr bwMode="gray">
          <a:xfrm>
            <a:off x="4877054" y="3909430"/>
            <a:ext cx="1126800" cy="288000"/>
          </a:xfrm>
          <a:prstGeom prst="rect">
            <a:avLst/>
          </a:prstGeom>
          <a:solidFill>
            <a:srgbClr val="B49795">
              <a:alpha val="34000"/>
            </a:srgbClr>
          </a:solidFill>
          <a:ln w="9525">
            <a:solidFill>
              <a:srgbClr val="895B61"/>
            </a:solidFill>
            <a:miter lim="800000"/>
            <a:headEnd/>
            <a:tailEnd/>
          </a:ln>
          <a:effectLst/>
        </p:spPr>
        <p:txBody>
          <a:bodyPr vert="horz" wrap="square" lIns="45720" tIns="36575" rIns="3600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05000"/>
              </a:lnSpc>
              <a:spcBef>
                <a:spcPts val="50"/>
              </a:spcBef>
              <a:spcAft>
                <a:spcPts val="0"/>
              </a:spcAft>
              <a:buClr>
                <a:srgbClr val="67AD93"/>
              </a:buClr>
              <a:buSzPct val="92000"/>
              <a:buFont typeface="Wingdings"/>
              <a:buChar char="n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1019" name="Freeform 1018"/>
          <p:cNvSpPr/>
          <p:nvPr/>
        </p:nvSpPr>
        <p:spPr>
          <a:xfrm rot="10800000">
            <a:off x="4882461" y="3391384"/>
            <a:ext cx="1121181" cy="350791"/>
          </a:xfrm>
          <a:custGeom>
            <a:avLst/>
            <a:gdLst>
              <a:gd name="connsiteX0" fmla="*/ 633413 w 928688"/>
              <a:gd name="connsiteY0" fmla="*/ 242887 h 242887"/>
              <a:gd name="connsiteX1" fmla="*/ 0 w 928688"/>
              <a:gd name="connsiteY1" fmla="*/ 0 h 242887"/>
              <a:gd name="connsiteX2" fmla="*/ 928688 w 928688"/>
              <a:gd name="connsiteY2" fmla="*/ 0 h 242887"/>
              <a:gd name="connsiteX3" fmla="*/ 633413 w 928688"/>
              <a:gd name="connsiteY3" fmla="*/ 242887 h 242887"/>
              <a:gd name="connsiteX0" fmla="*/ 655638 w 950913"/>
              <a:gd name="connsiteY0" fmla="*/ 246062 h 246062"/>
              <a:gd name="connsiteX1" fmla="*/ 0 w 950913"/>
              <a:gd name="connsiteY1" fmla="*/ 0 h 246062"/>
              <a:gd name="connsiteX2" fmla="*/ 950913 w 950913"/>
              <a:gd name="connsiteY2" fmla="*/ 3175 h 246062"/>
              <a:gd name="connsiteX3" fmla="*/ 655638 w 950913"/>
              <a:gd name="connsiteY3" fmla="*/ 246062 h 246062"/>
              <a:gd name="connsiteX0" fmla="*/ 655638 w 954088"/>
              <a:gd name="connsiteY0" fmla="*/ 255587 h 255587"/>
              <a:gd name="connsiteX1" fmla="*/ 0 w 954088"/>
              <a:gd name="connsiteY1" fmla="*/ 9525 h 255587"/>
              <a:gd name="connsiteX2" fmla="*/ 954088 w 954088"/>
              <a:gd name="connsiteY2" fmla="*/ 0 h 255587"/>
              <a:gd name="connsiteX3" fmla="*/ 655638 w 954088"/>
              <a:gd name="connsiteY3" fmla="*/ 255587 h 255587"/>
              <a:gd name="connsiteX0" fmla="*/ 655638 w 1201738"/>
              <a:gd name="connsiteY0" fmla="*/ 579437 h 579437"/>
              <a:gd name="connsiteX1" fmla="*/ 0 w 1201738"/>
              <a:gd name="connsiteY1" fmla="*/ 333375 h 579437"/>
              <a:gd name="connsiteX2" fmla="*/ 1201738 w 1201738"/>
              <a:gd name="connsiteY2" fmla="*/ 0 h 579437"/>
              <a:gd name="connsiteX3" fmla="*/ 655638 w 1201738"/>
              <a:gd name="connsiteY3" fmla="*/ 579437 h 579437"/>
              <a:gd name="connsiteX0" fmla="*/ 401638 w 947738"/>
              <a:gd name="connsiteY0" fmla="*/ 601662 h 601662"/>
              <a:gd name="connsiteX1" fmla="*/ 0 w 947738"/>
              <a:gd name="connsiteY1" fmla="*/ 0 h 601662"/>
              <a:gd name="connsiteX2" fmla="*/ 947738 w 947738"/>
              <a:gd name="connsiteY2" fmla="*/ 22225 h 601662"/>
              <a:gd name="connsiteX3" fmla="*/ 401638 w 947738"/>
              <a:gd name="connsiteY3" fmla="*/ 601662 h 601662"/>
              <a:gd name="connsiteX0" fmla="*/ 401638 w 944563"/>
              <a:gd name="connsiteY0" fmla="*/ 601662 h 601662"/>
              <a:gd name="connsiteX1" fmla="*/ 0 w 944563"/>
              <a:gd name="connsiteY1" fmla="*/ 0 h 601662"/>
              <a:gd name="connsiteX2" fmla="*/ 944563 w 944563"/>
              <a:gd name="connsiteY2" fmla="*/ 3175 h 601662"/>
              <a:gd name="connsiteX3" fmla="*/ 401638 w 944563"/>
              <a:gd name="connsiteY3" fmla="*/ 601662 h 601662"/>
              <a:gd name="connsiteX0" fmla="*/ 522288 w 944563"/>
              <a:gd name="connsiteY0" fmla="*/ 674687 h 674687"/>
              <a:gd name="connsiteX1" fmla="*/ 0 w 944563"/>
              <a:gd name="connsiteY1" fmla="*/ 0 h 674687"/>
              <a:gd name="connsiteX2" fmla="*/ 944563 w 944563"/>
              <a:gd name="connsiteY2" fmla="*/ 3175 h 674687"/>
              <a:gd name="connsiteX3" fmla="*/ 522288 w 944563"/>
              <a:gd name="connsiteY3" fmla="*/ 674687 h 674687"/>
              <a:gd name="connsiteX0" fmla="*/ 868363 w 1290638"/>
              <a:gd name="connsiteY0" fmla="*/ 671512 h 671512"/>
              <a:gd name="connsiteX1" fmla="*/ 0 w 1290638"/>
              <a:gd name="connsiteY1" fmla="*/ 3175 h 671512"/>
              <a:gd name="connsiteX2" fmla="*/ 1290638 w 1290638"/>
              <a:gd name="connsiteY2" fmla="*/ 0 h 671512"/>
              <a:gd name="connsiteX3" fmla="*/ 868363 w 1290638"/>
              <a:gd name="connsiteY3" fmla="*/ 671512 h 671512"/>
              <a:gd name="connsiteX0" fmla="*/ 868363 w 1020763"/>
              <a:gd name="connsiteY0" fmla="*/ 668337 h 668337"/>
              <a:gd name="connsiteX1" fmla="*/ 0 w 1020763"/>
              <a:gd name="connsiteY1" fmla="*/ 0 h 668337"/>
              <a:gd name="connsiteX2" fmla="*/ 1020763 w 1020763"/>
              <a:gd name="connsiteY2" fmla="*/ 3175 h 668337"/>
              <a:gd name="connsiteX3" fmla="*/ 868363 w 1020763"/>
              <a:gd name="connsiteY3" fmla="*/ 668337 h 668337"/>
              <a:gd name="connsiteX0" fmla="*/ 513557 w 1020763"/>
              <a:gd name="connsiteY0" fmla="*/ 365918 h 365918"/>
              <a:gd name="connsiteX1" fmla="*/ 0 w 1020763"/>
              <a:gd name="connsiteY1" fmla="*/ 0 h 365918"/>
              <a:gd name="connsiteX2" fmla="*/ 1020763 w 1020763"/>
              <a:gd name="connsiteY2" fmla="*/ 3175 h 365918"/>
              <a:gd name="connsiteX3" fmla="*/ 513557 w 1020763"/>
              <a:gd name="connsiteY3" fmla="*/ 365918 h 365918"/>
              <a:gd name="connsiteX0" fmla="*/ 270670 w 1020763"/>
              <a:gd name="connsiteY0" fmla="*/ 1104647 h 1104647"/>
              <a:gd name="connsiteX1" fmla="*/ 0 w 1020763"/>
              <a:gd name="connsiteY1" fmla="*/ 0 h 1104647"/>
              <a:gd name="connsiteX2" fmla="*/ 1020763 w 1020763"/>
              <a:gd name="connsiteY2" fmla="*/ 3175 h 1104647"/>
              <a:gd name="connsiteX3" fmla="*/ 270670 w 1020763"/>
              <a:gd name="connsiteY3" fmla="*/ 1104647 h 1104647"/>
              <a:gd name="connsiteX0" fmla="*/ 534989 w 1020763"/>
              <a:gd name="connsiteY0" fmla="*/ 797361 h 797361"/>
              <a:gd name="connsiteX1" fmla="*/ 0 w 1020763"/>
              <a:gd name="connsiteY1" fmla="*/ 0 h 797361"/>
              <a:gd name="connsiteX2" fmla="*/ 1020763 w 1020763"/>
              <a:gd name="connsiteY2" fmla="*/ 3175 h 797361"/>
              <a:gd name="connsiteX3" fmla="*/ 534989 w 1020763"/>
              <a:gd name="connsiteY3" fmla="*/ 797361 h 797361"/>
              <a:gd name="connsiteX0" fmla="*/ 603374 w 1020763"/>
              <a:gd name="connsiteY0" fmla="*/ 809503 h 809503"/>
              <a:gd name="connsiteX1" fmla="*/ 0 w 1020763"/>
              <a:gd name="connsiteY1" fmla="*/ 0 h 809503"/>
              <a:gd name="connsiteX2" fmla="*/ 1020763 w 1020763"/>
              <a:gd name="connsiteY2" fmla="*/ 3175 h 809503"/>
              <a:gd name="connsiteX3" fmla="*/ 603374 w 1020763"/>
              <a:gd name="connsiteY3" fmla="*/ 809503 h 809503"/>
              <a:gd name="connsiteX0" fmla="*/ 596241 w 1013630"/>
              <a:gd name="connsiteY0" fmla="*/ 806328 h 806328"/>
              <a:gd name="connsiteX1" fmla="*/ 0 w 1013630"/>
              <a:gd name="connsiteY1" fmla="*/ 210049 h 806328"/>
              <a:gd name="connsiteX2" fmla="*/ 1013630 w 1013630"/>
              <a:gd name="connsiteY2" fmla="*/ 0 h 806328"/>
              <a:gd name="connsiteX3" fmla="*/ 596241 w 1013630"/>
              <a:gd name="connsiteY3" fmla="*/ 806328 h 806328"/>
              <a:gd name="connsiteX0" fmla="*/ 596241 w 1006190"/>
              <a:gd name="connsiteY0" fmla="*/ 596279 h 596279"/>
              <a:gd name="connsiteX1" fmla="*/ 0 w 1006190"/>
              <a:gd name="connsiteY1" fmla="*/ 0 h 596279"/>
              <a:gd name="connsiteX2" fmla="*/ 1006190 w 1006190"/>
              <a:gd name="connsiteY2" fmla="*/ 6721 h 596279"/>
              <a:gd name="connsiteX3" fmla="*/ 596241 w 1006190"/>
              <a:gd name="connsiteY3" fmla="*/ 596279 h 596279"/>
              <a:gd name="connsiteX0" fmla="*/ 596241 w 1006190"/>
              <a:gd name="connsiteY0" fmla="*/ 596279 h 596279"/>
              <a:gd name="connsiteX1" fmla="*/ 0 w 1006190"/>
              <a:gd name="connsiteY1" fmla="*/ 0 h 596279"/>
              <a:gd name="connsiteX2" fmla="*/ 1006190 w 1006190"/>
              <a:gd name="connsiteY2" fmla="*/ 0 h 596279"/>
              <a:gd name="connsiteX3" fmla="*/ 596241 w 1006190"/>
              <a:gd name="connsiteY3" fmla="*/ 596279 h 59627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006190" h="596279">
                <a:moveTo>
                  <a:pt x="596241" y="596279"/>
                </a:moveTo>
                <a:lnTo>
                  <a:pt x="0" y="0"/>
                </a:lnTo>
                <a:lnTo>
                  <a:pt x="1006190" y="0"/>
                </a:lnTo>
                <a:lnTo>
                  <a:pt x="596241" y="596279"/>
                </a:lnTo>
                <a:close/>
              </a:path>
            </a:pathLst>
          </a:custGeom>
          <a:solidFill>
            <a:srgbClr val="B49795">
              <a:alpha val="34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20" name="Rectangle 22"/>
          <p:cNvSpPr>
            <a:spLocks noChangeArrowheads="1"/>
          </p:cNvSpPr>
          <p:nvPr/>
        </p:nvSpPr>
        <p:spPr bwMode="gray">
          <a:xfrm>
            <a:off x="3202696" y="3909430"/>
            <a:ext cx="1126800" cy="288000"/>
          </a:xfrm>
          <a:prstGeom prst="rect">
            <a:avLst/>
          </a:prstGeom>
          <a:solidFill>
            <a:srgbClr val="B49795">
              <a:alpha val="34000"/>
            </a:srgbClr>
          </a:solidFill>
          <a:ln w="9525">
            <a:solidFill>
              <a:srgbClr val="895B61"/>
            </a:solidFill>
            <a:miter lim="800000"/>
            <a:headEnd/>
            <a:tailEnd/>
          </a:ln>
          <a:effectLst/>
        </p:spPr>
        <p:txBody>
          <a:bodyPr vert="horz" wrap="square" lIns="45720" tIns="36575" rIns="3600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05000"/>
              </a:lnSpc>
              <a:spcBef>
                <a:spcPts val="50"/>
              </a:spcBef>
              <a:spcAft>
                <a:spcPts val="0"/>
              </a:spcAft>
              <a:buClr>
                <a:srgbClr val="67AD93"/>
              </a:buClr>
              <a:buSzPct val="92000"/>
              <a:buFont typeface="Wingdings"/>
              <a:buChar char="n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1021" name="Rectangle 22"/>
          <p:cNvSpPr>
            <a:spLocks noChangeArrowheads="1"/>
          </p:cNvSpPr>
          <p:nvPr/>
        </p:nvSpPr>
        <p:spPr bwMode="gray">
          <a:xfrm>
            <a:off x="6536533" y="3909430"/>
            <a:ext cx="1126800" cy="288000"/>
          </a:xfrm>
          <a:prstGeom prst="rect">
            <a:avLst/>
          </a:prstGeom>
          <a:solidFill>
            <a:srgbClr val="B49795">
              <a:alpha val="34000"/>
            </a:srgbClr>
          </a:solidFill>
          <a:ln w="9525">
            <a:solidFill>
              <a:srgbClr val="895B61"/>
            </a:solidFill>
            <a:miter lim="800000"/>
            <a:headEnd/>
            <a:tailEnd/>
          </a:ln>
          <a:effectLst/>
        </p:spPr>
        <p:txBody>
          <a:bodyPr vert="horz" wrap="square" lIns="45720" tIns="36575" rIns="3600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05000"/>
              </a:lnSpc>
              <a:spcBef>
                <a:spcPts val="50"/>
              </a:spcBef>
              <a:spcAft>
                <a:spcPts val="0"/>
              </a:spcAft>
              <a:buClr>
                <a:srgbClr val="67AD93"/>
              </a:buClr>
              <a:buSzPct val="92000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1022" name="Freeform 1021"/>
          <p:cNvSpPr/>
          <p:nvPr/>
        </p:nvSpPr>
        <p:spPr>
          <a:xfrm rot="10800000">
            <a:off x="5709750" y="3578197"/>
            <a:ext cx="1953582" cy="348128"/>
          </a:xfrm>
          <a:custGeom>
            <a:avLst/>
            <a:gdLst>
              <a:gd name="connsiteX0" fmla="*/ 633413 w 928688"/>
              <a:gd name="connsiteY0" fmla="*/ 242887 h 242887"/>
              <a:gd name="connsiteX1" fmla="*/ 0 w 928688"/>
              <a:gd name="connsiteY1" fmla="*/ 0 h 242887"/>
              <a:gd name="connsiteX2" fmla="*/ 928688 w 928688"/>
              <a:gd name="connsiteY2" fmla="*/ 0 h 242887"/>
              <a:gd name="connsiteX3" fmla="*/ 633413 w 928688"/>
              <a:gd name="connsiteY3" fmla="*/ 242887 h 242887"/>
              <a:gd name="connsiteX0" fmla="*/ 655638 w 950913"/>
              <a:gd name="connsiteY0" fmla="*/ 246062 h 246062"/>
              <a:gd name="connsiteX1" fmla="*/ 0 w 950913"/>
              <a:gd name="connsiteY1" fmla="*/ 0 h 246062"/>
              <a:gd name="connsiteX2" fmla="*/ 950913 w 950913"/>
              <a:gd name="connsiteY2" fmla="*/ 3175 h 246062"/>
              <a:gd name="connsiteX3" fmla="*/ 655638 w 950913"/>
              <a:gd name="connsiteY3" fmla="*/ 246062 h 246062"/>
              <a:gd name="connsiteX0" fmla="*/ 655638 w 954088"/>
              <a:gd name="connsiteY0" fmla="*/ 255587 h 255587"/>
              <a:gd name="connsiteX1" fmla="*/ 0 w 954088"/>
              <a:gd name="connsiteY1" fmla="*/ 9525 h 255587"/>
              <a:gd name="connsiteX2" fmla="*/ 954088 w 954088"/>
              <a:gd name="connsiteY2" fmla="*/ 0 h 255587"/>
              <a:gd name="connsiteX3" fmla="*/ 655638 w 954088"/>
              <a:gd name="connsiteY3" fmla="*/ 255587 h 255587"/>
              <a:gd name="connsiteX0" fmla="*/ 655638 w 1201738"/>
              <a:gd name="connsiteY0" fmla="*/ 579437 h 579437"/>
              <a:gd name="connsiteX1" fmla="*/ 0 w 1201738"/>
              <a:gd name="connsiteY1" fmla="*/ 333375 h 579437"/>
              <a:gd name="connsiteX2" fmla="*/ 1201738 w 1201738"/>
              <a:gd name="connsiteY2" fmla="*/ 0 h 579437"/>
              <a:gd name="connsiteX3" fmla="*/ 655638 w 1201738"/>
              <a:gd name="connsiteY3" fmla="*/ 579437 h 579437"/>
              <a:gd name="connsiteX0" fmla="*/ 401638 w 947738"/>
              <a:gd name="connsiteY0" fmla="*/ 601662 h 601662"/>
              <a:gd name="connsiteX1" fmla="*/ 0 w 947738"/>
              <a:gd name="connsiteY1" fmla="*/ 0 h 601662"/>
              <a:gd name="connsiteX2" fmla="*/ 947738 w 947738"/>
              <a:gd name="connsiteY2" fmla="*/ 22225 h 601662"/>
              <a:gd name="connsiteX3" fmla="*/ 401638 w 947738"/>
              <a:gd name="connsiteY3" fmla="*/ 601662 h 601662"/>
              <a:gd name="connsiteX0" fmla="*/ 401638 w 944563"/>
              <a:gd name="connsiteY0" fmla="*/ 601662 h 601662"/>
              <a:gd name="connsiteX1" fmla="*/ 0 w 944563"/>
              <a:gd name="connsiteY1" fmla="*/ 0 h 601662"/>
              <a:gd name="connsiteX2" fmla="*/ 944563 w 944563"/>
              <a:gd name="connsiteY2" fmla="*/ 3175 h 601662"/>
              <a:gd name="connsiteX3" fmla="*/ 401638 w 944563"/>
              <a:gd name="connsiteY3" fmla="*/ 601662 h 601662"/>
              <a:gd name="connsiteX0" fmla="*/ 522288 w 944563"/>
              <a:gd name="connsiteY0" fmla="*/ 674687 h 674687"/>
              <a:gd name="connsiteX1" fmla="*/ 0 w 944563"/>
              <a:gd name="connsiteY1" fmla="*/ 0 h 674687"/>
              <a:gd name="connsiteX2" fmla="*/ 944563 w 944563"/>
              <a:gd name="connsiteY2" fmla="*/ 3175 h 674687"/>
              <a:gd name="connsiteX3" fmla="*/ 522288 w 944563"/>
              <a:gd name="connsiteY3" fmla="*/ 674687 h 674687"/>
              <a:gd name="connsiteX0" fmla="*/ 868363 w 1290638"/>
              <a:gd name="connsiteY0" fmla="*/ 671512 h 671512"/>
              <a:gd name="connsiteX1" fmla="*/ 0 w 1290638"/>
              <a:gd name="connsiteY1" fmla="*/ 3175 h 671512"/>
              <a:gd name="connsiteX2" fmla="*/ 1290638 w 1290638"/>
              <a:gd name="connsiteY2" fmla="*/ 0 h 671512"/>
              <a:gd name="connsiteX3" fmla="*/ 868363 w 1290638"/>
              <a:gd name="connsiteY3" fmla="*/ 671512 h 671512"/>
              <a:gd name="connsiteX0" fmla="*/ 868363 w 1020763"/>
              <a:gd name="connsiteY0" fmla="*/ 668337 h 668337"/>
              <a:gd name="connsiteX1" fmla="*/ 0 w 1020763"/>
              <a:gd name="connsiteY1" fmla="*/ 0 h 668337"/>
              <a:gd name="connsiteX2" fmla="*/ 1020763 w 1020763"/>
              <a:gd name="connsiteY2" fmla="*/ 3175 h 668337"/>
              <a:gd name="connsiteX3" fmla="*/ 868363 w 1020763"/>
              <a:gd name="connsiteY3" fmla="*/ 668337 h 668337"/>
              <a:gd name="connsiteX0" fmla="*/ 513557 w 1020763"/>
              <a:gd name="connsiteY0" fmla="*/ 365918 h 365918"/>
              <a:gd name="connsiteX1" fmla="*/ 0 w 1020763"/>
              <a:gd name="connsiteY1" fmla="*/ 0 h 365918"/>
              <a:gd name="connsiteX2" fmla="*/ 1020763 w 1020763"/>
              <a:gd name="connsiteY2" fmla="*/ 3175 h 365918"/>
              <a:gd name="connsiteX3" fmla="*/ 513557 w 1020763"/>
              <a:gd name="connsiteY3" fmla="*/ 365918 h 365918"/>
              <a:gd name="connsiteX0" fmla="*/ 1393929 w 1393929"/>
              <a:gd name="connsiteY0" fmla="*/ 111788 h 111788"/>
              <a:gd name="connsiteX1" fmla="*/ 0 w 1393929"/>
              <a:gd name="connsiteY1" fmla="*/ 0 h 111788"/>
              <a:gd name="connsiteX2" fmla="*/ 1020763 w 1393929"/>
              <a:gd name="connsiteY2" fmla="*/ 3175 h 111788"/>
              <a:gd name="connsiteX3" fmla="*/ 1393929 w 1393929"/>
              <a:gd name="connsiteY3" fmla="*/ 111788 h 111788"/>
              <a:gd name="connsiteX0" fmla="*/ 1393929 w 1393929"/>
              <a:gd name="connsiteY0" fmla="*/ 118138 h 118138"/>
              <a:gd name="connsiteX1" fmla="*/ 0 w 1393929"/>
              <a:gd name="connsiteY1" fmla="*/ 6350 h 118138"/>
              <a:gd name="connsiteX2" fmla="*/ 1001713 w 1393929"/>
              <a:gd name="connsiteY2" fmla="*/ 0 h 118138"/>
              <a:gd name="connsiteX3" fmla="*/ 1393929 w 1393929"/>
              <a:gd name="connsiteY3" fmla="*/ 118138 h 118138"/>
              <a:gd name="connsiteX0" fmla="*/ 1415360 w 1415360"/>
              <a:gd name="connsiteY0" fmla="*/ 118138 h 118138"/>
              <a:gd name="connsiteX1" fmla="*/ 0 w 1415360"/>
              <a:gd name="connsiteY1" fmla="*/ 1588 h 118138"/>
              <a:gd name="connsiteX2" fmla="*/ 1023144 w 1415360"/>
              <a:gd name="connsiteY2" fmla="*/ 0 h 118138"/>
              <a:gd name="connsiteX3" fmla="*/ 1415360 w 1415360"/>
              <a:gd name="connsiteY3" fmla="*/ 118138 h 118138"/>
              <a:gd name="connsiteX0" fmla="*/ 1434410 w 1434410"/>
              <a:gd name="connsiteY0" fmla="*/ 125282 h 125282"/>
              <a:gd name="connsiteX1" fmla="*/ 0 w 1434410"/>
              <a:gd name="connsiteY1" fmla="*/ 1588 h 125282"/>
              <a:gd name="connsiteX2" fmla="*/ 1023144 w 1434410"/>
              <a:gd name="connsiteY2" fmla="*/ 0 h 125282"/>
              <a:gd name="connsiteX3" fmla="*/ 1434410 w 1434410"/>
              <a:gd name="connsiteY3" fmla="*/ 125282 h 125282"/>
              <a:gd name="connsiteX0" fmla="*/ 1269310 w 1269310"/>
              <a:gd name="connsiteY0" fmla="*/ 969832 h 969832"/>
              <a:gd name="connsiteX1" fmla="*/ 0 w 1269310"/>
              <a:gd name="connsiteY1" fmla="*/ 1588 h 969832"/>
              <a:gd name="connsiteX2" fmla="*/ 1023144 w 1269310"/>
              <a:gd name="connsiteY2" fmla="*/ 0 h 969832"/>
              <a:gd name="connsiteX3" fmla="*/ 1269310 w 1269310"/>
              <a:gd name="connsiteY3" fmla="*/ 969832 h 969832"/>
              <a:gd name="connsiteX0" fmla="*/ 1291446 w 1291446"/>
              <a:gd name="connsiteY0" fmla="*/ 969832 h 969832"/>
              <a:gd name="connsiteX1" fmla="*/ 0 w 1291446"/>
              <a:gd name="connsiteY1" fmla="*/ 1588 h 969832"/>
              <a:gd name="connsiteX2" fmla="*/ 1045280 w 1291446"/>
              <a:gd name="connsiteY2" fmla="*/ 0 h 969832"/>
              <a:gd name="connsiteX3" fmla="*/ 1291446 w 1291446"/>
              <a:gd name="connsiteY3" fmla="*/ 969832 h 969832"/>
              <a:gd name="connsiteX0" fmla="*/ 1298087 w 1298087"/>
              <a:gd name="connsiteY0" fmla="*/ 973006 h 973006"/>
              <a:gd name="connsiteX1" fmla="*/ 0 w 1298087"/>
              <a:gd name="connsiteY1" fmla="*/ 0 h 973006"/>
              <a:gd name="connsiteX2" fmla="*/ 1051921 w 1298087"/>
              <a:gd name="connsiteY2" fmla="*/ 3174 h 973006"/>
              <a:gd name="connsiteX3" fmla="*/ 1298087 w 1298087"/>
              <a:gd name="connsiteY3" fmla="*/ 973006 h 973006"/>
              <a:gd name="connsiteX0" fmla="*/ 1568140 w 1568140"/>
              <a:gd name="connsiteY0" fmla="*/ 796794 h 796794"/>
              <a:gd name="connsiteX1" fmla="*/ 0 w 1568140"/>
              <a:gd name="connsiteY1" fmla="*/ 0 h 796794"/>
              <a:gd name="connsiteX2" fmla="*/ 1051921 w 1568140"/>
              <a:gd name="connsiteY2" fmla="*/ 3174 h 796794"/>
              <a:gd name="connsiteX3" fmla="*/ 1568140 w 1568140"/>
              <a:gd name="connsiteY3" fmla="*/ 796794 h 796794"/>
              <a:gd name="connsiteX0" fmla="*/ 1801301 w 1801301"/>
              <a:gd name="connsiteY0" fmla="*/ 295144 h 295144"/>
              <a:gd name="connsiteX1" fmla="*/ 0 w 1801301"/>
              <a:gd name="connsiteY1" fmla="*/ 0 h 295144"/>
              <a:gd name="connsiteX2" fmla="*/ 1051921 w 1801301"/>
              <a:gd name="connsiteY2" fmla="*/ 3174 h 295144"/>
              <a:gd name="connsiteX3" fmla="*/ 1801301 w 1801301"/>
              <a:gd name="connsiteY3" fmla="*/ 295144 h 295144"/>
              <a:gd name="connsiteX0" fmla="*/ 1831547 w 1831547"/>
              <a:gd name="connsiteY0" fmla="*/ 291970 h 291970"/>
              <a:gd name="connsiteX1" fmla="*/ 0 w 1831547"/>
              <a:gd name="connsiteY1" fmla="*/ 118467 h 291970"/>
              <a:gd name="connsiteX2" fmla="*/ 1082167 w 1831547"/>
              <a:gd name="connsiteY2" fmla="*/ 0 h 291970"/>
              <a:gd name="connsiteX3" fmla="*/ 1831547 w 1831547"/>
              <a:gd name="connsiteY3" fmla="*/ 291970 h 291970"/>
              <a:gd name="connsiteX0" fmla="*/ 1816004 w 1816004"/>
              <a:gd name="connsiteY0" fmla="*/ 291970 h 291970"/>
              <a:gd name="connsiteX1" fmla="*/ 0 w 1816004"/>
              <a:gd name="connsiteY1" fmla="*/ 118467 h 291970"/>
              <a:gd name="connsiteX2" fmla="*/ 1066624 w 1816004"/>
              <a:gd name="connsiteY2" fmla="*/ 0 h 291970"/>
              <a:gd name="connsiteX3" fmla="*/ 1816004 w 1816004"/>
              <a:gd name="connsiteY3" fmla="*/ 291970 h 291970"/>
              <a:gd name="connsiteX0" fmla="*/ 1816004 w 1816004"/>
              <a:gd name="connsiteY0" fmla="*/ 345808 h 345808"/>
              <a:gd name="connsiteX1" fmla="*/ 0 w 1816004"/>
              <a:gd name="connsiteY1" fmla="*/ 172305 h 345808"/>
              <a:gd name="connsiteX2" fmla="*/ 1055615 w 1816004"/>
              <a:gd name="connsiteY2" fmla="*/ 0 h 345808"/>
              <a:gd name="connsiteX3" fmla="*/ 1816004 w 1816004"/>
              <a:gd name="connsiteY3" fmla="*/ 345808 h 345808"/>
              <a:gd name="connsiteX0" fmla="*/ 1816004 w 1816004"/>
              <a:gd name="connsiteY0" fmla="*/ 345808 h 345808"/>
              <a:gd name="connsiteX1" fmla="*/ 0 w 1816004"/>
              <a:gd name="connsiteY1" fmla="*/ 172305 h 345808"/>
              <a:gd name="connsiteX2" fmla="*/ 1047446 w 1816004"/>
              <a:gd name="connsiteY2" fmla="*/ 172305 h 345808"/>
              <a:gd name="connsiteX3" fmla="*/ 1055615 w 1816004"/>
              <a:gd name="connsiteY3" fmla="*/ 0 h 345808"/>
              <a:gd name="connsiteX4" fmla="*/ 1816004 w 1816004"/>
              <a:gd name="connsiteY4" fmla="*/ 345808 h 345808"/>
              <a:gd name="connsiteX0" fmla="*/ 1816004 w 1816004"/>
              <a:gd name="connsiteY0" fmla="*/ 348128 h 348128"/>
              <a:gd name="connsiteX1" fmla="*/ 0 w 1816004"/>
              <a:gd name="connsiteY1" fmla="*/ 174625 h 348128"/>
              <a:gd name="connsiteX2" fmla="*/ 1047446 w 1816004"/>
              <a:gd name="connsiteY2" fmla="*/ 174625 h 348128"/>
              <a:gd name="connsiteX3" fmla="*/ 1047446 w 1816004"/>
              <a:gd name="connsiteY3" fmla="*/ 0 h 348128"/>
              <a:gd name="connsiteX4" fmla="*/ 1816004 w 1816004"/>
              <a:gd name="connsiteY4" fmla="*/ 348128 h 34812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816004" h="348128">
                <a:moveTo>
                  <a:pt x="1816004" y="348128"/>
                </a:moveTo>
                <a:lnTo>
                  <a:pt x="0" y="174625"/>
                </a:lnTo>
                <a:lnTo>
                  <a:pt x="1047446" y="174625"/>
                </a:lnTo>
                <a:lnTo>
                  <a:pt x="1047446" y="0"/>
                </a:lnTo>
                <a:lnTo>
                  <a:pt x="1816004" y="348128"/>
                </a:lnTo>
                <a:close/>
              </a:path>
            </a:pathLst>
          </a:custGeom>
          <a:solidFill>
            <a:srgbClr val="B49795">
              <a:alpha val="34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26" name="Freeform 1025"/>
          <p:cNvSpPr/>
          <p:nvPr/>
        </p:nvSpPr>
        <p:spPr>
          <a:xfrm>
            <a:off x="2711401" y="2069959"/>
            <a:ext cx="1610808" cy="612066"/>
          </a:xfrm>
          <a:custGeom>
            <a:avLst/>
            <a:gdLst>
              <a:gd name="connsiteX0" fmla="*/ 633413 w 928688"/>
              <a:gd name="connsiteY0" fmla="*/ 242887 h 242887"/>
              <a:gd name="connsiteX1" fmla="*/ 0 w 928688"/>
              <a:gd name="connsiteY1" fmla="*/ 0 h 242887"/>
              <a:gd name="connsiteX2" fmla="*/ 928688 w 928688"/>
              <a:gd name="connsiteY2" fmla="*/ 0 h 242887"/>
              <a:gd name="connsiteX3" fmla="*/ 633413 w 928688"/>
              <a:gd name="connsiteY3" fmla="*/ 242887 h 242887"/>
              <a:gd name="connsiteX0" fmla="*/ 655638 w 950913"/>
              <a:gd name="connsiteY0" fmla="*/ 246062 h 246062"/>
              <a:gd name="connsiteX1" fmla="*/ 0 w 950913"/>
              <a:gd name="connsiteY1" fmla="*/ 0 h 246062"/>
              <a:gd name="connsiteX2" fmla="*/ 950913 w 950913"/>
              <a:gd name="connsiteY2" fmla="*/ 3175 h 246062"/>
              <a:gd name="connsiteX3" fmla="*/ 655638 w 950913"/>
              <a:gd name="connsiteY3" fmla="*/ 246062 h 246062"/>
              <a:gd name="connsiteX0" fmla="*/ 655638 w 954088"/>
              <a:gd name="connsiteY0" fmla="*/ 255587 h 255587"/>
              <a:gd name="connsiteX1" fmla="*/ 0 w 954088"/>
              <a:gd name="connsiteY1" fmla="*/ 9525 h 255587"/>
              <a:gd name="connsiteX2" fmla="*/ 954088 w 954088"/>
              <a:gd name="connsiteY2" fmla="*/ 0 h 255587"/>
              <a:gd name="connsiteX3" fmla="*/ 655638 w 954088"/>
              <a:gd name="connsiteY3" fmla="*/ 255587 h 255587"/>
              <a:gd name="connsiteX0" fmla="*/ 303213 w 954088"/>
              <a:gd name="connsiteY0" fmla="*/ 274637 h 274637"/>
              <a:gd name="connsiteX1" fmla="*/ 0 w 954088"/>
              <a:gd name="connsiteY1" fmla="*/ 9525 h 274637"/>
              <a:gd name="connsiteX2" fmla="*/ 954088 w 954088"/>
              <a:gd name="connsiteY2" fmla="*/ 0 h 274637"/>
              <a:gd name="connsiteX3" fmla="*/ 303213 w 954088"/>
              <a:gd name="connsiteY3" fmla="*/ 274637 h 274637"/>
              <a:gd name="connsiteX0" fmla="*/ 241301 w 892176"/>
              <a:gd name="connsiteY0" fmla="*/ 274637 h 274637"/>
              <a:gd name="connsiteX1" fmla="*/ 0 w 892176"/>
              <a:gd name="connsiteY1" fmla="*/ 59531 h 274637"/>
              <a:gd name="connsiteX2" fmla="*/ 892176 w 892176"/>
              <a:gd name="connsiteY2" fmla="*/ 0 h 274637"/>
              <a:gd name="connsiteX3" fmla="*/ 241301 w 892176"/>
              <a:gd name="connsiteY3" fmla="*/ 274637 h 274637"/>
              <a:gd name="connsiteX0" fmla="*/ 241301 w 1125539"/>
              <a:gd name="connsiteY0" fmla="*/ 215106 h 215106"/>
              <a:gd name="connsiteX1" fmla="*/ 0 w 1125539"/>
              <a:gd name="connsiteY1" fmla="*/ 0 h 215106"/>
              <a:gd name="connsiteX2" fmla="*/ 1125539 w 1125539"/>
              <a:gd name="connsiteY2" fmla="*/ 0 h 215106"/>
              <a:gd name="connsiteX3" fmla="*/ 241301 w 1125539"/>
              <a:gd name="connsiteY3" fmla="*/ 215106 h 215106"/>
              <a:gd name="connsiteX0" fmla="*/ 250826 w 1125539"/>
              <a:gd name="connsiteY0" fmla="*/ 231775 h 231775"/>
              <a:gd name="connsiteX1" fmla="*/ 0 w 1125539"/>
              <a:gd name="connsiteY1" fmla="*/ 0 h 231775"/>
              <a:gd name="connsiteX2" fmla="*/ 1125539 w 1125539"/>
              <a:gd name="connsiteY2" fmla="*/ 0 h 231775"/>
              <a:gd name="connsiteX3" fmla="*/ 250826 w 1125539"/>
              <a:gd name="connsiteY3" fmla="*/ 231775 h 231775"/>
              <a:gd name="connsiteX0" fmla="*/ 369888 w 1125539"/>
              <a:gd name="connsiteY0" fmla="*/ 436562 h 436562"/>
              <a:gd name="connsiteX1" fmla="*/ 0 w 1125539"/>
              <a:gd name="connsiteY1" fmla="*/ 0 h 436562"/>
              <a:gd name="connsiteX2" fmla="*/ 1125539 w 1125539"/>
              <a:gd name="connsiteY2" fmla="*/ 0 h 436562"/>
              <a:gd name="connsiteX3" fmla="*/ 369888 w 1125539"/>
              <a:gd name="connsiteY3" fmla="*/ 436562 h 436562"/>
              <a:gd name="connsiteX0" fmla="*/ 1050926 w 1125539"/>
              <a:gd name="connsiteY0" fmla="*/ 474662 h 474662"/>
              <a:gd name="connsiteX1" fmla="*/ 0 w 1125539"/>
              <a:gd name="connsiteY1" fmla="*/ 0 h 474662"/>
              <a:gd name="connsiteX2" fmla="*/ 1125539 w 1125539"/>
              <a:gd name="connsiteY2" fmla="*/ 0 h 474662"/>
              <a:gd name="connsiteX3" fmla="*/ 1050926 w 1125539"/>
              <a:gd name="connsiteY3" fmla="*/ 474662 h 474662"/>
              <a:gd name="connsiteX0" fmla="*/ 1663701 w 1663701"/>
              <a:gd name="connsiteY0" fmla="*/ 576262 h 576262"/>
              <a:gd name="connsiteX1" fmla="*/ 0 w 1663701"/>
              <a:gd name="connsiteY1" fmla="*/ 0 h 576262"/>
              <a:gd name="connsiteX2" fmla="*/ 1125539 w 1663701"/>
              <a:gd name="connsiteY2" fmla="*/ 0 h 576262"/>
              <a:gd name="connsiteX3" fmla="*/ 1663701 w 1663701"/>
              <a:gd name="connsiteY3" fmla="*/ 576262 h 576262"/>
              <a:gd name="connsiteX0" fmla="*/ 1611313 w 1611313"/>
              <a:gd name="connsiteY0" fmla="*/ 580816 h 580816"/>
              <a:gd name="connsiteX1" fmla="*/ 0 w 1611313"/>
              <a:gd name="connsiteY1" fmla="*/ 0 h 580816"/>
              <a:gd name="connsiteX2" fmla="*/ 1073151 w 1611313"/>
              <a:gd name="connsiteY2" fmla="*/ 4554 h 580816"/>
              <a:gd name="connsiteX3" fmla="*/ 1611313 w 1611313"/>
              <a:gd name="connsiteY3" fmla="*/ 580816 h 580816"/>
              <a:gd name="connsiteX0" fmla="*/ 1611313 w 1611313"/>
              <a:gd name="connsiteY0" fmla="*/ 580816 h 580816"/>
              <a:gd name="connsiteX1" fmla="*/ 0 w 1611313"/>
              <a:gd name="connsiteY1" fmla="*/ 0 h 580816"/>
              <a:gd name="connsiteX2" fmla="*/ 1144588 w 1611313"/>
              <a:gd name="connsiteY2" fmla="*/ 9107 h 580816"/>
              <a:gd name="connsiteX3" fmla="*/ 1611313 w 1611313"/>
              <a:gd name="connsiteY3" fmla="*/ 580816 h 580816"/>
              <a:gd name="connsiteX0" fmla="*/ 1639888 w 1639888"/>
              <a:gd name="connsiteY0" fmla="*/ 580816 h 580816"/>
              <a:gd name="connsiteX1" fmla="*/ 0 w 1639888"/>
              <a:gd name="connsiteY1" fmla="*/ 0 h 580816"/>
              <a:gd name="connsiteX2" fmla="*/ 1144588 w 1639888"/>
              <a:gd name="connsiteY2" fmla="*/ 9107 h 580816"/>
              <a:gd name="connsiteX3" fmla="*/ 1639888 w 1639888"/>
              <a:gd name="connsiteY3" fmla="*/ 580816 h 580816"/>
              <a:gd name="connsiteX0" fmla="*/ 1639888 w 1639888"/>
              <a:gd name="connsiteY0" fmla="*/ 580816 h 580816"/>
              <a:gd name="connsiteX1" fmla="*/ 0 w 1639888"/>
              <a:gd name="connsiteY1" fmla="*/ 0 h 580816"/>
              <a:gd name="connsiteX2" fmla="*/ 1157209 w 1639888"/>
              <a:gd name="connsiteY2" fmla="*/ 34144 h 580816"/>
              <a:gd name="connsiteX3" fmla="*/ 1639888 w 1639888"/>
              <a:gd name="connsiteY3" fmla="*/ 580816 h 580816"/>
              <a:gd name="connsiteX0" fmla="*/ 1610808 w 1610808"/>
              <a:gd name="connsiteY0" fmla="*/ 550371 h 550371"/>
              <a:gd name="connsiteX1" fmla="*/ 0 w 1610808"/>
              <a:gd name="connsiteY1" fmla="*/ 0 h 550371"/>
              <a:gd name="connsiteX2" fmla="*/ 1128129 w 1610808"/>
              <a:gd name="connsiteY2" fmla="*/ 3699 h 550371"/>
              <a:gd name="connsiteX3" fmla="*/ 1610808 w 1610808"/>
              <a:gd name="connsiteY3" fmla="*/ 550371 h 55037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610808" h="550371">
                <a:moveTo>
                  <a:pt x="1610808" y="550371"/>
                </a:moveTo>
                <a:lnTo>
                  <a:pt x="0" y="0"/>
                </a:lnTo>
                <a:lnTo>
                  <a:pt x="1128129" y="3699"/>
                </a:lnTo>
                <a:lnTo>
                  <a:pt x="1610808" y="550371"/>
                </a:lnTo>
                <a:close/>
              </a:path>
            </a:pathLst>
          </a:custGeom>
          <a:solidFill>
            <a:srgbClr val="A5DAD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31" name="Freeform 1030"/>
          <p:cNvSpPr/>
          <p:nvPr/>
        </p:nvSpPr>
        <p:spPr>
          <a:xfrm>
            <a:off x="5987753" y="2699164"/>
            <a:ext cx="1595094" cy="385289"/>
          </a:xfrm>
          <a:custGeom>
            <a:avLst/>
            <a:gdLst>
              <a:gd name="connsiteX0" fmla="*/ 633413 w 928688"/>
              <a:gd name="connsiteY0" fmla="*/ 242887 h 242887"/>
              <a:gd name="connsiteX1" fmla="*/ 0 w 928688"/>
              <a:gd name="connsiteY1" fmla="*/ 0 h 242887"/>
              <a:gd name="connsiteX2" fmla="*/ 928688 w 928688"/>
              <a:gd name="connsiteY2" fmla="*/ 0 h 242887"/>
              <a:gd name="connsiteX3" fmla="*/ 633413 w 928688"/>
              <a:gd name="connsiteY3" fmla="*/ 242887 h 242887"/>
              <a:gd name="connsiteX0" fmla="*/ 655638 w 950913"/>
              <a:gd name="connsiteY0" fmla="*/ 246062 h 246062"/>
              <a:gd name="connsiteX1" fmla="*/ 0 w 950913"/>
              <a:gd name="connsiteY1" fmla="*/ 0 h 246062"/>
              <a:gd name="connsiteX2" fmla="*/ 950913 w 950913"/>
              <a:gd name="connsiteY2" fmla="*/ 3175 h 246062"/>
              <a:gd name="connsiteX3" fmla="*/ 655638 w 950913"/>
              <a:gd name="connsiteY3" fmla="*/ 246062 h 246062"/>
              <a:gd name="connsiteX0" fmla="*/ 655638 w 954088"/>
              <a:gd name="connsiteY0" fmla="*/ 255587 h 255587"/>
              <a:gd name="connsiteX1" fmla="*/ 0 w 954088"/>
              <a:gd name="connsiteY1" fmla="*/ 9525 h 255587"/>
              <a:gd name="connsiteX2" fmla="*/ 954088 w 954088"/>
              <a:gd name="connsiteY2" fmla="*/ 0 h 255587"/>
              <a:gd name="connsiteX3" fmla="*/ 655638 w 954088"/>
              <a:gd name="connsiteY3" fmla="*/ 255587 h 255587"/>
              <a:gd name="connsiteX0" fmla="*/ 303213 w 954088"/>
              <a:gd name="connsiteY0" fmla="*/ 274637 h 274637"/>
              <a:gd name="connsiteX1" fmla="*/ 0 w 954088"/>
              <a:gd name="connsiteY1" fmla="*/ 9525 h 274637"/>
              <a:gd name="connsiteX2" fmla="*/ 954088 w 954088"/>
              <a:gd name="connsiteY2" fmla="*/ 0 h 274637"/>
              <a:gd name="connsiteX3" fmla="*/ 303213 w 954088"/>
              <a:gd name="connsiteY3" fmla="*/ 274637 h 274637"/>
              <a:gd name="connsiteX0" fmla="*/ 241301 w 892176"/>
              <a:gd name="connsiteY0" fmla="*/ 274637 h 274637"/>
              <a:gd name="connsiteX1" fmla="*/ 0 w 892176"/>
              <a:gd name="connsiteY1" fmla="*/ 59531 h 274637"/>
              <a:gd name="connsiteX2" fmla="*/ 892176 w 892176"/>
              <a:gd name="connsiteY2" fmla="*/ 0 h 274637"/>
              <a:gd name="connsiteX3" fmla="*/ 241301 w 892176"/>
              <a:gd name="connsiteY3" fmla="*/ 274637 h 274637"/>
              <a:gd name="connsiteX0" fmla="*/ 241301 w 1125539"/>
              <a:gd name="connsiteY0" fmla="*/ 215106 h 215106"/>
              <a:gd name="connsiteX1" fmla="*/ 0 w 1125539"/>
              <a:gd name="connsiteY1" fmla="*/ 0 h 215106"/>
              <a:gd name="connsiteX2" fmla="*/ 1125539 w 1125539"/>
              <a:gd name="connsiteY2" fmla="*/ 0 h 215106"/>
              <a:gd name="connsiteX3" fmla="*/ 241301 w 1125539"/>
              <a:gd name="connsiteY3" fmla="*/ 215106 h 215106"/>
              <a:gd name="connsiteX0" fmla="*/ 250826 w 1125539"/>
              <a:gd name="connsiteY0" fmla="*/ 231775 h 231775"/>
              <a:gd name="connsiteX1" fmla="*/ 0 w 1125539"/>
              <a:gd name="connsiteY1" fmla="*/ 0 h 231775"/>
              <a:gd name="connsiteX2" fmla="*/ 1125539 w 1125539"/>
              <a:gd name="connsiteY2" fmla="*/ 0 h 231775"/>
              <a:gd name="connsiteX3" fmla="*/ 250826 w 1125539"/>
              <a:gd name="connsiteY3" fmla="*/ 231775 h 231775"/>
              <a:gd name="connsiteX0" fmla="*/ 369888 w 1125539"/>
              <a:gd name="connsiteY0" fmla="*/ 436562 h 436562"/>
              <a:gd name="connsiteX1" fmla="*/ 0 w 1125539"/>
              <a:gd name="connsiteY1" fmla="*/ 0 h 436562"/>
              <a:gd name="connsiteX2" fmla="*/ 1125539 w 1125539"/>
              <a:gd name="connsiteY2" fmla="*/ 0 h 436562"/>
              <a:gd name="connsiteX3" fmla="*/ 369888 w 1125539"/>
              <a:gd name="connsiteY3" fmla="*/ 436562 h 436562"/>
              <a:gd name="connsiteX0" fmla="*/ 0 w 1217614"/>
              <a:gd name="connsiteY0" fmla="*/ 474662 h 474662"/>
              <a:gd name="connsiteX1" fmla="*/ 92075 w 1217614"/>
              <a:gd name="connsiteY1" fmla="*/ 0 h 474662"/>
              <a:gd name="connsiteX2" fmla="*/ 1217614 w 1217614"/>
              <a:gd name="connsiteY2" fmla="*/ 0 h 474662"/>
              <a:gd name="connsiteX3" fmla="*/ 0 w 1217614"/>
              <a:gd name="connsiteY3" fmla="*/ 474662 h 474662"/>
              <a:gd name="connsiteX0" fmla="*/ 431163 w 1125539"/>
              <a:gd name="connsiteY0" fmla="*/ 582612 h 582612"/>
              <a:gd name="connsiteX1" fmla="*/ 0 w 1125539"/>
              <a:gd name="connsiteY1" fmla="*/ 0 h 582612"/>
              <a:gd name="connsiteX2" fmla="*/ 1125539 w 1125539"/>
              <a:gd name="connsiteY2" fmla="*/ 0 h 582612"/>
              <a:gd name="connsiteX3" fmla="*/ 431163 w 1125539"/>
              <a:gd name="connsiteY3" fmla="*/ 582612 h 582612"/>
              <a:gd name="connsiteX0" fmla="*/ 0 w 1536920"/>
              <a:gd name="connsiteY0" fmla="*/ 163512 h 163512"/>
              <a:gd name="connsiteX1" fmla="*/ 411381 w 1536920"/>
              <a:gd name="connsiteY1" fmla="*/ 0 h 163512"/>
              <a:gd name="connsiteX2" fmla="*/ 1536920 w 1536920"/>
              <a:gd name="connsiteY2" fmla="*/ 0 h 163512"/>
              <a:gd name="connsiteX3" fmla="*/ 0 w 1536920"/>
              <a:gd name="connsiteY3" fmla="*/ 163512 h 163512"/>
              <a:gd name="connsiteX0" fmla="*/ 0 w 1596414"/>
              <a:gd name="connsiteY0" fmla="*/ 563562 h 563562"/>
              <a:gd name="connsiteX1" fmla="*/ 470875 w 1596414"/>
              <a:gd name="connsiteY1" fmla="*/ 0 h 563562"/>
              <a:gd name="connsiteX2" fmla="*/ 1596414 w 1596414"/>
              <a:gd name="connsiteY2" fmla="*/ 0 h 563562"/>
              <a:gd name="connsiteX3" fmla="*/ 0 w 1596414"/>
              <a:gd name="connsiteY3" fmla="*/ 563562 h 563562"/>
              <a:gd name="connsiteX0" fmla="*/ 0 w 1596414"/>
              <a:gd name="connsiteY0" fmla="*/ 596900 h 596900"/>
              <a:gd name="connsiteX1" fmla="*/ 470875 w 1596414"/>
              <a:gd name="connsiteY1" fmla="*/ 0 h 596900"/>
              <a:gd name="connsiteX2" fmla="*/ 1596414 w 1596414"/>
              <a:gd name="connsiteY2" fmla="*/ 0 h 596900"/>
              <a:gd name="connsiteX3" fmla="*/ 0 w 1596414"/>
              <a:gd name="connsiteY3" fmla="*/ 596900 h 596900"/>
              <a:gd name="connsiteX0" fmla="*/ 0 w 1708873"/>
              <a:gd name="connsiteY0" fmla="*/ 596900 h 596900"/>
              <a:gd name="connsiteX1" fmla="*/ 470875 w 1708873"/>
              <a:gd name="connsiteY1" fmla="*/ 0 h 596900"/>
              <a:gd name="connsiteX2" fmla="*/ 1708873 w 1708873"/>
              <a:gd name="connsiteY2" fmla="*/ 3696 h 596900"/>
              <a:gd name="connsiteX3" fmla="*/ 0 w 1708873"/>
              <a:gd name="connsiteY3" fmla="*/ 596900 h 5969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708873" h="596900">
                <a:moveTo>
                  <a:pt x="0" y="596900"/>
                </a:moveTo>
                <a:lnTo>
                  <a:pt x="470875" y="0"/>
                </a:lnTo>
                <a:lnTo>
                  <a:pt x="1708873" y="3696"/>
                </a:lnTo>
                <a:lnTo>
                  <a:pt x="0" y="596900"/>
                </a:lnTo>
                <a:close/>
              </a:path>
            </a:pathLst>
          </a:custGeom>
          <a:solidFill>
            <a:srgbClr val="B49795">
              <a:alpha val="34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32" name="Freeform 1031"/>
          <p:cNvSpPr/>
          <p:nvPr/>
        </p:nvSpPr>
        <p:spPr>
          <a:xfrm>
            <a:off x="5237327" y="2447149"/>
            <a:ext cx="1129750" cy="201540"/>
          </a:xfrm>
          <a:custGeom>
            <a:avLst/>
            <a:gdLst>
              <a:gd name="connsiteX0" fmla="*/ 633413 w 928688"/>
              <a:gd name="connsiteY0" fmla="*/ 242887 h 242887"/>
              <a:gd name="connsiteX1" fmla="*/ 0 w 928688"/>
              <a:gd name="connsiteY1" fmla="*/ 0 h 242887"/>
              <a:gd name="connsiteX2" fmla="*/ 928688 w 928688"/>
              <a:gd name="connsiteY2" fmla="*/ 0 h 242887"/>
              <a:gd name="connsiteX3" fmla="*/ 633413 w 928688"/>
              <a:gd name="connsiteY3" fmla="*/ 242887 h 242887"/>
              <a:gd name="connsiteX0" fmla="*/ 655638 w 950913"/>
              <a:gd name="connsiteY0" fmla="*/ 246062 h 246062"/>
              <a:gd name="connsiteX1" fmla="*/ 0 w 950913"/>
              <a:gd name="connsiteY1" fmla="*/ 0 h 246062"/>
              <a:gd name="connsiteX2" fmla="*/ 950913 w 950913"/>
              <a:gd name="connsiteY2" fmla="*/ 3175 h 246062"/>
              <a:gd name="connsiteX3" fmla="*/ 655638 w 950913"/>
              <a:gd name="connsiteY3" fmla="*/ 246062 h 246062"/>
              <a:gd name="connsiteX0" fmla="*/ 655638 w 954088"/>
              <a:gd name="connsiteY0" fmla="*/ 255587 h 255587"/>
              <a:gd name="connsiteX1" fmla="*/ 0 w 954088"/>
              <a:gd name="connsiteY1" fmla="*/ 9525 h 255587"/>
              <a:gd name="connsiteX2" fmla="*/ 954088 w 954088"/>
              <a:gd name="connsiteY2" fmla="*/ 0 h 255587"/>
              <a:gd name="connsiteX3" fmla="*/ 655638 w 954088"/>
              <a:gd name="connsiteY3" fmla="*/ 255587 h 255587"/>
              <a:gd name="connsiteX0" fmla="*/ 303213 w 954088"/>
              <a:gd name="connsiteY0" fmla="*/ 274637 h 274637"/>
              <a:gd name="connsiteX1" fmla="*/ 0 w 954088"/>
              <a:gd name="connsiteY1" fmla="*/ 9525 h 274637"/>
              <a:gd name="connsiteX2" fmla="*/ 954088 w 954088"/>
              <a:gd name="connsiteY2" fmla="*/ 0 h 274637"/>
              <a:gd name="connsiteX3" fmla="*/ 303213 w 954088"/>
              <a:gd name="connsiteY3" fmla="*/ 274637 h 274637"/>
              <a:gd name="connsiteX0" fmla="*/ 241301 w 892176"/>
              <a:gd name="connsiteY0" fmla="*/ 274637 h 274637"/>
              <a:gd name="connsiteX1" fmla="*/ 0 w 892176"/>
              <a:gd name="connsiteY1" fmla="*/ 59531 h 274637"/>
              <a:gd name="connsiteX2" fmla="*/ 892176 w 892176"/>
              <a:gd name="connsiteY2" fmla="*/ 0 h 274637"/>
              <a:gd name="connsiteX3" fmla="*/ 241301 w 892176"/>
              <a:gd name="connsiteY3" fmla="*/ 274637 h 274637"/>
              <a:gd name="connsiteX0" fmla="*/ 241301 w 1125539"/>
              <a:gd name="connsiteY0" fmla="*/ 215106 h 215106"/>
              <a:gd name="connsiteX1" fmla="*/ 0 w 1125539"/>
              <a:gd name="connsiteY1" fmla="*/ 0 h 215106"/>
              <a:gd name="connsiteX2" fmla="*/ 1125539 w 1125539"/>
              <a:gd name="connsiteY2" fmla="*/ 0 h 215106"/>
              <a:gd name="connsiteX3" fmla="*/ 241301 w 1125539"/>
              <a:gd name="connsiteY3" fmla="*/ 215106 h 215106"/>
              <a:gd name="connsiteX0" fmla="*/ 250826 w 1125539"/>
              <a:gd name="connsiteY0" fmla="*/ 231775 h 231775"/>
              <a:gd name="connsiteX1" fmla="*/ 0 w 1125539"/>
              <a:gd name="connsiteY1" fmla="*/ 0 h 231775"/>
              <a:gd name="connsiteX2" fmla="*/ 1125539 w 1125539"/>
              <a:gd name="connsiteY2" fmla="*/ 0 h 231775"/>
              <a:gd name="connsiteX3" fmla="*/ 250826 w 1125539"/>
              <a:gd name="connsiteY3" fmla="*/ 231775 h 231775"/>
              <a:gd name="connsiteX0" fmla="*/ 369888 w 1125539"/>
              <a:gd name="connsiteY0" fmla="*/ 436562 h 436562"/>
              <a:gd name="connsiteX1" fmla="*/ 0 w 1125539"/>
              <a:gd name="connsiteY1" fmla="*/ 0 h 436562"/>
              <a:gd name="connsiteX2" fmla="*/ 1125539 w 1125539"/>
              <a:gd name="connsiteY2" fmla="*/ 0 h 436562"/>
              <a:gd name="connsiteX3" fmla="*/ 369888 w 1125539"/>
              <a:gd name="connsiteY3" fmla="*/ 436562 h 436562"/>
              <a:gd name="connsiteX0" fmla="*/ 0 w 1217614"/>
              <a:gd name="connsiteY0" fmla="*/ 474662 h 474662"/>
              <a:gd name="connsiteX1" fmla="*/ 92075 w 1217614"/>
              <a:gd name="connsiteY1" fmla="*/ 0 h 474662"/>
              <a:gd name="connsiteX2" fmla="*/ 1217614 w 1217614"/>
              <a:gd name="connsiteY2" fmla="*/ 0 h 474662"/>
              <a:gd name="connsiteX3" fmla="*/ 0 w 1217614"/>
              <a:gd name="connsiteY3" fmla="*/ 474662 h 474662"/>
              <a:gd name="connsiteX0" fmla="*/ 431163 w 1125539"/>
              <a:gd name="connsiteY0" fmla="*/ 582612 h 582612"/>
              <a:gd name="connsiteX1" fmla="*/ 0 w 1125539"/>
              <a:gd name="connsiteY1" fmla="*/ 0 h 582612"/>
              <a:gd name="connsiteX2" fmla="*/ 1125539 w 1125539"/>
              <a:gd name="connsiteY2" fmla="*/ 0 h 582612"/>
              <a:gd name="connsiteX3" fmla="*/ 431163 w 1125539"/>
              <a:gd name="connsiteY3" fmla="*/ 582612 h 582612"/>
              <a:gd name="connsiteX0" fmla="*/ 801476 w 1125539"/>
              <a:gd name="connsiteY0" fmla="*/ 360362 h 360362"/>
              <a:gd name="connsiteX1" fmla="*/ 0 w 1125539"/>
              <a:gd name="connsiteY1" fmla="*/ 0 h 360362"/>
              <a:gd name="connsiteX2" fmla="*/ 1125539 w 1125539"/>
              <a:gd name="connsiteY2" fmla="*/ 0 h 360362"/>
              <a:gd name="connsiteX3" fmla="*/ 801476 w 1125539"/>
              <a:gd name="connsiteY3" fmla="*/ 360362 h 360362"/>
              <a:gd name="connsiteX0" fmla="*/ 903283 w 1125539"/>
              <a:gd name="connsiteY0" fmla="*/ 334962 h 334962"/>
              <a:gd name="connsiteX1" fmla="*/ 0 w 1125539"/>
              <a:gd name="connsiteY1" fmla="*/ 0 h 334962"/>
              <a:gd name="connsiteX2" fmla="*/ 1125539 w 1125539"/>
              <a:gd name="connsiteY2" fmla="*/ 0 h 334962"/>
              <a:gd name="connsiteX3" fmla="*/ 903283 w 1125539"/>
              <a:gd name="connsiteY3" fmla="*/ 334962 h 334962"/>
              <a:gd name="connsiteX0" fmla="*/ 903283 w 1125539"/>
              <a:gd name="connsiteY0" fmla="*/ 357187 h 357187"/>
              <a:gd name="connsiteX1" fmla="*/ 0 w 1125539"/>
              <a:gd name="connsiteY1" fmla="*/ 0 h 357187"/>
              <a:gd name="connsiteX2" fmla="*/ 1125539 w 1125539"/>
              <a:gd name="connsiteY2" fmla="*/ 0 h 357187"/>
              <a:gd name="connsiteX3" fmla="*/ 903283 w 1125539"/>
              <a:gd name="connsiteY3" fmla="*/ 357187 h 357187"/>
              <a:gd name="connsiteX0" fmla="*/ 898017 w 1125539"/>
              <a:gd name="connsiteY0" fmla="*/ 366712 h 366712"/>
              <a:gd name="connsiteX1" fmla="*/ 0 w 1125539"/>
              <a:gd name="connsiteY1" fmla="*/ 0 h 366712"/>
              <a:gd name="connsiteX2" fmla="*/ 1125539 w 1125539"/>
              <a:gd name="connsiteY2" fmla="*/ 0 h 366712"/>
              <a:gd name="connsiteX3" fmla="*/ 898017 w 1125539"/>
              <a:gd name="connsiteY3" fmla="*/ 366712 h 366712"/>
              <a:gd name="connsiteX0" fmla="*/ 898017 w 1249161"/>
              <a:gd name="connsiteY0" fmla="*/ 366712 h 366712"/>
              <a:gd name="connsiteX1" fmla="*/ 0 w 1249161"/>
              <a:gd name="connsiteY1" fmla="*/ 0 h 366712"/>
              <a:gd name="connsiteX2" fmla="*/ 1249161 w 1249161"/>
              <a:gd name="connsiteY2" fmla="*/ 0 h 366712"/>
              <a:gd name="connsiteX3" fmla="*/ 898017 w 1249161"/>
              <a:gd name="connsiteY3" fmla="*/ 366712 h 36671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249161" h="366712">
                <a:moveTo>
                  <a:pt x="898017" y="366712"/>
                </a:moveTo>
                <a:lnTo>
                  <a:pt x="0" y="0"/>
                </a:lnTo>
                <a:lnTo>
                  <a:pt x="1249161" y="0"/>
                </a:lnTo>
                <a:lnTo>
                  <a:pt x="898017" y="366712"/>
                </a:lnTo>
                <a:close/>
              </a:path>
            </a:pathLst>
          </a:custGeom>
          <a:solidFill>
            <a:srgbClr val="B49795">
              <a:alpha val="34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36" name="Freeform 1035"/>
          <p:cNvSpPr/>
          <p:nvPr/>
        </p:nvSpPr>
        <p:spPr>
          <a:xfrm rot="10614496" flipH="1">
            <a:off x="3195851" y="3255748"/>
            <a:ext cx="1795320" cy="670936"/>
          </a:xfrm>
          <a:custGeom>
            <a:avLst/>
            <a:gdLst>
              <a:gd name="connsiteX0" fmla="*/ 633413 w 928688"/>
              <a:gd name="connsiteY0" fmla="*/ 242887 h 242887"/>
              <a:gd name="connsiteX1" fmla="*/ 0 w 928688"/>
              <a:gd name="connsiteY1" fmla="*/ 0 h 242887"/>
              <a:gd name="connsiteX2" fmla="*/ 928688 w 928688"/>
              <a:gd name="connsiteY2" fmla="*/ 0 h 242887"/>
              <a:gd name="connsiteX3" fmla="*/ 633413 w 928688"/>
              <a:gd name="connsiteY3" fmla="*/ 242887 h 242887"/>
              <a:gd name="connsiteX0" fmla="*/ 655638 w 950913"/>
              <a:gd name="connsiteY0" fmla="*/ 246062 h 246062"/>
              <a:gd name="connsiteX1" fmla="*/ 0 w 950913"/>
              <a:gd name="connsiteY1" fmla="*/ 0 h 246062"/>
              <a:gd name="connsiteX2" fmla="*/ 950913 w 950913"/>
              <a:gd name="connsiteY2" fmla="*/ 3175 h 246062"/>
              <a:gd name="connsiteX3" fmla="*/ 655638 w 950913"/>
              <a:gd name="connsiteY3" fmla="*/ 246062 h 246062"/>
              <a:gd name="connsiteX0" fmla="*/ 655638 w 954088"/>
              <a:gd name="connsiteY0" fmla="*/ 255587 h 255587"/>
              <a:gd name="connsiteX1" fmla="*/ 0 w 954088"/>
              <a:gd name="connsiteY1" fmla="*/ 9525 h 255587"/>
              <a:gd name="connsiteX2" fmla="*/ 954088 w 954088"/>
              <a:gd name="connsiteY2" fmla="*/ 0 h 255587"/>
              <a:gd name="connsiteX3" fmla="*/ 655638 w 954088"/>
              <a:gd name="connsiteY3" fmla="*/ 255587 h 255587"/>
              <a:gd name="connsiteX0" fmla="*/ 655638 w 1201738"/>
              <a:gd name="connsiteY0" fmla="*/ 579437 h 579437"/>
              <a:gd name="connsiteX1" fmla="*/ 0 w 1201738"/>
              <a:gd name="connsiteY1" fmla="*/ 333375 h 579437"/>
              <a:gd name="connsiteX2" fmla="*/ 1201738 w 1201738"/>
              <a:gd name="connsiteY2" fmla="*/ 0 h 579437"/>
              <a:gd name="connsiteX3" fmla="*/ 655638 w 1201738"/>
              <a:gd name="connsiteY3" fmla="*/ 579437 h 579437"/>
              <a:gd name="connsiteX0" fmla="*/ 401638 w 947738"/>
              <a:gd name="connsiteY0" fmla="*/ 601662 h 601662"/>
              <a:gd name="connsiteX1" fmla="*/ 0 w 947738"/>
              <a:gd name="connsiteY1" fmla="*/ 0 h 601662"/>
              <a:gd name="connsiteX2" fmla="*/ 947738 w 947738"/>
              <a:gd name="connsiteY2" fmla="*/ 22225 h 601662"/>
              <a:gd name="connsiteX3" fmla="*/ 401638 w 947738"/>
              <a:gd name="connsiteY3" fmla="*/ 601662 h 601662"/>
              <a:gd name="connsiteX0" fmla="*/ 401638 w 944563"/>
              <a:gd name="connsiteY0" fmla="*/ 601662 h 601662"/>
              <a:gd name="connsiteX1" fmla="*/ 0 w 944563"/>
              <a:gd name="connsiteY1" fmla="*/ 0 h 601662"/>
              <a:gd name="connsiteX2" fmla="*/ 944563 w 944563"/>
              <a:gd name="connsiteY2" fmla="*/ 3175 h 601662"/>
              <a:gd name="connsiteX3" fmla="*/ 401638 w 944563"/>
              <a:gd name="connsiteY3" fmla="*/ 601662 h 601662"/>
              <a:gd name="connsiteX0" fmla="*/ 522288 w 944563"/>
              <a:gd name="connsiteY0" fmla="*/ 674687 h 674687"/>
              <a:gd name="connsiteX1" fmla="*/ 0 w 944563"/>
              <a:gd name="connsiteY1" fmla="*/ 0 h 674687"/>
              <a:gd name="connsiteX2" fmla="*/ 944563 w 944563"/>
              <a:gd name="connsiteY2" fmla="*/ 3175 h 674687"/>
              <a:gd name="connsiteX3" fmla="*/ 522288 w 944563"/>
              <a:gd name="connsiteY3" fmla="*/ 674687 h 674687"/>
              <a:gd name="connsiteX0" fmla="*/ 868363 w 1290638"/>
              <a:gd name="connsiteY0" fmla="*/ 671512 h 671512"/>
              <a:gd name="connsiteX1" fmla="*/ 0 w 1290638"/>
              <a:gd name="connsiteY1" fmla="*/ 3175 h 671512"/>
              <a:gd name="connsiteX2" fmla="*/ 1290638 w 1290638"/>
              <a:gd name="connsiteY2" fmla="*/ 0 h 671512"/>
              <a:gd name="connsiteX3" fmla="*/ 868363 w 1290638"/>
              <a:gd name="connsiteY3" fmla="*/ 671512 h 671512"/>
              <a:gd name="connsiteX0" fmla="*/ 868363 w 1020763"/>
              <a:gd name="connsiteY0" fmla="*/ 668337 h 668337"/>
              <a:gd name="connsiteX1" fmla="*/ 0 w 1020763"/>
              <a:gd name="connsiteY1" fmla="*/ 0 h 668337"/>
              <a:gd name="connsiteX2" fmla="*/ 1020763 w 1020763"/>
              <a:gd name="connsiteY2" fmla="*/ 3175 h 668337"/>
              <a:gd name="connsiteX3" fmla="*/ 868363 w 1020763"/>
              <a:gd name="connsiteY3" fmla="*/ 668337 h 668337"/>
              <a:gd name="connsiteX0" fmla="*/ 513557 w 1020763"/>
              <a:gd name="connsiteY0" fmla="*/ 365918 h 365918"/>
              <a:gd name="connsiteX1" fmla="*/ 0 w 1020763"/>
              <a:gd name="connsiteY1" fmla="*/ 0 h 365918"/>
              <a:gd name="connsiteX2" fmla="*/ 1020763 w 1020763"/>
              <a:gd name="connsiteY2" fmla="*/ 3175 h 365918"/>
              <a:gd name="connsiteX3" fmla="*/ 513557 w 1020763"/>
              <a:gd name="connsiteY3" fmla="*/ 365918 h 365918"/>
              <a:gd name="connsiteX0" fmla="*/ 767497 w 1020763"/>
              <a:gd name="connsiteY0" fmla="*/ 1182085 h 1182085"/>
              <a:gd name="connsiteX1" fmla="*/ 0 w 1020763"/>
              <a:gd name="connsiteY1" fmla="*/ 0 h 1182085"/>
              <a:gd name="connsiteX2" fmla="*/ 1020763 w 1020763"/>
              <a:gd name="connsiteY2" fmla="*/ 3175 h 1182085"/>
              <a:gd name="connsiteX3" fmla="*/ 767497 w 1020763"/>
              <a:gd name="connsiteY3" fmla="*/ 1182085 h 1182085"/>
              <a:gd name="connsiteX0" fmla="*/ 767497 w 900986"/>
              <a:gd name="connsiteY0" fmla="*/ 1453838 h 1453838"/>
              <a:gd name="connsiteX1" fmla="*/ 0 w 900986"/>
              <a:gd name="connsiteY1" fmla="*/ 271753 h 1453838"/>
              <a:gd name="connsiteX2" fmla="*/ 900986 w 900986"/>
              <a:gd name="connsiteY2" fmla="*/ 0 h 1453838"/>
              <a:gd name="connsiteX3" fmla="*/ 767497 w 900986"/>
              <a:gd name="connsiteY3" fmla="*/ 1453838 h 1453838"/>
              <a:gd name="connsiteX0" fmla="*/ 807847 w 941336"/>
              <a:gd name="connsiteY0" fmla="*/ 1453838 h 1453838"/>
              <a:gd name="connsiteX1" fmla="*/ 0 w 941336"/>
              <a:gd name="connsiteY1" fmla="*/ 54538 h 1453838"/>
              <a:gd name="connsiteX2" fmla="*/ 941336 w 941336"/>
              <a:gd name="connsiteY2" fmla="*/ 0 h 1453838"/>
              <a:gd name="connsiteX3" fmla="*/ 807847 w 941336"/>
              <a:gd name="connsiteY3" fmla="*/ 1453838 h 1453838"/>
              <a:gd name="connsiteX0" fmla="*/ 784070 w 917559"/>
              <a:gd name="connsiteY0" fmla="*/ 1453838 h 1453838"/>
              <a:gd name="connsiteX1" fmla="*/ 0 w 917559"/>
              <a:gd name="connsiteY1" fmla="*/ 53253 h 1453838"/>
              <a:gd name="connsiteX2" fmla="*/ 917559 w 917559"/>
              <a:gd name="connsiteY2" fmla="*/ 0 h 1453838"/>
              <a:gd name="connsiteX3" fmla="*/ 784070 w 917559"/>
              <a:gd name="connsiteY3" fmla="*/ 1453838 h 1453838"/>
              <a:gd name="connsiteX0" fmla="*/ 764659 w 917559"/>
              <a:gd name="connsiteY0" fmla="*/ 1535966 h 1535966"/>
              <a:gd name="connsiteX1" fmla="*/ 0 w 917559"/>
              <a:gd name="connsiteY1" fmla="*/ 53253 h 1535966"/>
              <a:gd name="connsiteX2" fmla="*/ 917559 w 917559"/>
              <a:gd name="connsiteY2" fmla="*/ 0 h 1535966"/>
              <a:gd name="connsiteX3" fmla="*/ 764659 w 917559"/>
              <a:gd name="connsiteY3" fmla="*/ 1535966 h 1535966"/>
              <a:gd name="connsiteX0" fmla="*/ 1716197 w 1716197"/>
              <a:gd name="connsiteY0" fmla="*/ 521143 h 521143"/>
              <a:gd name="connsiteX1" fmla="*/ 0 w 1716197"/>
              <a:gd name="connsiteY1" fmla="*/ 53253 h 521143"/>
              <a:gd name="connsiteX2" fmla="*/ 917559 w 1716197"/>
              <a:gd name="connsiteY2" fmla="*/ 0 h 521143"/>
              <a:gd name="connsiteX3" fmla="*/ 1716197 w 1716197"/>
              <a:gd name="connsiteY3" fmla="*/ 521143 h 521143"/>
              <a:gd name="connsiteX0" fmla="*/ 1716197 w 1716197"/>
              <a:gd name="connsiteY0" fmla="*/ 525121 h 525121"/>
              <a:gd name="connsiteX1" fmla="*/ 0 w 1716197"/>
              <a:gd name="connsiteY1" fmla="*/ 57231 h 525121"/>
              <a:gd name="connsiteX2" fmla="*/ 1079505 w 1716197"/>
              <a:gd name="connsiteY2" fmla="*/ 0 h 525121"/>
              <a:gd name="connsiteX3" fmla="*/ 1716197 w 1716197"/>
              <a:gd name="connsiteY3" fmla="*/ 525121 h 525121"/>
              <a:gd name="connsiteX0" fmla="*/ 1716197 w 1716197"/>
              <a:gd name="connsiteY0" fmla="*/ 534919 h 534919"/>
              <a:gd name="connsiteX1" fmla="*/ 0 w 1716197"/>
              <a:gd name="connsiteY1" fmla="*/ 67029 h 534919"/>
              <a:gd name="connsiteX2" fmla="*/ 1081278 w 1716197"/>
              <a:gd name="connsiteY2" fmla="*/ 0 h 534919"/>
              <a:gd name="connsiteX3" fmla="*/ 1716197 w 1716197"/>
              <a:gd name="connsiteY3" fmla="*/ 534919 h 534919"/>
              <a:gd name="connsiteX0" fmla="*/ 1716563 w 1716563"/>
              <a:gd name="connsiteY0" fmla="*/ 534919 h 534919"/>
              <a:gd name="connsiteX1" fmla="*/ 0 w 1716563"/>
              <a:gd name="connsiteY1" fmla="*/ 59778 h 534919"/>
              <a:gd name="connsiteX2" fmla="*/ 1081644 w 1716563"/>
              <a:gd name="connsiteY2" fmla="*/ 0 h 534919"/>
              <a:gd name="connsiteX3" fmla="*/ 1716563 w 1716563"/>
              <a:gd name="connsiteY3" fmla="*/ 534919 h 534919"/>
              <a:gd name="connsiteX0" fmla="*/ 1726091 w 1726091"/>
              <a:gd name="connsiteY0" fmla="*/ 633741 h 633741"/>
              <a:gd name="connsiteX1" fmla="*/ 0 w 1726091"/>
              <a:gd name="connsiteY1" fmla="*/ 59778 h 633741"/>
              <a:gd name="connsiteX2" fmla="*/ 1081644 w 1726091"/>
              <a:gd name="connsiteY2" fmla="*/ 0 h 633741"/>
              <a:gd name="connsiteX3" fmla="*/ 1726091 w 1726091"/>
              <a:gd name="connsiteY3" fmla="*/ 633741 h 633741"/>
              <a:gd name="connsiteX0" fmla="*/ 1723220 w 1723220"/>
              <a:gd name="connsiteY0" fmla="*/ 621788 h 621788"/>
              <a:gd name="connsiteX1" fmla="*/ 0 w 1723220"/>
              <a:gd name="connsiteY1" fmla="*/ 59778 h 621788"/>
              <a:gd name="connsiteX2" fmla="*/ 1081644 w 1723220"/>
              <a:gd name="connsiteY2" fmla="*/ 0 h 621788"/>
              <a:gd name="connsiteX3" fmla="*/ 1723220 w 1723220"/>
              <a:gd name="connsiteY3" fmla="*/ 621788 h 621788"/>
              <a:gd name="connsiteX0" fmla="*/ 1706985 w 1706985"/>
              <a:gd name="connsiteY0" fmla="*/ 621788 h 621788"/>
              <a:gd name="connsiteX1" fmla="*/ 0 w 1706985"/>
              <a:gd name="connsiteY1" fmla="*/ 176464 h 621788"/>
              <a:gd name="connsiteX2" fmla="*/ 1065409 w 1706985"/>
              <a:gd name="connsiteY2" fmla="*/ 0 h 621788"/>
              <a:gd name="connsiteX3" fmla="*/ 1706985 w 1706985"/>
              <a:gd name="connsiteY3" fmla="*/ 621788 h 621788"/>
              <a:gd name="connsiteX0" fmla="*/ 1706985 w 1706985"/>
              <a:gd name="connsiteY0" fmla="*/ 669088 h 669088"/>
              <a:gd name="connsiteX1" fmla="*/ 0 w 1706985"/>
              <a:gd name="connsiteY1" fmla="*/ 223764 h 669088"/>
              <a:gd name="connsiteX2" fmla="*/ 1054674 w 1706985"/>
              <a:gd name="connsiteY2" fmla="*/ 0 h 669088"/>
              <a:gd name="connsiteX3" fmla="*/ 1706985 w 1706985"/>
              <a:gd name="connsiteY3" fmla="*/ 669088 h 669088"/>
              <a:gd name="connsiteX0" fmla="*/ 1706985 w 1706985"/>
              <a:gd name="connsiteY0" fmla="*/ 681903 h 681903"/>
              <a:gd name="connsiteX1" fmla="*/ 0 w 1706985"/>
              <a:gd name="connsiteY1" fmla="*/ 236579 h 681903"/>
              <a:gd name="connsiteX2" fmla="*/ 1060022 w 1706985"/>
              <a:gd name="connsiteY2" fmla="*/ 0 h 681903"/>
              <a:gd name="connsiteX3" fmla="*/ 1706985 w 1706985"/>
              <a:gd name="connsiteY3" fmla="*/ 681903 h 681903"/>
              <a:gd name="connsiteX0" fmla="*/ 1706985 w 1706985"/>
              <a:gd name="connsiteY0" fmla="*/ 681903 h 681903"/>
              <a:gd name="connsiteX1" fmla="*/ 0 w 1706985"/>
              <a:gd name="connsiteY1" fmla="*/ 236579 h 681903"/>
              <a:gd name="connsiteX2" fmla="*/ 1069798 w 1706985"/>
              <a:gd name="connsiteY2" fmla="*/ 174812 h 681903"/>
              <a:gd name="connsiteX3" fmla="*/ 1060022 w 1706985"/>
              <a:gd name="connsiteY3" fmla="*/ 0 h 681903"/>
              <a:gd name="connsiteX4" fmla="*/ 1706985 w 1706985"/>
              <a:gd name="connsiteY4" fmla="*/ 681903 h 68190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706985" h="681903">
                <a:moveTo>
                  <a:pt x="1706985" y="681903"/>
                </a:moveTo>
                <a:lnTo>
                  <a:pt x="0" y="236579"/>
                </a:lnTo>
                <a:lnTo>
                  <a:pt x="1069798" y="174812"/>
                </a:lnTo>
                <a:lnTo>
                  <a:pt x="1060022" y="0"/>
                </a:lnTo>
                <a:lnTo>
                  <a:pt x="1706985" y="681903"/>
                </a:lnTo>
                <a:close/>
              </a:path>
            </a:pathLst>
          </a:custGeom>
          <a:solidFill>
            <a:srgbClr val="B49795">
              <a:alpha val="34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37" name="Oval 1036"/>
          <p:cNvSpPr/>
          <p:nvPr/>
        </p:nvSpPr>
        <p:spPr>
          <a:xfrm>
            <a:off x="5966992" y="3047538"/>
            <a:ext cx="54824" cy="54824"/>
          </a:xfrm>
          <a:prstGeom prst="ellipse">
            <a:avLst/>
          </a:prstGeom>
          <a:solidFill>
            <a:srgbClr val="895B5D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38" name="Oval 1037"/>
          <p:cNvSpPr/>
          <p:nvPr/>
        </p:nvSpPr>
        <p:spPr>
          <a:xfrm>
            <a:off x="6009467" y="2638076"/>
            <a:ext cx="54824" cy="54824"/>
          </a:xfrm>
          <a:prstGeom prst="ellipse">
            <a:avLst/>
          </a:prstGeom>
          <a:solidFill>
            <a:srgbClr val="895B5D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39" name="Oval 1038"/>
          <p:cNvSpPr/>
          <p:nvPr/>
        </p:nvSpPr>
        <p:spPr>
          <a:xfrm>
            <a:off x="4337719" y="2670465"/>
            <a:ext cx="54824" cy="54824"/>
          </a:xfrm>
          <a:prstGeom prst="ellipse">
            <a:avLst/>
          </a:prstGeom>
          <a:solidFill>
            <a:srgbClr val="64646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40" name="Oval 1039"/>
          <p:cNvSpPr/>
          <p:nvPr/>
        </p:nvSpPr>
        <p:spPr>
          <a:xfrm>
            <a:off x="4285370" y="2660947"/>
            <a:ext cx="54824" cy="54824"/>
          </a:xfrm>
          <a:prstGeom prst="ellipse">
            <a:avLst/>
          </a:prstGeom>
          <a:solidFill>
            <a:srgbClr val="99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41" name="Oval 1040"/>
          <p:cNvSpPr/>
          <p:nvPr/>
        </p:nvSpPr>
        <p:spPr>
          <a:xfrm>
            <a:off x="4940107" y="3184872"/>
            <a:ext cx="54824" cy="54824"/>
          </a:xfrm>
          <a:prstGeom prst="ellipse">
            <a:avLst/>
          </a:prstGeom>
          <a:solidFill>
            <a:srgbClr val="895B5D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43" name="Oval 1042"/>
          <p:cNvSpPr/>
          <p:nvPr/>
        </p:nvSpPr>
        <p:spPr>
          <a:xfrm>
            <a:off x="2534036" y="2910670"/>
            <a:ext cx="54824" cy="54824"/>
          </a:xfrm>
          <a:prstGeom prst="ellipse">
            <a:avLst/>
          </a:prstGeom>
          <a:solidFill>
            <a:srgbClr val="64646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44" name="Oval 1043"/>
          <p:cNvSpPr/>
          <p:nvPr/>
        </p:nvSpPr>
        <p:spPr>
          <a:xfrm>
            <a:off x="2738612" y="2598228"/>
            <a:ext cx="54824" cy="54824"/>
          </a:xfrm>
          <a:prstGeom prst="ellipse">
            <a:avLst/>
          </a:prstGeom>
          <a:solidFill>
            <a:srgbClr val="64646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45" name="Oval 1044"/>
          <p:cNvSpPr/>
          <p:nvPr/>
        </p:nvSpPr>
        <p:spPr>
          <a:xfrm>
            <a:off x="5705912" y="3541233"/>
            <a:ext cx="54824" cy="54824"/>
          </a:xfrm>
          <a:prstGeom prst="ellipse">
            <a:avLst/>
          </a:prstGeom>
          <a:solidFill>
            <a:srgbClr val="895B5D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1028" name="TextBox 1027"/>
          <p:cNvSpPr txBox="1"/>
          <p:nvPr/>
        </p:nvSpPr>
        <p:spPr>
          <a:xfrm>
            <a:off x="3202696" y="3742175"/>
            <a:ext cx="1126800" cy="174625"/>
          </a:xfrm>
          <a:prstGeom prst="rect">
            <a:avLst/>
          </a:prstGeom>
          <a:solidFill>
            <a:srgbClr val="985E5A">
              <a:alpha val="82000"/>
            </a:srgbClr>
          </a:solidFill>
          <a:ln>
            <a:solidFill>
              <a:srgbClr val="895B61"/>
            </a:solidFill>
          </a:ln>
        </p:spPr>
        <p:txBody>
          <a:bodyPr wrap="none" lIns="46800" rtlCol="0">
            <a:noAutofit/>
          </a:bodyPr>
          <a:lstStyle/>
          <a:p>
            <a:pPr eaLnBrk="1" hangingPunct="1"/>
            <a:r>
              <a:rPr lang="en-GB" sz="600" b="1" dirty="0" smtClean="0">
                <a:solidFill>
                  <a:prstClr val="white"/>
                </a:solidFill>
                <a:ea typeface="ＭＳ Ｐゴシック" pitchFamily="34" charset="-128"/>
              </a:rPr>
              <a:t>Mubadala (Abu Dhabi)</a:t>
            </a:r>
            <a:endParaRPr lang="en-GB" sz="600" b="1" dirty="0">
              <a:solidFill>
                <a:prstClr val="white"/>
              </a:solidFill>
              <a:ea typeface="ＭＳ Ｐゴシック" pitchFamily="34" charset="-128"/>
            </a:endParaRPr>
          </a:p>
        </p:txBody>
      </p:sp>
      <p:sp>
        <p:nvSpPr>
          <p:cNvPr id="1027" name="TextBox 1026"/>
          <p:cNvSpPr txBox="1"/>
          <p:nvPr/>
        </p:nvSpPr>
        <p:spPr>
          <a:xfrm>
            <a:off x="1615252" y="3770753"/>
            <a:ext cx="1126800" cy="174625"/>
          </a:xfrm>
          <a:prstGeom prst="rect">
            <a:avLst/>
          </a:prstGeom>
          <a:solidFill>
            <a:srgbClr val="38818B">
              <a:alpha val="81961"/>
            </a:srgbClr>
          </a:solidFill>
          <a:ln>
            <a:solidFill>
              <a:srgbClr val="38818B"/>
            </a:solidFill>
          </a:ln>
        </p:spPr>
        <p:txBody>
          <a:bodyPr wrap="none" lIns="46800" rtlCol="0">
            <a:noAutofit/>
          </a:bodyPr>
          <a:lstStyle/>
          <a:p>
            <a:pPr eaLnBrk="1" hangingPunct="1"/>
            <a:r>
              <a:rPr lang="en-GB" sz="600" b="1" dirty="0" smtClean="0">
                <a:solidFill>
                  <a:prstClr val="white"/>
                </a:solidFill>
                <a:ea typeface="ＭＳ Ｐゴシック" pitchFamily="34" charset="-128"/>
              </a:rPr>
              <a:t>FACC  Wichita (US)</a:t>
            </a:r>
            <a:endParaRPr lang="en-GB" sz="600" b="1" dirty="0">
              <a:solidFill>
                <a:prstClr val="white"/>
              </a:solidFill>
              <a:ea typeface="ＭＳ Ｐゴシック" pitchFamily="34" charset="-128"/>
            </a:endParaRPr>
          </a:p>
        </p:txBody>
      </p:sp>
      <p:sp>
        <p:nvSpPr>
          <p:cNvPr id="1029" name="TextBox 1028"/>
          <p:cNvSpPr txBox="1"/>
          <p:nvPr/>
        </p:nvSpPr>
        <p:spPr>
          <a:xfrm>
            <a:off x="4877054" y="3742175"/>
            <a:ext cx="1126800" cy="174625"/>
          </a:xfrm>
          <a:prstGeom prst="rect">
            <a:avLst/>
          </a:prstGeom>
          <a:solidFill>
            <a:srgbClr val="985E5A">
              <a:alpha val="82000"/>
            </a:srgbClr>
          </a:solidFill>
          <a:ln>
            <a:solidFill>
              <a:srgbClr val="895B61"/>
            </a:solidFill>
          </a:ln>
        </p:spPr>
        <p:txBody>
          <a:bodyPr wrap="none" lIns="46800" rtlCol="0">
            <a:noAutofit/>
          </a:bodyPr>
          <a:lstStyle/>
          <a:p>
            <a:pPr eaLnBrk="1" hangingPunct="1"/>
            <a:r>
              <a:rPr lang="en-GB" sz="600" b="1" dirty="0" smtClean="0">
                <a:solidFill>
                  <a:prstClr val="white"/>
                </a:solidFill>
                <a:ea typeface="ＭＳ Ｐゴシック" pitchFamily="34" charset="-128"/>
              </a:rPr>
              <a:t>TAML (India)</a:t>
            </a:r>
            <a:endParaRPr lang="en-GB" sz="600" b="1" dirty="0">
              <a:solidFill>
                <a:prstClr val="white"/>
              </a:solidFill>
              <a:ea typeface="ＭＳ Ｐゴシック" pitchFamily="34" charset="-128"/>
            </a:endParaRPr>
          </a:p>
        </p:txBody>
      </p:sp>
      <p:sp>
        <p:nvSpPr>
          <p:cNvPr id="1030" name="TextBox 1029"/>
          <p:cNvSpPr txBox="1"/>
          <p:nvPr/>
        </p:nvSpPr>
        <p:spPr>
          <a:xfrm>
            <a:off x="6536533" y="3742175"/>
            <a:ext cx="1126800" cy="174625"/>
          </a:xfrm>
          <a:prstGeom prst="rect">
            <a:avLst/>
          </a:prstGeom>
          <a:solidFill>
            <a:srgbClr val="985E5A">
              <a:alpha val="82000"/>
            </a:srgbClr>
          </a:solidFill>
          <a:ln>
            <a:solidFill>
              <a:srgbClr val="895B61"/>
            </a:solidFill>
          </a:ln>
        </p:spPr>
        <p:txBody>
          <a:bodyPr wrap="none" lIns="46800" rtlCol="0">
            <a:noAutofit/>
          </a:bodyPr>
          <a:lstStyle/>
          <a:p>
            <a:pPr eaLnBrk="1" hangingPunct="1"/>
            <a:r>
              <a:rPr lang="en-GB" sz="600" b="1" dirty="0" smtClean="0">
                <a:solidFill>
                  <a:prstClr val="white"/>
                </a:solidFill>
                <a:ea typeface="ＭＳ Ｐゴシック" pitchFamily="34" charset="-128"/>
              </a:rPr>
              <a:t>ACM (Malaysia)</a:t>
            </a:r>
            <a:endParaRPr lang="en-GB" sz="600" b="1" dirty="0">
              <a:solidFill>
                <a:prstClr val="white"/>
              </a:solidFill>
              <a:ea typeface="ＭＳ Ｐゴシック" pitchFamily="34" charset="-128"/>
            </a:endParaRPr>
          </a:p>
        </p:txBody>
      </p:sp>
      <p:sp>
        <p:nvSpPr>
          <p:cNvPr id="1057" name="5-Point Star 1056"/>
          <p:cNvSpPr/>
          <p:nvPr/>
        </p:nvSpPr>
        <p:spPr>
          <a:xfrm>
            <a:off x="4233534" y="2618797"/>
            <a:ext cx="125251" cy="102316"/>
          </a:xfrm>
          <a:prstGeom prst="star5">
            <a:avLst/>
          </a:prstGeom>
          <a:solidFill>
            <a:srgbClr val="C00000"/>
          </a:solidFill>
          <a:ln w="6350">
            <a:solidFill>
              <a:srgbClr val="990000"/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346" name="Rectangle 345"/>
          <p:cNvSpPr/>
          <p:nvPr/>
        </p:nvSpPr>
        <p:spPr>
          <a:xfrm>
            <a:off x="470091" y="2860315"/>
            <a:ext cx="189735" cy="69808"/>
          </a:xfrm>
          <a:prstGeom prst="rect">
            <a:avLst/>
          </a:prstGeom>
          <a:solidFill>
            <a:srgbClr val="38818B"/>
          </a:solidFill>
          <a:ln>
            <a:solidFill>
              <a:srgbClr val="38818B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tr-TR">
              <a:solidFill>
                <a:prstClr val="white"/>
              </a:solidFill>
            </a:endParaRPr>
          </a:p>
        </p:txBody>
      </p:sp>
      <p:sp>
        <p:nvSpPr>
          <p:cNvPr id="347" name="TextBox 346"/>
          <p:cNvSpPr txBox="1"/>
          <p:nvPr/>
        </p:nvSpPr>
        <p:spPr>
          <a:xfrm>
            <a:off x="615900" y="2809314"/>
            <a:ext cx="599844" cy="184666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/>
            <a:r>
              <a:rPr lang="en-US" sz="600" dirty="0" smtClean="0">
                <a:solidFill>
                  <a:prstClr val="black"/>
                </a:solidFill>
                <a:ea typeface="ＭＳ Ｐゴシック" pitchFamily="34" charset="-128"/>
              </a:rPr>
              <a:t>Engineering</a:t>
            </a:r>
            <a:endParaRPr lang="tr-TR" sz="600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pic>
        <p:nvPicPr>
          <p:cNvPr id="237570" name="Picture 2" descr="http://www.cmu.edu/career/employers/partners/Boeing_logo_blue.png"/>
          <p:cNvPicPr>
            <a:picLocks noChangeAspect="1" noChangeArrowheads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866349" y="4018375"/>
            <a:ext cx="540060" cy="195060"/>
          </a:xfrm>
          <a:prstGeom prst="rect">
            <a:avLst/>
          </a:prstGeom>
          <a:noFill/>
        </p:spPr>
      </p:pic>
      <p:sp>
        <p:nvSpPr>
          <p:cNvPr id="352" name="TextBox 351"/>
          <p:cNvSpPr txBox="1"/>
          <p:nvPr/>
        </p:nvSpPr>
        <p:spPr>
          <a:xfrm>
            <a:off x="602367" y="2974829"/>
            <a:ext cx="1611806" cy="18466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hangingPunct="1"/>
            <a:r>
              <a:rPr lang="en-US" sz="600" dirty="0" smtClean="0">
                <a:solidFill>
                  <a:prstClr val="black"/>
                </a:solidFill>
                <a:ea typeface="ＭＳ Ｐゴシック" pitchFamily="34" charset="-128"/>
              </a:rPr>
              <a:t>International supply chain partners</a:t>
            </a:r>
            <a:endParaRPr lang="tr-TR" sz="600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pic>
        <p:nvPicPr>
          <p:cNvPr id="237574" name="Picture 6" descr="http://www.hexcel.com/News/PublishingImages/news_20134407_3.jpg"/>
          <p:cNvPicPr>
            <a:picLocks noChangeAspect="1" noChangeArrowheads="1"/>
          </p:cNvPicPr>
          <p:nvPr/>
        </p:nvPicPr>
        <p:blipFill>
          <a:blip r:embed="rId4" cstate="email">
            <a:clrChange>
              <a:clrFrom>
                <a:srgbClr val="FFFFFD"/>
              </a:clrFrom>
              <a:clrTo>
                <a:srgbClr val="FFFFFD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819934" y="3927430"/>
            <a:ext cx="559999" cy="252000"/>
          </a:xfrm>
          <a:prstGeom prst="rect">
            <a:avLst/>
          </a:prstGeom>
          <a:noFill/>
        </p:spPr>
      </p:pic>
      <p:sp>
        <p:nvSpPr>
          <p:cNvPr id="356" name="Rectangle 22"/>
          <p:cNvSpPr>
            <a:spLocks noChangeArrowheads="1"/>
          </p:cNvSpPr>
          <p:nvPr/>
        </p:nvSpPr>
        <p:spPr bwMode="gray">
          <a:xfrm>
            <a:off x="2712730" y="1786314"/>
            <a:ext cx="572627" cy="287759"/>
          </a:xfrm>
          <a:prstGeom prst="rect">
            <a:avLst/>
          </a:prstGeom>
          <a:solidFill>
            <a:srgbClr val="A5DAD0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45720" tIns="36575" rIns="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10000"/>
              </a:lnSpc>
              <a:spcBef>
                <a:spcPts val="600"/>
              </a:spcBef>
              <a:spcAft>
                <a:spcPts val="0"/>
              </a:spcAft>
              <a:buClr>
                <a:srgbClr val="67AD93"/>
              </a:buClr>
              <a:buSzPct val="92000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1042" name="Oval 1041"/>
          <p:cNvSpPr/>
          <p:nvPr/>
        </p:nvSpPr>
        <p:spPr>
          <a:xfrm>
            <a:off x="5317016" y="3364198"/>
            <a:ext cx="54824" cy="54824"/>
          </a:xfrm>
          <a:prstGeom prst="ellipse">
            <a:avLst/>
          </a:prstGeom>
          <a:solidFill>
            <a:srgbClr val="895B5D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pic>
        <p:nvPicPr>
          <p:cNvPr id="237576" name="Picture 8" descr="http://www.gaadicdn.com/blog/wp-content/uploads/2012/01/tata_logo.jpg"/>
          <p:cNvPicPr>
            <a:picLocks noChangeAspect="1" noChangeArrowheads="1"/>
          </p:cNvPicPr>
          <p:nvPr/>
        </p:nvPicPr>
        <p:blipFill>
          <a:blip r:embed="rId5" cstate="email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07759" y="3927430"/>
            <a:ext cx="265391" cy="252000"/>
          </a:xfrm>
          <a:prstGeom prst="rect">
            <a:avLst/>
          </a:prstGeom>
          <a:noFill/>
        </p:spPr>
      </p:pic>
      <p:pic>
        <p:nvPicPr>
          <p:cNvPr id="237572" name="Picture 4" descr="http://www.defaiya.com/defaiyaonline/images/stories/apr2010/mubadala_logo.jpg"/>
          <p:cNvPicPr>
            <a:picLocks noChangeAspect="1" noChangeArrowheads="1"/>
          </p:cNvPicPr>
          <p:nvPr/>
        </p:nvPicPr>
        <p:blipFill>
          <a:blip r:embed="rId6" cstate="email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501381" y="3920677"/>
            <a:ext cx="542925" cy="265507"/>
          </a:xfrm>
          <a:prstGeom prst="rect">
            <a:avLst/>
          </a:prstGeom>
          <a:noFill/>
        </p:spPr>
      </p:pic>
      <p:sp>
        <p:nvSpPr>
          <p:cNvPr id="364" name="Textfeld 14"/>
          <p:cNvSpPr txBox="1">
            <a:spLocks noChangeArrowheads="1"/>
          </p:cNvSpPr>
          <p:nvPr/>
        </p:nvSpPr>
        <p:spPr bwMode="auto">
          <a:xfrm>
            <a:off x="304478" y="523875"/>
            <a:ext cx="8451155" cy="100027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prstTxWarp prst="textNoShape">
              <a:avLst/>
            </a:prstTxWarp>
            <a:spAutoFit/>
          </a:bodyPr>
          <a:lstStyle/>
          <a:p>
            <a:pPr eaLnBrk="1" hangingPunct="1">
              <a:spcAft>
                <a:spcPts val="600"/>
              </a:spcAft>
            </a:pPr>
            <a:r>
              <a:rPr lang="en-US" sz="3600" dirty="0" smtClean="0">
                <a:solidFill>
                  <a:srgbClr val="895B5D"/>
                </a:solidFill>
                <a:ea typeface="Arial" pitchFamily="-84" charset="0"/>
                <a:cs typeface="Arial" pitchFamily="-84" charset="0"/>
              </a:rPr>
              <a:t>From Austria to the world</a:t>
            </a:r>
            <a:endParaRPr lang="en-US" sz="3600" dirty="0">
              <a:solidFill>
                <a:srgbClr val="895B5D"/>
              </a:solidFill>
              <a:ea typeface="Arial" pitchFamily="-84" charset="0"/>
              <a:cs typeface="Arial" pitchFamily="-84" charset="0"/>
            </a:endParaRPr>
          </a:p>
          <a:p>
            <a:pPr eaLnBrk="1" hangingPunct="1"/>
            <a:r>
              <a:rPr lang="en-US" sz="1800" dirty="0" smtClean="0">
                <a:solidFill>
                  <a:srgbClr val="7F8185"/>
                </a:solidFill>
                <a:ea typeface="ＭＳ Ｐゴシック" pitchFamily="34" charset="-128"/>
              </a:rPr>
              <a:t>Global engineering and production footprint to meet customers’ needs worldwide</a:t>
            </a:r>
            <a:endParaRPr lang="en-US" sz="1800" dirty="0">
              <a:solidFill>
                <a:srgbClr val="7F8185"/>
              </a:solidFill>
              <a:ea typeface="ＭＳ Ｐゴシック" pitchFamily="34" charset="-128"/>
            </a:endParaRPr>
          </a:p>
        </p:txBody>
      </p:sp>
      <p:sp>
        <p:nvSpPr>
          <p:cNvPr id="394" name="Rectangle 393"/>
          <p:cNvSpPr/>
          <p:nvPr/>
        </p:nvSpPr>
        <p:spPr>
          <a:xfrm>
            <a:off x="470091" y="3000492"/>
            <a:ext cx="189735" cy="69808"/>
          </a:xfrm>
          <a:prstGeom prst="rect">
            <a:avLst/>
          </a:prstGeom>
          <a:solidFill>
            <a:srgbClr val="985E5A"/>
          </a:solidFill>
          <a:ln>
            <a:solidFill>
              <a:srgbClr val="985E5A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tr-TR">
              <a:solidFill>
                <a:prstClr val="white"/>
              </a:solidFill>
            </a:endParaRPr>
          </a:p>
        </p:txBody>
      </p:sp>
      <p:sp>
        <p:nvSpPr>
          <p:cNvPr id="358" name="TextBox 357"/>
          <p:cNvSpPr txBox="1"/>
          <p:nvPr/>
        </p:nvSpPr>
        <p:spPr>
          <a:xfrm>
            <a:off x="615900" y="2662881"/>
            <a:ext cx="1111202" cy="184666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/>
            <a:r>
              <a:rPr lang="en-US" sz="600" dirty="0" smtClean="0">
                <a:solidFill>
                  <a:prstClr val="black"/>
                </a:solidFill>
                <a:ea typeface="ＭＳ Ｐゴシック" pitchFamily="34" charset="-128"/>
              </a:rPr>
              <a:t>Manufacturing/Engineering</a:t>
            </a:r>
            <a:endParaRPr lang="tr-TR" sz="600" dirty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sp>
        <p:nvSpPr>
          <p:cNvPr id="361" name="Rectangle 360"/>
          <p:cNvSpPr/>
          <p:nvPr/>
        </p:nvSpPr>
        <p:spPr>
          <a:xfrm>
            <a:off x="470091" y="2722698"/>
            <a:ext cx="189735" cy="69808"/>
          </a:xfrm>
          <a:prstGeom prst="rect">
            <a:avLst/>
          </a:prstGeom>
          <a:solidFill>
            <a:srgbClr val="67AD93"/>
          </a:solidFill>
          <a:ln>
            <a:solidFill>
              <a:srgbClr val="67AD93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tr-TR">
              <a:solidFill>
                <a:prstClr val="white"/>
              </a:solidFill>
            </a:endParaRPr>
          </a:p>
        </p:txBody>
      </p:sp>
      <p:sp>
        <p:nvSpPr>
          <p:cNvPr id="368" name="TextBox 367"/>
          <p:cNvSpPr txBox="1"/>
          <p:nvPr/>
        </p:nvSpPr>
        <p:spPr>
          <a:xfrm>
            <a:off x="4020334" y="1619057"/>
            <a:ext cx="1126800" cy="174625"/>
          </a:xfrm>
          <a:prstGeom prst="rect">
            <a:avLst/>
          </a:prstGeom>
          <a:solidFill>
            <a:srgbClr val="38818B">
              <a:alpha val="81961"/>
            </a:srgbClr>
          </a:solidFill>
          <a:ln>
            <a:solidFill>
              <a:srgbClr val="38818B"/>
            </a:solidFill>
          </a:ln>
        </p:spPr>
        <p:txBody>
          <a:bodyPr wrap="none" lIns="46800" rtlCol="0">
            <a:noAutofit/>
          </a:bodyPr>
          <a:lstStyle/>
          <a:p>
            <a:pPr eaLnBrk="1" hangingPunct="1"/>
            <a:r>
              <a:rPr lang="en-GB" sz="600" b="1" dirty="0" smtClean="0">
                <a:solidFill>
                  <a:prstClr val="white"/>
                </a:solidFill>
                <a:ea typeface="ＭＳ Ｐゴシック" pitchFamily="34" charset="-128"/>
              </a:rPr>
              <a:t>FACC Slovakia (Slovakia)</a:t>
            </a:r>
            <a:endParaRPr lang="en-GB" sz="600" b="1" dirty="0">
              <a:solidFill>
                <a:prstClr val="white"/>
              </a:solidFill>
              <a:ea typeface="ＭＳ Ｐゴシック" pitchFamily="34" charset="-128"/>
            </a:endParaRPr>
          </a:p>
        </p:txBody>
      </p:sp>
      <p:sp>
        <p:nvSpPr>
          <p:cNvPr id="371" name="Isosceles Triangle 370"/>
          <p:cNvSpPr/>
          <p:nvPr/>
        </p:nvSpPr>
        <p:spPr>
          <a:xfrm rot="10800000">
            <a:off x="4014416" y="2096251"/>
            <a:ext cx="1134000" cy="602914"/>
          </a:xfrm>
          <a:prstGeom prst="triangle">
            <a:avLst>
              <a:gd name="adj" fmla="val 66819"/>
            </a:avLst>
          </a:prstGeom>
          <a:solidFill>
            <a:srgbClr val="38818B">
              <a:alpha val="29000"/>
            </a:srgbClr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45720" tIns="36575" rIns="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10000"/>
              </a:lnSpc>
              <a:spcBef>
                <a:spcPts val="600"/>
              </a:spcBef>
              <a:spcAft>
                <a:spcPts val="0"/>
              </a:spcAft>
              <a:buClr>
                <a:srgbClr val="67AD93"/>
              </a:buClr>
              <a:buSzPct val="92000"/>
              <a:buFont typeface="Arial" pitchFamily="34" charset="0"/>
              <a:buChar char="•"/>
            </a:pPr>
            <a:endParaRPr lang="en-US" sz="500" dirty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pic>
        <p:nvPicPr>
          <p:cNvPr id="247810" name="Picture 2" descr="File:Avic Xi-an logo.gif"/>
          <p:cNvPicPr>
            <a:picLocks noChangeAspect="1" noChangeArrowheads="1"/>
          </p:cNvPicPr>
          <p:nvPr/>
        </p:nvPicPr>
        <p:blipFill>
          <a:blip r:embed="rId7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514163" y="2488372"/>
            <a:ext cx="988392" cy="133610"/>
          </a:xfrm>
          <a:prstGeom prst="rect">
            <a:avLst/>
          </a:prstGeom>
          <a:noFill/>
        </p:spPr>
      </p:pic>
      <p:sp>
        <p:nvSpPr>
          <p:cNvPr id="375" name="Rectangle 22"/>
          <p:cNvSpPr>
            <a:spLocks noChangeArrowheads="1"/>
          </p:cNvSpPr>
          <p:nvPr/>
        </p:nvSpPr>
        <p:spPr bwMode="gray">
          <a:xfrm>
            <a:off x="4020334" y="1792727"/>
            <a:ext cx="1126800" cy="299026"/>
          </a:xfrm>
          <a:prstGeom prst="rect">
            <a:avLst/>
          </a:prstGeom>
          <a:solidFill>
            <a:srgbClr val="38818B">
              <a:alpha val="29000"/>
            </a:srgbClr>
          </a:solidFill>
          <a:ln w="9525">
            <a:solidFill>
              <a:srgbClr val="38818B"/>
            </a:solidFill>
            <a:miter lim="800000"/>
            <a:headEnd/>
            <a:tailEnd/>
          </a:ln>
          <a:effectLst/>
        </p:spPr>
        <p:txBody>
          <a:bodyPr vert="horz" wrap="square" lIns="45720" tIns="36575" rIns="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10000"/>
              </a:lnSpc>
              <a:spcBef>
                <a:spcPts val="600"/>
              </a:spcBef>
              <a:spcAft>
                <a:spcPts val="0"/>
              </a:spcAft>
              <a:buClr>
                <a:srgbClr val="646464"/>
              </a:buClr>
              <a:buSzPct val="92000"/>
              <a:buFont typeface="Wingdings" pitchFamily="2" charset="2"/>
              <a:buChar char="§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367" name="TextBox 366"/>
          <p:cNvSpPr txBox="1"/>
          <p:nvPr/>
        </p:nvSpPr>
        <p:spPr>
          <a:xfrm>
            <a:off x="6445201" y="2236520"/>
            <a:ext cx="1126800" cy="174625"/>
          </a:xfrm>
          <a:prstGeom prst="rect">
            <a:avLst/>
          </a:prstGeom>
          <a:solidFill>
            <a:srgbClr val="985E5A">
              <a:alpha val="82000"/>
            </a:srgbClr>
          </a:solidFill>
          <a:ln>
            <a:solidFill>
              <a:srgbClr val="895B61"/>
            </a:solidFill>
          </a:ln>
        </p:spPr>
        <p:txBody>
          <a:bodyPr wrap="none" lIns="46800" rtlCol="0">
            <a:noAutofit/>
          </a:bodyPr>
          <a:lstStyle/>
          <a:p>
            <a:pPr eaLnBrk="1" hangingPunct="1"/>
            <a:r>
              <a:rPr lang="en-GB" sz="600" b="1" dirty="0" smtClean="0">
                <a:solidFill>
                  <a:prstClr val="white"/>
                </a:solidFill>
                <a:ea typeface="ＭＳ Ｐゴシック" pitchFamily="34" charset="-128"/>
              </a:rPr>
              <a:t>Fesher (China)</a:t>
            </a:r>
            <a:endParaRPr lang="en-GB" sz="600" b="1" dirty="0">
              <a:solidFill>
                <a:prstClr val="white"/>
              </a:solidFill>
              <a:ea typeface="ＭＳ Ｐゴシック" pitchFamily="34" charset="-128"/>
            </a:endParaRPr>
          </a:p>
        </p:txBody>
      </p:sp>
      <p:pic>
        <p:nvPicPr>
          <p:cNvPr id="382" name="Picture 2" descr="http://www.cmu.edu/career/employers/partners/Boeing_logo_blue.png"/>
          <p:cNvPicPr>
            <a:picLocks noChangeAspect="1" noChangeArrowheads="1"/>
          </p:cNvPicPr>
          <p:nvPr/>
        </p:nvPicPr>
        <p:blipFill>
          <a:blip r:embed="rId8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436071" y="2309620"/>
            <a:ext cx="396044" cy="128004"/>
          </a:xfrm>
          <a:prstGeom prst="rect">
            <a:avLst/>
          </a:prstGeom>
          <a:noFill/>
        </p:spPr>
      </p:pic>
      <p:sp>
        <p:nvSpPr>
          <p:cNvPr id="383" name="Rectangle 22"/>
          <p:cNvSpPr>
            <a:spLocks noChangeArrowheads="1"/>
          </p:cNvSpPr>
          <p:nvPr/>
        </p:nvSpPr>
        <p:spPr bwMode="gray">
          <a:xfrm>
            <a:off x="5239099" y="2281418"/>
            <a:ext cx="1126800" cy="166844"/>
          </a:xfrm>
          <a:prstGeom prst="rect">
            <a:avLst/>
          </a:prstGeom>
          <a:solidFill>
            <a:srgbClr val="B49795">
              <a:alpha val="34000"/>
            </a:srgbClr>
          </a:solidFill>
          <a:ln w="9525">
            <a:solidFill>
              <a:srgbClr val="895B61"/>
            </a:solidFill>
            <a:miter lim="800000"/>
            <a:headEnd/>
            <a:tailEnd/>
          </a:ln>
          <a:effectLst/>
        </p:spPr>
        <p:txBody>
          <a:bodyPr vert="horz" wrap="square" lIns="45720" tIns="36575" rIns="3600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05000"/>
              </a:lnSpc>
              <a:spcBef>
                <a:spcPts val="50"/>
              </a:spcBef>
              <a:spcAft>
                <a:spcPts val="0"/>
              </a:spcAft>
              <a:buClr>
                <a:srgbClr val="67AD93"/>
              </a:buClr>
              <a:buSzPct val="92000"/>
              <a:buFont typeface="Wingdings"/>
              <a:buChar char="n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369" name="TextBox 368"/>
          <p:cNvSpPr txBox="1"/>
          <p:nvPr/>
        </p:nvSpPr>
        <p:spPr>
          <a:xfrm>
            <a:off x="5240276" y="2110413"/>
            <a:ext cx="1126800" cy="174625"/>
          </a:xfrm>
          <a:prstGeom prst="rect">
            <a:avLst/>
          </a:prstGeom>
          <a:solidFill>
            <a:srgbClr val="985E5A">
              <a:alpha val="82000"/>
            </a:srgbClr>
          </a:solidFill>
          <a:ln>
            <a:solidFill>
              <a:srgbClr val="895B61"/>
            </a:solidFill>
          </a:ln>
        </p:spPr>
        <p:txBody>
          <a:bodyPr wrap="none" lIns="46800" rtlCol="0">
            <a:noAutofit/>
          </a:bodyPr>
          <a:lstStyle/>
          <a:p>
            <a:pPr eaLnBrk="1" hangingPunct="1"/>
            <a:r>
              <a:rPr lang="en-GB" sz="600" b="1" dirty="0" smtClean="0">
                <a:solidFill>
                  <a:prstClr val="white"/>
                </a:solidFill>
                <a:ea typeface="ＭＳ Ｐゴシック" pitchFamily="34" charset="-128"/>
              </a:rPr>
              <a:t>BTC (China)</a:t>
            </a:r>
            <a:endParaRPr lang="en-GB" sz="600" b="1" dirty="0">
              <a:solidFill>
                <a:prstClr val="white"/>
              </a:solidFill>
              <a:ea typeface="ＭＳ Ｐゴシック" pitchFamily="34" charset="-128"/>
            </a:endParaRPr>
          </a:p>
        </p:txBody>
      </p:sp>
      <p:pic>
        <p:nvPicPr>
          <p:cNvPr id="247812" name="Picture 4" descr="http://www.jx188.com/UserDocument/hbhyyt/Picture/20110814155256.jpg"/>
          <p:cNvPicPr>
            <a:picLocks noChangeAspect="1" noChangeArrowheads="1"/>
          </p:cNvPicPr>
          <p:nvPr/>
        </p:nvPicPr>
        <p:blipFill>
          <a:blip r:embed="rId9" cstate="email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021661" y="2315210"/>
            <a:ext cx="108012" cy="109734"/>
          </a:xfrm>
          <a:prstGeom prst="rect">
            <a:avLst/>
          </a:prstGeom>
          <a:noFill/>
        </p:spPr>
      </p:pic>
      <p:sp>
        <p:nvSpPr>
          <p:cNvPr id="385" name="Oval 384"/>
          <p:cNvSpPr/>
          <p:nvPr/>
        </p:nvSpPr>
        <p:spPr>
          <a:xfrm>
            <a:off x="5902255" y="3044928"/>
            <a:ext cx="54824" cy="54824"/>
          </a:xfrm>
          <a:prstGeom prst="ellipse">
            <a:avLst/>
          </a:prstGeom>
          <a:solidFill>
            <a:srgbClr val="64646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386" name="Oval 385"/>
          <p:cNvSpPr/>
          <p:nvPr/>
        </p:nvSpPr>
        <p:spPr>
          <a:xfrm>
            <a:off x="5318765" y="3303819"/>
            <a:ext cx="54824" cy="54824"/>
          </a:xfrm>
          <a:prstGeom prst="ellipse">
            <a:avLst/>
          </a:prstGeom>
          <a:solidFill>
            <a:srgbClr val="64646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sp>
        <p:nvSpPr>
          <p:cNvPr id="366" name="TextBox 365"/>
          <p:cNvSpPr txBox="1"/>
          <p:nvPr/>
        </p:nvSpPr>
        <p:spPr>
          <a:xfrm>
            <a:off x="3157143" y="2936080"/>
            <a:ext cx="1126800" cy="174625"/>
          </a:xfrm>
          <a:prstGeom prst="rect">
            <a:avLst/>
          </a:prstGeom>
          <a:solidFill>
            <a:srgbClr val="38818B">
              <a:alpha val="81961"/>
            </a:srgbClr>
          </a:solidFill>
          <a:ln>
            <a:solidFill>
              <a:srgbClr val="38818B"/>
            </a:solidFill>
          </a:ln>
        </p:spPr>
        <p:txBody>
          <a:bodyPr wrap="none" lIns="46800" rtlCol="0">
            <a:noAutofit/>
          </a:bodyPr>
          <a:lstStyle/>
          <a:p>
            <a:pPr eaLnBrk="1" hangingPunct="1"/>
            <a:r>
              <a:rPr lang="en-GB" sz="600" b="1" dirty="0" smtClean="0">
                <a:solidFill>
                  <a:prstClr val="white"/>
                </a:solidFill>
                <a:ea typeface="ＭＳ Ｐゴシック" pitchFamily="34" charset="-128"/>
              </a:rPr>
              <a:t>FACC Germany (Germany)</a:t>
            </a:r>
            <a:endParaRPr lang="en-GB" sz="600" b="1" dirty="0">
              <a:solidFill>
                <a:prstClr val="white"/>
              </a:solidFill>
              <a:ea typeface="ＭＳ Ｐゴシック" pitchFamily="34" charset="-128"/>
            </a:endParaRPr>
          </a:p>
        </p:txBody>
      </p:sp>
      <p:sp>
        <p:nvSpPr>
          <p:cNvPr id="370" name="Isosceles Triangle 369"/>
          <p:cNvSpPr/>
          <p:nvPr/>
        </p:nvSpPr>
        <p:spPr>
          <a:xfrm>
            <a:off x="3149943" y="2581639"/>
            <a:ext cx="1134000" cy="371650"/>
          </a:xfrm>
          <a:prstGeom prst="triangle">
            <a:avLst>
              <a:gd name="adj" fmla="val 100000"/>
            </a:avLst>
          </a:prstGeom>
          <a:solidFill>
            <a:srgbClr val="38818B">
              <a:alpha val="29000"/>
            </a:srgbClr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45720" tIns="36575" rIns="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10000"/>
              </a:lnSpc>
              <a:spcBef>
                <a:spcPts val="600"/>
              </a:spcBef>
              <a:spcAft>
                <a:spcPts val="0"/>
              </a:spcAft>
              <a:buClr>
                <a:srgbClr val="67AD93"/>
              </a:buClr>
              <a:buSzPct val="92000"/>
              <a:buFont typeface="Arial" pitchFamily="34" charset="0"/>
              <a:buChar char="•"/>
            </a:pPr>
            <a:endParaRPr lang="en-US" sz="500" dirty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373" name="Rectangle 22"/>
          <p:cNvSpPr>
            <a:spLocks noChangeArrowheads="1"/>
          </p:cNvSpPr>
          <p:nvPr/>
        </p:nvSpPr>
        <p:spPr bwMode="gray">
          <a:xfrm>
            <a:off x="3157143" y="3110705"/>
            <a:ext cx="1126800" cy="299026"/>
          </a:xfrm>
          <a:prstGeom prst="rect">
            <a:avLst/>
          </a:prstGeom>
          <a:solidFill>
            <a:srgbClr val="38818B">
              <a:alpha val="29000"/>
            </a:srgbClr>
          </a:solidFill>
          <a:ln w="9525">
            <a:solidFill>
              <a:srgbClr val="38818B"/>
            </a:solidFill>
            <a:miter lim="800000"/>
            <a:headEnd/>
            <a:tailEnd/>
          </a:ln>
          <a:effectLst/>
        </p:spPr>
        <p:txBody>
          <a:bodyPr vert="horz" wrap="square" lIns="45720" tIns="36575" rIns="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10000"/>
              </a:lnSpc>
              <a:spcBef>
                <a:spcPts val="600"/>
              </a:spcBef>
              <a:spcAft>
                <a:spcPts val="0"/>
              </a:spcAft>
              <a:buClr>
                <a:srgbClr val="646464"/>
              </a:buClr>
              <a:buSzPct val="92000"/>
              <a:buFont typeface="Wingdings" pitchFamily="2" charset="2"/>
              <a:buChar char="§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376" name="Oval 375"/>
          <p:cNvSpPr/>
          <p:nvPr/>
        </p:nvSpPr>
        <p:spPr>
          <a:xfrm>
            <a:off x="4257403" y="2555161"/>
            <a:ext cx="54824" cy="54824"/>
          </a:xfrm>
          <a:prstGeom prst="ellipse">
            <a:avLst/>
          </a:prstGeom>
          <a:solidFill>
            <a:srgbClr val="64646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GB" dirty="0">
              <a:solidFill>
                <a:prstClr val="white"/>
              </a:solidFill>
            </a:endParaRPr>
          </a:p>
        </p:txBody>
      </p:sp>
      <p:grpSp>
        <p:nvGrpSpPr>
          <p:cNvPr id="11" name="Group 392"/>
          <p:cNvGrpSpPr/>
          <p:nvPr/>
        </p:nvGrpSpPr>
        <p:grpSpPr>
          <a:xfrm>
            <a:off x="4453102" y="1825240"/>
            <a:ext cx="272415" cy="234000"/>
            <a:chOff x="6120172" y="404664"/>
            <a:chExt cx="272415" cy="234000"/>
          </a:xfrm>
        </p:grpSpPr>
        <p:grpSp>
          <p:nvGrpSpPr>
            <p:cNvPr id="12" name="Group 391"/>
            <p:cNvGrpSpPr/>
            <p:nvPr/>
          </p:nvGrpSpPr>
          <p:grpSpPr>
            <a:xfrm>
              <a:off x="6121244" y="424001"/>
              <a:ext cx="230400" cy="137317"/>
              <a:chOff x="6121244" y="424001"/>
              <a:chExt cx="230400" cy="137317"/>
            </a:xfrm>
          </p:grpSpPr>
          <p:sp>
            <p:nvSpPr>
              <p:cNvPr id="391" name="Rounded Rectangle 390"/>
              <p:cNvSpPr/>
              <p:nvPr/>
            </p:nvSpPr>
            <p:spPr>
              <a:xfrm>
                <a:off x="6156375" y="424001"/>
                <a:ext cx="141436" cy="79151"/>
              </a:xfrm>
              <a:prstGeom prst="roundRect">
                <a:avLst/>
              </a:prstGeom>
              <a:solidFill>
                <a:schemeClr val="bg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eaLnBrk="1" hangingPunct="1"/>
                <a:endParaRPr lang="en-US" dirty="0">
                  <a:solidFill>
                    <a:prstClr val="white"/>
                  </a:solidFill>
                </a:endParaRPr>
              </a:p>
            </p:txBody>
          </p:sp>
          <p:sp>
            <p:nvSpPr>
              <p:cNvPr id="390" name="Rounded Rectangle 389"/>
              <p:cNvSpPr/>
              <p:nvPr/>
            </p:nvSpPr>
            <p:spPr>
              <a:xfrm rot="18990916">
                <a:off x="6121244" y="515599"/>
                <a:ext cx="230400" cy="45719"/>
              </a:xfrm>
              <a:prstGeom prst="roundRect">
                <a:avLst/>
              </a:prstGeom>
              <a:solidFill>
                <a:schemeClr val="bg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eaLnBrk="1" hangingPunct="1"/>
                <a:endParaRPr lang="en-US" dirty="0">
                  <a:solidFill>
                    <a:prstClr val="white"/>
                  </a:solidFill>
                </a:endParaRPr>
              </a:p>
            </p:txBody>
          </p:sp>
        </p:grpSp>
        <p:pic>
          <p:nvPicPr>
            <p:cNvPr id="387" name="Picture 4" descr="http://www.petersengineeringsolutions.com/wp-content/uploads/2012/08/217x150_logo_facc.jpg"/>
            <p:cNvPicPr>
              <a:picLocks noChangeAspect="1" noChangeArrowheads="1"/>
            </p:cNvPicPr>
            <p:nvPr/>
          </p:nvPicPr>
          <p:blipFill>
            <a:blip r:embed="rId10" cstate="email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120172" y="404664"/>
              <a:ext cx="272415" cy="234000"/>
            </a:xfrm>
            <a:prstGeom prst="roundRect">
              <a:avLst/>
            </a:prstGeom>
            <a:noFill/>
          </p:spPr>
        </p:pic>
      </p:grpSp>
      <p:grpSp>
        <p:nvGrpSpPr>
          <p:cNvPr id="15" name="Group 413"/>
          <p:cNvGrpSpPr/>
          <p:nvPr/>
        </p:nvGrpSpPr>
        <p:grpSpPr>
          <a:xfrm>
            <a:off x="3584336" y="3143218"/>
            <a:ext cx="272415" cy="234000"/>
            <a:chOff x="6120172" y="404664"/>
            <a:chExt cx="272415" cy="234000"/>
          </a:xfrm>
        </p:grpSpPr>
        <p:grpSp>
          <p:nvGrpSpPr>
            <p:cNvPr id="16" name="Group 414"/>
            <p:cNvGrpSpPr/>
            <p:nvPr/>
          </p:nvGrpSpPr>
          <p:grpSpPr>
            <a:xfrm>
              <a:off x="6121244" y="424001"/>
              <a:ext cx="230400" cy="137317"/>
              <a:chOff x="6121244" y="424001"/>
              <a:chExt cx="230400" cy="137317"/>
            </a:xfrm>
          </p:grpSpPr>
          <p:sp>
            <p:nvSpPr>
              <p:cNvPr id="417" name="Rounded Rectangle 416"/>
              <p:cNvSpPr/>
              <p:nvPr/>
            </p:nvSpPr>
            <p:spPr>
              <a:xfrm>
                <a:off x="6156375" y="424001"/>
                <a:ext cx="141436" cy="79151"/>
              </a:xfrm>
              <a:prstGeom prst="roundRect">
                <a:avLst/>
              </a:prstGeom>
              <a:solidFill>
                <a:schemeClr val="bg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eaLnBrk="1" hangingPunct="1"/>
                <a:endParaRPr lang="en-US" dirty="0">
                  <a:solidFill>
                    <a:prstClr val="white"/>
                  </a:solidFill>
                </a:endParaRPr>
              </a:p>
            </p:txBody>
          </p:sp>
          <p:sp>
            <p:nvSpPr>
              <p:cNvPr id="418" name="Rounded Rectangle 417"/>
              <p:cNvSpPr/>
              <p:nvPr/>
            </p:nvSpPr>
            <p:spPr>
              <a:xfrm rot="18990916">
                <a:off x="6121244" y="515599"/>
                <a:ext cx="230400" cy="45719"/>
              </a:xfrm>
              <a:prstGeom prst="roundRect">
                <a:avLst/>
              </a:prstGeom>
              <a:solidFill>
                <a:schemeClr val="bg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eaLnBrk="1" hangingPunct="1"/>
                <a:endParaRPr lang="en-US" dirty="0">
                  <a:solidFill>
                    <a:prstClr val="white"/>
                  </a:solidFill>
                </a:endParaRPr>
              </a:p>
            </p:txBody>
          </p:sp>
        </p:grpSp>
        <p:pic>
          <p:nvPicPr>
            <p:cNvPr id="416" name="Picture 4" descr="http://www.petersengineeringsolutions.com/wp-content/uploads/2012/08/217x150_logo_facc.jpg"/>
            <p:cNvPicPr>
              <a:picLocks noChangeAspect="1" noChangeArrowheads="1"/>
            </p:cNvPicPr>
            <p:nvPr/>
          </p:nvPicPr>
          <p:blipFill>
            <a:blip r:embed="rId10" cstate="email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120172" y="404664"/>
              <a:ext cx="272415" cy="234000"/>
            </a:xfrm>
            <a:prstGeom prst="roundRect">
              <a:avLst/>
            </a:prstGeom>
            <a:noFill/>
          </p:spPr>
        </p:pic>
      </p:grpSp>
      <p:sp>
        <p:nvSpPr>
          <p:cNvPr id="395" name="Freeform 394"/>
          <p:cNvSpPr/>
          <p:nvPr/>
        </p:nvSpPr>
        <p:spPr>
          <a:xfrm rot="10800000">
            <a:off x="5373588" y="3073507"/>
            <a:ext cx="2268253" cy="489766"/>
          </a:xfrm>
          <a:custGeom>
            <a:avLst/>
            <a:gdLst>
              <a:gd name="connsiteX0" fmla="*/ 633413 w 928688"/>
              <a:gd name="connsiteY0" fmla="*/ 242887 h 242887"/>
              <a:gd name="connsiteX1" fmla="*/ 0 w 928688"/>
              <a:gd name="connsiteY1" fmla="*/ 0 h 242887"/>
              <a:gd name="connsiteX2" fmla="*/ 928688 w 928688"/>
              <a:gd name="connsiteY2" fmla="*/ 0 h 242887"/>
              <a:gd name="connsiteX3" fmla="*/ 633413 w 928688"/>
              <a:gd name="connsiteY3" fmla="*/ 242887 h 242887"/>
              <a:gd name="connsiteX0" fmla="*/ 655638 w 950913"/>
              <a:gd name="connsiteY0" fmla="*/ 246062 h 246062"/>
              <a:gd name="connsiteX1" fmla="*/ 0 w 950913"/>
              <a:gd name="connsiteY1" fmla="*/ 0 h 246062"/>
              <a:gd name="connsiteX2" fmla="*/ 950913 w 950913"/>
              <a:gd name="connsiteY2" fmla="*/ 3175 h 246062"/>
              <a:gd name="connsiteX3" fmla="*/ 655638 w 950913"/>
              <a:gd name="connsiteY3" fmla="*/ 246062 h 246062"/>
              <a:gd name="connsiteX0" fmla="*/ 655638 w 954088"/>
              <a:gd name="connsiteY0" fmla="*/ 255587 h 255587"/>
              <a:gd name="connsiteX1" fmla="*/ 0 w 954088"/>
              <a:gd name="connsiteY1" fmla="*/ 9525 h 255587"/>
              <a:gd name="connsiteX2" fmla="*/ 954088 w 954088"/>
              <a:gd name="connsiteY2" fmla="*/ 0 h 255587"/>
              <a:gd name="connsiteX3" fmla="*/ 655638 w 954088"/>
              <a:gd name="connsiteY3" fmla="*/ 255587 h 255587"/>
              <a:gd name="connsiteX0" fmla="*/ 655638 w 1201738"/>
              <a:gd name="connsiteY0" fmla="*/ 579437 h 579437"/>
              <a:gd name="connsiteX1" fmla="*/ 0 w 1201738"/>
              <a:gd name="connsiteY1" fmla="*/ 333375 h 579437"/>
              <a:gd name="connsiteX2" fmla="*/ 1201738 w 1201738"/>
              <a:gd name="connsiteY2" fmla="*/ 0 h 579437"/>
              <a:gd name="connsiteX3" fmla="*/ 655638 w 1201738"/>
              <a:gd name="connsiteY3" fmla="*/ 579437 h 579437"/>
              <a:gd name="connsiteX0" fmla="*/ 401638 w 947738"/>
              <a:gd name="connsiteY0" fmla="*/ 601662 h 601662"/>
              <a:gd name="connsiteX1" fmla="*/ 0 w 947738"/>
              <a:gd name="connsiteY1" fmla="*/ 0 h 601662"/>
              <a:gd name="connsiteX2" fmla="*/ 947738 w 947738"/>
              <a:gd name="connsiteY2" fmla="*/ 22225 h 601662"/>
              <a:gd name="connsiteX3" fmla="*/ 401638 w 947738"/>
              <a:gd name="connsiteY3" fmla="*/ 601662 h 601662"/>
              <a:gd name="connsiteX0" fmla="*/ 401638 w 944563"/>
              <a:gd name="connsiteY0" fmla="*/ 601662 h 601662"/>
              <a:gd name="connsiteX1" fmla="*/ 0 w 944563"/>
              <a:gd name="connsiteY1" fmla="*/ 0 h 601662"/>
              <a:gd name="connsiteX2" fmla="*/ 944563 w 944563"/>
              <a:gd name="connsiteY2" fmla="*/ 3175 h 601662"/>
              <a:gd name="connsiteX3" fmla="*/ 401638 w 944563"/>
              <a:gd name="connsiteY3" fmla="*/ 601662 h 601662"/>
              <a:gd name="connsiteX0" fmla="*/ 522288 w 944563"/>
              <a:gd name="connsiteY0" fmla="*/ 674687 h 674687"/>
              <a:gd name="connsiteX1" fmla="*/ 0 w 944563"/>
              <a:gd name="connsiteY1" fmla="*/ 0 h 674687"/>
              <a:gd name="connsiteX2" fmla="*/ 944563 w 944563"/>
              <a:gd name="connsiteY2" fmla="*/ 3175 h 674687"/>
              <a:gd name="connsiteX3" fmla="*/ 522288 w 944563"/>
              <a:gd name="connsiteY3" fmla="*/ 674687 h 674687"/>
              <a:gd name="connsiteX0" fmla="*/ 868363 w 1290638"/>
              <a:gd name="connsiteY0" fmla="*/ 671512 h 671512"/>
              <a:gd name="connsiteX1" fmla="*/ 0 w 1290638"/>
              <a:gd name="connsiteY1" fmla="*/ 3175 h 671512"/>
              <a:gd name="connsiteX2" fmla="*/ 1290638 w 1290638"/>
              <a:gd name="connsiteY2" fmla="*/ 0 h 671512"/>
              <a:gd name="connsiteX3" fmla="*/ 868363 w 1290638"/>
              <a:gd name="connsiteY3" fmla="*/ 671512 h 671512"/>
              <a:gd name="connsiteX0" fmla="*/ 868363 w 1020763"/>
              <a:gd name="connsiteY0" fmla="*/ 668337 h 668337"/>
              <a:gd name="connsiteX1" fmla="*/ 0 w 1020763"/>
              <a:gd name="connsiteY1" fmla="*/ 0 h 668337"/>
              <a:gd name="connsiteX2" fmla="*/ 1020763 w 1020763"/>
              <a:gd name="connsiteY2" fmla="*/ 3175 h 668337"/>
              <a:gd name="connsiteX3" fmla="*/ 868363 w 1020763"/>
              <a:gd name="connsiteY3" fmla="*/ 668337 h 668337"/>
              <a:gd name="connsiteX0" fmla="*/ 513557 w 1020763"/>
              <a:gd name="connsiteY0" fmla="*/ 365918 h 365918"/>
              <a:gd name="connsiteX1" fmla="*/ 0 w 1020763"/>
              <a:gd name="connsiteY1" fmla="*/ 0 h 365918"/>
              <a:gd name="connsiteX2" fmla="*/ 1020763 w 1020763"/>
              <a:gd name="connsiteY2" fmla="*/ 3175 h 365918"/>
              <a:gd name="connsiteX3" fmla="*/ 513557 w 1020763"/>
              <a:gd name="connsiteY3" fmla="*/ 365918 h 365918"/>
              <a:gd name="connsiteX0" fmla="*/ 1393929 w 1393929"/>
              <a:gd name="connsiteY0" fmla="*/ 111788 h 111788"/>
              <a:gd name="connsiteX1" fmla="*/ 0 w 1393929"/>
              <a:gd name="connsiteY1" fmla="*/ 0 h 111788"/>
              <a:gd name="connsiteX2" fmla="*/ 1020763 w 1393929"/>
              <a:gd name="connsiteY2" fmla="*/ 3175 h 111788"/>
              <a:gd name="connsiteX3" fmla="*/ 1393929 w 1393929"/>
              <a:gd name="connsiteY3" fmla="*/ 111788 h 111788"/>
              <a:gd name="connsiteX0" fmla="*/ 1393929 w 1393929"/>
              <a:gd name="connsiteY0" fmla="*/ 118138 h 118138"/>
              <a:gd name="connsiteX1" fmla="*/ 0 w 1393929"/>
              <a:gd name="connsiteY1" fmla="*/ 6350 h 118138"/>
              <a:gd name="connsiteX2" fmla="*/ 1001713 w 1393929"/>
              <a:gd name="connsiteY2" fmla="*/ 0 h 118138"/>
              <a:gd name="connsiteX3" fmla="*/ 1393929 w 1393929"/>
              <a:gd name="connsiteY3" fmla="*/ 118138 h 118138"/>
              <a:gd name="connsiteX0" fmla="*/ 1415360 w 1415360"/>
              <a:gd name="connsiteY0" fmla="*/ 118138 h 118138"/>
              <a:gd name="connsiteX1" fmla="*/ 0 w 1415360"/>
              <a:gd name="connsiteY1" fmla="*/ 1588 h 118138"/>
              <a:gd name="connsiteX2" fmla="*/ 1023144 w 1415360"/>
              <a:gd name="connsiteY2" fmla="*/ 0 h 118138"/>
              <a:gd name="connsiteX3" fmla="*/ 1415360 w 1415360"/>
              <a:gd name="connsiteY3" fmla="*/ 118138 h 118138"/>
              <a:gd name="connsiteX0" fmla="*/ 1434410 w 1434410"/>
              <a:gd name="connsiteY0" fmla="*/ 125282 h 125282"/>
              <a:gd name="connsiteX1" fmla="*/ 0 w 1434410"/>
              <a:gd name="connsiteY1" fmla="*/ 1588 h 125282"/>
              <a:gd name="connsiteX2" fmla="*/ 1023144 w 1434410"/>
              <a:gd name="connsiteY2" fmla="*/ 0 h 125282"/>
              <a:gd name="connsiteX3" fmla="*/ 1434410 w 1434410"/>
              <a:gd name="connsiteY3" fmla="*/ 125282 h 125282"/>
              <a:gd name="connsiteX0" fmla="*/ 1269310 w 1269310"/>
              <a:gd name="connsiteY0" fmla="*/ 969832 h 969832"/>
              <a:gd name="connsiteX1" fmla="*/ 0 w 1269310"/>
              <a:gd name="connsiteY1" fmla="*/ 1588 h 969832"/>
              <a:gd name="connsiteX2" fmla="*/ 1023144 w 1269310"/>
              <a:gd name="connsiteY2" fmla="*/ 0 h 969832"/>
              <a:gd name="connsiteX3" fmla="*/ 1269310 w 1269310"/>
              <a:gd name="connsiteY3" fmla="*/ 969832 h 969832"/>
              <a:gd name="connsiteX0" fmla="*/ 1291446 w 1291446"/>
              <a:gd name="connsiteY0" fmla="*/ 969832 h 969832"/>
              <a:gd name="connsiteX1" fmla="*/ 0 w 1291446"/>
              <a:gd name="connsiteY1" fmla="*/ 1588 h 969832"/>
              <a:gd name="connsiteX2" fmla="*/ 1045280 w 1291446"/>
              <a:gd name="connsiteY2" fmla="*/ 0 h 969832"/>
              <a:gd name="connsiteX3" fmla="*/ 1291446 w 1291446"/>
              <a:gd name="connsiteY3" fmla="*/ 969832 h 969832"/>
              <a:gd name="connsiteX0" fmla="*/ 1298087 w 1298087"/>
              <a:gd name="connsiteY0" fmla="*/ 973006 h 973006"/>
              <a:gd name="connsiteX1" fmla="*/ 0 w 1298087"/>
              <a:gd name="connsiteY1" fmla="*/ 0 h 973006"/>
              <a:gd name="connsiteX2" fmla="*/ 1051921 w 1298087"/>
              <a:gd name="connsiteY2" fmla="*/ 3174 h 973006"/>
              <a:gd name="connsiteX3" fmla="*/ 1298087 w 1298087"/>
              <a:gd name="connsiteY3" fmla="*/ 973006 h 973006"/>
              <a:gd name="connsiteX0" fmla="*/ 1568140 w 1568140"/>
              <a:gd name="connsiteY0" fmla="*/ 796794 h 796794"/>
              <a:gd name="connsiteX1" fmla="*/ 0 w 1568140"/>
              <a:gd name="connsiteY1" fmla="*/ 0 h 796794"/>
              <a:gd name="connsiteX2" fmla="*/ 1051921 w 1568140"/>
              <a:gd name="connsiteY2" fmla="*/ 3174 h 796794"/>
              <a:gd name="connsiteX3" fmla="*/ 1568140 w 1568140"/>
              <a:gd name="connsiteY3" fmla="*/ 796794 h 796794"/>
              <a:gd name="connsiteX0" fmla="*/ 1801301 w 1801301"/>
              <a:gd name="connsiteY0" fmla="*/ 295144 h 295144"/>
              <a:gd name="connsiteX1" fmla="*/ 0 w 1801301"/>
              <a:gd name="connsiteY1" fmla="*/ 0 h 295144"/>
              <a:gd name="connsiteX2" fmla="*/ 1051921 w 1801301"/>
              <a:gd name="connsiteY2" fmla="*/ 3174 h 295144"/>
              <a:gd name="connsiteX3" fmla="*/ 1801301 w 1801301"/>
              <a:gd name="connsiteY3" fmla="*/ 295144 h 295144"/>
              <a:gd name="connsiteX0" fmla="*/ 1831547 w 1831547"/>
              <a:gd name="connsiteY0" fmla="*/ 291970 h 291970"/>
              <a:gd name="connsiteX1" fmla="*/ 0 w 1831547"/>
              <a:gd name="connsiteY1" fmla="*/ 118467 h 291970"/>
              <a:gd name="connsiteX2" fmla="*/ 1082167 w 1831547"/>
              <a:gd name="connsiteY2" fmla="*/ 0 h 291970"/>
              <a:gd name="connsiteX3" fmla="*/ 1831547 w 1831547"/>
              <a:gd name="connsiteY3" fmla="*/ 291970 h 291970"/>
              <a:gd name="connsiteX0" fmla="*/ 1816004 w 1816004"/>
              <a:gd name="connsiteY0" fmla="*/ 291970 h 291970"/>
              <a:gd name="connsiteX1" fmla="*/ 0 w 1816004"/>
              <a:gd name="connsiteY1" fmla="*/ 118467 h 291970"/>
              <a:gd name="connsiteX2" fmla="*/ 1066624 w 1816004"/>
              <a:gd name="connsiteY2" fmla="*/ 0 h 291970"/>
              <a:gd name="connsiteX3" fmla="*/ 1816004 w 1816004"/>
              <a:gd name="connsiteY3" fmla="*/ 291970 h 291970"/>
              <a:gd name="connsiteX0" fmla="*/ 1816004 w 1816004"/>
              <a:gd name="connsiteY0" fmla="*/ 345808 h 345808"/>
              <a:gd name="connsiteX1" fmla="*/ 0 w 1816004"/>
              <a:gd name="connsiteY1" fmla="*/ 172305 h 345808"/>
              <a:gd name="connsiteX2" fmla="*/ 1055615 w 1816004"/>
              <a:gd name="connsiteY2" fmla="*/ 0 h 345808"/>
              <a:gd name="connsiteX3" fmla="*/ 1816004 w 1816004"/>
              <a:gd name="connsiteY3" fmla="*/ 345808 h 345808"/>
              <a:gd name="connsiteX0" fmla="*/ 1816004 w 1816004"/>
              <a:gd name="connsiteY0" fmla="*/ 345808 h 345808"/>
              <a:gd name="connsiteX1" fmla="*/ 0 w 1816004"/>
              <a:gd name="connsiteY1" fmla="*/ 172305 h 345808"/>
              <a:gd name="connsiteX2" fmla="*/ 1047446 w 1816004"/>
              <a:gd name="connsiteY2" fmla="*/ 172305 h 345808"/>
              <a:gd name="connsiteX3" fmla="*/ 1055615 w 1816004"/>
              <a:gd name="connsiteY3" fmla="*/ 0 h 345808"/>
              <a:gd name="connsiteX4" fmla="*/ 1816004 w 1816004"/>
              <a:gd name="connsiteY4" fmla="*/ 345808 h 345808"/>
              <a:gd name="connsiteX0" fmla="*/ 1816004 w 1816004"/>
              <a:gd name="connsiteY0" fmla="*/ 348128 h 348128"/>
              <a:gd name="connsiteX1" fmla="*/ 0 w 1816004"/>
              <a:gd name="connsiteY1" fmla="*/ 174625 h 348128"/>
              <a:gd name="connsiteX2" fmla="*/ 1047446 w 1816004"/>
              <a:gd name="connsiteY2" fmla="*/ 174625 h 348128"/>
              <a:gd name="connsiteX3" fmla="*/ 1047446 w 1816004"/>
              <a:gd name="connsiteY3" fmla="*/ 0 h 348128"/>
              <a:gd name="connsiteX4" fmla="*/ 1816004 w 1816004"/>
              <a:gd name="connsiteY4" fmla="*/ 348128 h 348128"/>
              <a:gd name="connsiteX0" fmla="*/ 1790061 w 1790061"/>
              <a:gd name="connsiteY0" fmla="*/ 214823 h 214823"/>
              <a:gd name="connsiteX1" fmla="*/ 0 w 1790061"/>
              <a:gd name="connsiteY1" fmla="*/ 174625 h 214823"/>
              <a:gd name="connsiteX2" fmla="*/ 1047446 w 1790061"/>
              <a:gd name="connsiteY2" fmla="*/ 174625 h 214823"/>
              <a:gd name="connsiteX3" fmla="*/ 1047446 w 1790061"/>
              <a:gd name="connsiteY3" fmla="*/ 0 h 214823"/>
              <a:gd name="connsiteX4" fmla="*/ 1790061 w 1790061"/>
              <a:gd name="connsiteY4" fmla="*/ 214823 h 214823"/>
              <a:gd name="connsiteX0" fmla="*/ 1790061 w 1790061"/>
              <a:gd name="connsiteY0" fmla="*/ 214823 h 342139"/>
              <a:gd name="connsiteX1" fmla="*/ 0 w 1790061"/>
              <a:gd name="connsiteY1" fmla="*/ 174625 h 342139"/>
              <a:gd name="connsiteX2" fmla="*/ 1047446 w 1790061"/>
              <a:gd name="connsiteY2" fmla="*/ 174625 h 342139"/>
              <a:gd name="connsiteX3" fmla="*/ 1047446 w 1790061"/>
              <a:gd name="connsiteY3" fmla="*/ 0 h 342139"/>
              <a:gd name="connsiteX4" fmla="*/ 1790061 w 1790061"/>
              <a:gd name="connsiteY4" fmla="*/ 214823 h 342139"/>
              <a:gd name="connsiteX0" fmla="*/ 1634404 w 1634404"/>
              <a:gd name="connsiteY0" fmla="*/ 214823 h 361527"/>
              <a:gd name="connsiteX1" fmla="*/ 0 w 1634404"/>
              <a:gd name="connsiteY1" fmla="*/ 348128 h 361527"/>
              <a:gd name="connsiteX2" fmla="*/ 891789 w 1634404"/>
              <a:gd name="connsiteY2" fmla="*/ 174625 h 361527"/>
              <a:gd name="connsiteX3" fmla="*/ 891789 w 1634404"/>
              <a:gd name="connsiteY3" fmla="*/ 0 h 361527"/>
              <a:gd name="connsiteX4" fmla="*/ 1634404 w 1634404"/>
              <a:gd name="connsiteY4" fmla="*/ 214823 h 361527"/>
              <a:gd name="connsiteX0" fmla="*/ 1634404 w 1634404"/>
              <a:gd name="connsiteY0" fmla="*/ 214823 h 361527"/>
              <a:gd name="connsiteX1" fmla="*/ 0 w 1634404"/>
              <a:gd name="connsiteY1" fmla="*/ 348128 h 361527"/>
              <a:gd name="connsiteX2" fmla="*/ 804230 w 1634404"/>
              <a:gd name="connsiteY2" fmla="*/ 170388 h 361527"/>
              <a:gd name="connsiteX3" fmla="*/ 891789 w 1634404"/>
              <a:gd name="connsiteY3" fmla="*/ 0 h 361527"/>
              <a:gd name="connsiteX4" fmla="*/ 1634404 w 1634404"/>
              <a:gd name="connsiteY4" fmla="*/ 214823 h 361527"/>
              <a:gd name="connsiteX0" fmla="*/ 1634404 w 1634404"/>
              <a:gd name="connsiteY0" fmla="*/ 155522 h 302226"/>
              <a:gd name="connsiteX1" fmla="*/ 0 w 1634404"/>
              <a:gd name="connsiteY1" fmla="*/ 288827 h 302226"/>
              <a:gd name="connsiteX2" fmla="*/ 804230 w 1634404"/>
              <a:gd name="connsiteY2" fmla="*/ 111087 h 302226"/>
              <a:gd name="connsiteX3" fmla="*/ 804230 w 1634404"/>
              <a:gd name="connsiteY3" fmla="*/ 0 h 302226"/>
              <a:gd name="connsiteX4" fmla="*/ 1634404 w 1634404"/>
              <a:gd name="connsiteY4" fmla="*/ 155522 h 302226"/>
              <a:gd name="connsiteX0" fmla="*/ 1634404 w 1634404"/>
              <a:gd name="connsiteY0" fmla="*/ 155522 h 302226"/>
              <a:gd name="connsiteX1" fmla="*/ 0 w 1634404"/>
              <a:gd name="connsiteY1" fmla="*/ 288827 h 302226"/>
              <a:gd name="connsiteX2" fmla="*/ 797367 w 1634404"/>
              <a:gd name="connsiteY2" fmla="*/ 187497 h 302226"/>
              <a:gd name="connsiteX3" fmla="*/ 804230 w 1634404"/>
              <a:gd name="connsiteY3" fmla="*/ 0 h 302226"/>
              <a:gd name="connsiteX4" fmla="*/ 1634404 w 1634404"/>
              <a:gd name="connsiteY4" fmla="*/ 155522 h 30222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634404" h="302226">
                <a:moveTo>
                  <a:pt x="1634404" y="155522"/>
                </a:moveTo>
                <a:cubicBezTo>
                  <a:pt x="781421" y="282838"/>
                  <a:pt x="596687" y="302226"/>
                  <a:pt x="0" y="288827"/>
                </a:cubicBezTo>
                <a:lnTo>
                  <a:pt x="797367" y="187497"/>
                </a:lnTo>
                <a:lnTo>
                  <a:pt x="804230" y="0"/>
                </a:lnTo>
                <a:lnTo>
                  <a:pt x="1634404" y="155522"/>
                </a:lnTo>
                <a:close/>
              </a:path>
            </a:pathLst>
          </a:custGeom>
          <a:solidFill>
            <a:srgbClr val="38818B">
              <a:alpha val="29000"/>
            </a:srgbClr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45720" tIns="36575" rIns="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10000"/>
              </a:lnSpc>
              <a:spcBef>
                <a:spcPts val="600"/>
              </a:spcBef>
              <a:spcAft>
                <a:spcPts val="0"/>
              </a:spcAft>
              <a:buClr>
                <a:srgbClr val="67AD93"/>
              </a:buClr>
              <a:buSzPct val="92000"/>
              <a:buFont typeface="Arial" pitchFamily="34" charset="0"/>
              <a:buChar char="•"/>
            </a:pPr>
            <a:endParaRPr lang="en-GB" sz="500" dirty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388" name="Rectangle 22"/>
          <p:cNvSpPr>
            <a:spLocks noChangeArrowheads="1"/>
          </p:cNvSpPr>
          <p:nvPr/>
        </p:nvSpPr>
        <p:spPr bwMode="gray">
          <a:xfrm>
            <a:off x="6521293" y="3281526"/>
            <a:ext cx="1126800" cy="288000"/>
          </a:xfrm>
          <a:prstGeom prst="rect">
            <a:avLst/>
          </a:prstGeom>
          <a:solidFill>
            <a:srgbClr val="38818B">
              <a:alpha val="29000"/>
            </a:srgbClr>
          </a:solidFill>
          <a:ln w="9525">
            <a:solidFill>
              <a:srgbClr val="38818B"/>
            </a:solidFill>
            <a:miter lim="800000"/>
            <a:headEnd/>
            <a:tailEnd/>
          </a:ln>
          <a:effectLst/>
        </p:spPr>
        <p:txBody>
          <a:bodyPr vert="horz" wrap="square" lIns="45720" tIns="36575" rIns="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10000"/>
              </a:lnSpc>
              <a:spcBef>
                <a:spcPts val="600"/>
              </a:spcBef>
              <a:spcAft>
                <a:spcPts val="0"/>
              </a:spcAft>
              <a:buClr>
                <a:srgbClr val="646464"/>
              </a:buClr>
              <a:buSzPct val="92000"/>
              <a:buFont typeface="Wingdings" pitchFamily="2" charset="2"/>
              <a:buChar char="§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sp>
        <p:nvSpPr>
          <p:cNvPr id="409" name="TextBox 408"/>
          <p:cNvSpPr txBox="1"/>
          <p:nvPr/>
        </p:nvSpPr>
        <p:spPr>
          <a:xfrm>
            <a:off x="6521293" y="3114271"/>
            <a:ext cx="1126800" cy="174625"/>
          </a:xfrm>
          <a:prstGeom prst="rect">
            <a:avLst/>
          </a:prstGeom>
          <a:solidFill>
            <a:srgbClr val="38818B">
              <a:alpha val="81961"/>
            </a:srgbClr>
          </a:solidFill>
          <a:ln>
            <a:solidFill>
              <a:srgbClr val="38818B"/>
            </a:solidFill>
          </a:ln>
        </p:spPr>
        <p:txBody>
          <a:bodyPr wrap="none" lIns="46800" rtlCol="0">
            <a:noAutofit/>
          </a:bodyPr>
          <a:lstStyle/>
          <a:p>
            <a:pPr eaLnBrk="1" hangingPunct="1"/>
            <a:r>
              <a:rPr lang="en-GB" sz="600" b="1" smtClean="0">
                <a:solidFill>
                  <a:prstClr val="white"/>
                </a:solidFill>
                <a:ea typeface="ＭＳ Ｐゴシック" pitchFamily="34" charset="-128"/>
              </a:rPr>
              <a:t>FACC India (India)</a:t>
            </a:r>
            <a:endParaRPr lang="en-GB" sz="600" b="1" dirty="0">
              <a:solidFill>
                <a:prstClr val="white"/>
              </a:solidFill>
              <a:ea typeface="ＭＳ Ｐゴシック" pitchFamily="34" charset="-128"/>
            </a:endParaRPr>
          </a:p>
        </p:txBody>
      </p:sp>
      <p:grpSp>
        <p:nvGrpSpPr>
          <p:cNvPr id="17" name="Group 409"/>
          <p:cNvGrpSpPr/>
          <p:nvPr/>
        </p:nvGrpSpPr>
        <p:grpSpPr>
          <a:xfrm>
            <a:off x="6948486" y="3330295"/>
            <a:ext cx="272415" cy="234000"/>
            <a:chOff x="6120172" y="404664"/>
            <a:chExt cx="272415" cy="234000"/>
          </a:xfrm>
        </p:grpSpPr>
        <p:grpSp>
          <p:nvGrpSpPr>
            <p:cNvPr id="18" name="Group 410"/>
            <p:cNvGrpSpPr/>
            <p:nvPr/>
          </p:nvGrpSpPr>
          <p:grpSpPr>
            <a:xfrm>
              <a:off x="6121244" y="424001"/>
              <a:ext cx="230400" cy="137317"/>
              <a:chOff x="6121244" y="424001"/>
              <a:chExt cx="230400" cy="137317"/>
            </a:xfrm>
          </p:grpSpPr>
          <p:sp>
            <p:nvSpPr>
              <p:cNvPr id="413" name="Rounded Rectangle 412"/>
              <p:cNvSpPr/>
              <p:nvPr/>
            </p:nvSpPr>
            <p:spPr>
              <a:xfrm>
                <a:off x="6156375" y="424001"/>
                <a:ext cx="141436" cy="79151"/>
              </a:xfrm>
              <a:prstGeom prst="roundRect">
                <a:avLst/>
              </a:prstGeom>
              <a:solidFill>
                <a:schemeClr val="bg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eaLnBrk="1" hangingPunct="1"/>
                <a:endParaRPr lang="en-US" dirty="0">
                  <a:solidFill>
                    <a:prstClr val="white"/>
                  </a:solidFill>
                </a:endParaRPr>
              </a:p>
            </p:txBody>
          </p:sp>
          <p:sp>
            <p:nvSpPr>
              <p:cNvPr id="419" name="Rounded Rectangle 418"/>
              <p:cNvSpPr/>
              <p:nvPr/>
            </p:nvSpPr>
            <p:spPr>
              <a:xfrm rot="18990916">
                <a:off x="6121244" y="515599"/>
                <a:ext cx="230400" cy="45719"/>
              </a:xfrm>
              <a:prstGeom prst="roundRect">
                <a:avLst/>
              </a:prstGeom>
              <a:solidFill>
                <a:schemeClr val="bg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eaLnBrk="1" hangingPunct="1"/>
                <a:endParaRPr lang="en-US" dirty="0">
                  <a:solidFill>
                    <a:prstClr val="white"/>
                  </a:solidFill>
                </a:endParaRPr>
              </a:p>
            </p:txBody>
          </p:sp>
        </p:grpSp>
        <p:pic>
          <p:nvPicPr>
            <p:cNvPr id="412" name="Picture 4" descr="http://www.petersengineeringsolutions.com/wp-content/uploads/2012/08/217x150_logo_facc.jpg"/>
            <p:cNvPicPr>
              <a:picLocks noChangeAspect="1" noChangeArrowheads="1"/>
            </p:cNvPicPr>
            <p:nvPr/>
          </p:nvPicPr>
          <p:blipFill>
            <a:blip r:embed="rId10" cstate="email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120172" y="404664"/>
              <a:ext cx="272415" cy="234000"/>
            </a:xfrm>
            <a:prstGeom prst="roundRect">
              <a:avLst/>
            </a:prstGeom>
            <a:noFill/>
          </p:spPr>
        </p:pic>
      </p:grpSp>
      <p:sp>
        <p:nvSpPr>
          <p:cNvPr id="392" name="Rectangle 22"/>
          <p:cNvSpPr>
            <a:spLocks noChangeArrowheads="1"/>
          </p:cNvSpPr>
          <p:nvPr/>
        </p:nvSpPr>
        <p:spPr bwMode="gray">
          <a:xfrm>
            <a:off x="3285357" y="1808602"/>
            <a:ext cx="550736" cy="252028"/>
          </a:xfrm>
          <a:prstGeom prst="rect">
            <a:avLst/>
          </a:prstGeom>
          <a:solidFill>
            <a:srgbClr val="38818B">
              <a:alpha val="29000"/>
            </a:srgbClr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45720" tIns="36575" rIns="0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09538" lvl="1" indent="-107950" defTabSz="1019175" eaLnBrk="1" hangingPunct="1">
              <a:lnSpc>
                <a:spcPct val="110000"/>
              </a:lnSpc>
              <a:spcBef>
                <a:spcPts val="600"/>
              </a:spcBef>
              <a:spcAft>
                <a:spcPts val="0"/>
              </a:spcAft>
              <a:buClr>
                <a:srgbClr val="646464"/>
              </a:buClr>
              <a:buSzPct val="92000"/>
              <a:buFont typeface="Wingdings" pitchFamily="2" charset="2"/>
              <a:buChar char="§"/>
            </a:pPr>
            <a:endParaRPr lang="az-Cyrl-AZ" sz="500" dirty="0" smtClean="0">
              <a:solidFill>
                <a:srgbClr val="000000"/>
              </a:solidFill>
              <a:latin typeface="Arial"/>
              <a:ea typeface="ＭＳ Ｐゴシック" pitchFamily="34" charset="-128"/>
            </a:endParaRPr>
          </a:p>
        </p:txBody>
      </p:sp>
      <p:grpSp>
        <p:nvGrpSpPr>
          <p:cNvPr id="13" name="Group 395"/>
          <p:cNvGrpSpPr/>
          <p:nvPr/>
        </p:nvGrpSpPr>
        <p:grpSpPr>
          <a:xfrm>
            <a:off x="3177345" y="1825240"/>
            <a:ext cx="272415" cy="234000"/>
            <a:chOff x="6120172" y="404664"/>
            <a:chExt cx="272415" cy="234000"/>
          </a:xfrm>
        </p:grpSpPr>
        <p:grpSp>
          <p:nvGrpSpPr>
            <p:cNvPr id="14" name="Group 396"/>
            <p:cNvGrpSpPr/>
            <p:nvPr/>
          </p:nvGrpSpPr>
          <p:grpSpPr>
            <a:xfrm>
              <a:off x="6121244" y="424001"/>
              <a:ext cx="230400" cy="137317"/>
              <a:chOff x="6121244" y="424001"/>
              <a:chExt cx="230400" cy="137317"/>
            </a:xfrm>
          </p:grpSpPr>
          <p:sp>
            <p:nvSpPr>
              <p:cNvPr id="399" name="Rounded Rectangle 398"/>
              <p:cNvSpPr/>
              <p:nvPr/>
            </p:nvSpPr>
            <p:spPr>
              <a:xfrm>
                <a:off x="6156375" y="424001"/>
                <a:ext cx="141436" cy="79151"/>
              </a:xfrm>
              <a:prstGeom prst="roundRect">
                <a:avLst/>
              </a:prstGeom>
              <a:solidFill>
                <a:schemeClr val="bg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eaLnBrk="1" hangingPunct="1"/>
                <a:endParaRPr lang="en-US" dirty="0">
                  <a:solidFill>
                    <a:prstClr val="white"/>
                  </a:solidFill>
                </a:endParaRPr>
              </a:p>
            </p:txBody>
          </p:sp>
          <p:sp>
            <p:nvSpPr>
              <p:cNvPr id="401" name="Rounded Rectangle 400"/>
              <p:cNvSpPr/>
              <p:nvPr/>
            </p:nvSpPr>
            <p:spPr>
              <a:xfrm rot="18990916">
                <a:off x="6121244" y="515599"/>
                <a:ext cx="230400" cy="45719"/>
              </a:xfrm>
              <a:prstGeom prst="roundRect">
                <a:avLst/>
              </a:prstGeom>
              <a:solidFill>
                <a:schemeClr val="bg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eaLnBrk="1" hangingPunct="1"/>
                <a:endParaRPr lang="en-US" dirty="0">
                  <a:solidFill>
                    <a:prstClr val="white"/>
                  </a:solidFill>
                </a:endParaRPr>
              </a:p>
            </p:txBody>
          </p:sp>
        </p:grpSp>
        <p:pic>
          <p:nvPicPr>
            <p:cNvPr id="398" name="Picture 4" descr="http://www.petersengineeringsolutions.com/wp-content/uploads/2012/08/217x150_logo_facc.jpg"/>
            <p:cNvPicPr>
              <a:picLocks noChangeAspect="1" noChangeArrowheads="1"/>
            </p:cNvPicPr>
            <p:nvPr/>
          </p:nvPicPr>
          <p:blipFill>
            <a:blip r:embed="rId10" cstate="email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120172" y="404664"/>
              <a:ext cx="272415" cy="234000"/>
            </a:xfrm>
            <a:prstGeom prst="roundRect">
              <a:avLst/>
            </a:prstGeom>
            <a:noFill/>
          </p:spPr>
        </p:pic>
      </p:grpSp>
      <p:sp>
        <p:nvSpPr>
          <p:cNvPr id="1051" name="TextBox 1050"/>
          <p:cNvSpPr txBox="1"/>
          <p:nvPr/>
        </p:nvSpPr>
        <p:spPr>
          <a:xfrm>
            <a:off x="2712717" y="1638107"/>
            <a:ext cx="1126813" cy="174625"/>
          </a:xfrm>
          <a:prstGeom prst="rect">
            <a:avLst/>
          </a:prstGeom>
          <a:solidFill>
            <a:srgbClr val="67AD93">
              <a:alpha val="81961"/>
            </a:srgbClr>
          </a:solidFill>
          <a:ln>
            <a:solidFill>
              <a:srgbClr val="895B61"/>
            </a:solidFill>
          </a:ln>
        </p:spPr>
        <p:txBody>
          <a:bodyPr wrap="none" lIns="46800" rtlCol="0">
            <a:noAutofit/>
          </a:bodyPr>
          <a:lstStyle/>
          <a:p>
            <a:pPr eaLnBrk="1" hangingPunct="1"/>
            <a:r>
              <a:rPr lang="en-GB" sz="600" b="1" dirty="0" smtClean="0">
                <a:solidFill>
                  <a:prstClr val="white"/>
                </a:solidFill>
                <a:ea typeface="ＭＳ Ｐゴシック" pitchFamily="34" charset="-128"/>
              </a:rPr>
              <a:t>FACC AG (Austria)</a:t>
            </a:r>
            <a:endParaRPr lang="en-GB" sz="600" b="1" dirty="0">
              <a:solidFill>
                <a:prstClr val="white"/>
              </a:solidFill>
              <a:ea typeface="ＭＳ Ｐゴシック" pitchFamily="34" charset="-128"/>
            </a:endParaRPr>
          </a:p>
        </p:txBody>
      </p:sp>
      <p:sp>
        <p:nvSpPr>
          <p:cNvPr id="1056" name="Rectangle 1055"/>
          <p:cNvSpPr/>
          <p:nvPr/>
        </p:nvSpPr>
        <p:spPr>
          <a:xfrm>
            <a:off x="2711401" y="1627683"/>
            <a:ext cx="1128129" cy="435134"/>
          </a:xfrm>
          <a:prstGeom prst="rect">
            <a:avLst/>
          </a:prstGeom>
          <a:noFill/>
          <a:ln w="19050">
            <a:solidFill>
              <a:srgbClr val="990000"/>
            </a:solidFill>
            <a:prstDash val="solid"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endParaRPr lang="en-US" dirty="0">
              <a:solidFill>
                <a:prstClr val="white"/>
              </a:solidFill>
            </a:endParaRPr>
          </a:p>
        </p:txBody>
      </p:sp>
      <p:pic>
        <p:nvPicPr>
          <p:cNvPr id="396" name="Picture 2" descr="C:\Users\d506922\Desktop\L_Bombardier_Evolution_En_K_sRGB.jpg"/>
          <p:cNvPicPr>
            <a:picLocks noChangeAspect="1" noChangeArrowheads="1"/>
          </p:cNvPicPr>
          <p:nvPr/>
        </p:nvPicPr>
        <p:blipFill>
          <a:blip r:embed="rId11" cstate="email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458985" y="1847726"/>
            <a:ext cx="954534" cy="180000"/>
          </a:xfrm>
          <a:prstGeom prst="rect">
            <a:avLst/>
          </a:prstGeom>
          <a:noFill/>
        </p:spPr>
      </p:pic>
      <p:pic>
        <p:nvPicPr>
          <p:cNvPr id="20" name="Grafik 19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80069" y="4902795"/>
            <a:ext cx="2770594" cy="1849071"/>
          </a:xfrm>
          <a:prstGeom prst="rect">
            <a:avLst/>
          </a:prstGeom>
        </p:spPr>
      </p:pic>
      <p:pic>
        <p:nvPicPr>
          <p:cNvPr id="380" name="Grafik 1"/>
          <p:cNvPicPr>
            <a:picLocks noChangeAspect="1"/>
          </p:cNvPicPr>
          <p:nvPr/>
        </p:nvPicPr>
        <p:blipFill>
          <a:blip r:embed="rId1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044808" y="4890968"/>
            <a:ext cx="2772389" cy="1850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81" name="Grafik 2"/>
          <p:cNvPicPr>
            <a:picLocks noChangeAspect="1"/>
          </p:cNvPicPr>
          <p:nvPr/>
        </p:nvPicPr>
        <p:blipFill>
          <a:blip r:embed="rId1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23528" y="4890968"/>
            <a:ext cx="2750935" cy="186089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82216799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Bild 8" descr="Balken Headline.jpg"/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28079" y="1396999"/>
            <a:ext cx="8270876" cy="50196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platzhalter 4"/>
          <p:cNvSpPr>
            <a:spLocks noGrp="1"/>
          </p:cNvSpPr>
          <p:nvPr>
            <p:ph type="body" sz="quarter" idx="10"/>
          </p:nvPr>
        </p:nvSpPr>
        <p:spPr bwMode="auto">
          <a:xfrm>
            <a:off x="688975" y="1439303"/>
            <a:ext cx="7855418" cy="4310622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lv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FACC Company Overview</a:t>
            </a:r>
            <a:endParaRPr lang="en-US" dirty="0" smtClean="0">
              <a:solidFill>
                <a:schemeClr val="bg1"/>
              </a:solidFill>
            </a:endParaRPr>
          </a:p>
          <a:p>
            <a:pPr mar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The Aerospace Market</a:t>
            </a:r>
          </a:p>
          <a:p>
            <a:pPr mar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Business Development &amp; Strategy</a:t>
            </a:r>
          </a:p>
          <a:p>
            <a:pPr marL="0" indent="0">
              <a:lnSpc>
                <a:spcPct val="150000"/>
              </a:lnSpc>
              <a:buNone/>
              <a:tabLst>
                <a:tab pos="6572250" algn="l"/>
              </a:tabLst>
            </a:pPr>
            <a:r>
              <a:rPr lang="en-GB" dirty="0" smtClean="0">
                <a:solidFill>
                  <a:schemeClr val="bg1"/>
                </a:solidFill>
                <a:sym typeface="Wingdings"/>
              </a:rPr>
              <a:t>Financials &amp; Outlook</a:t>
            </a:r>
          </a:p>
        </p:txBody>
      </p:sp>
      <p:sp>
        <p:nvSpPr>
          <p:cNvPr id="2" name="Oval 1"/>
          <p:cNvSpPr/>
          <p:nvPr/>
        </p:nvSpPr>
        <p:spPr>
          <a:xfrm>
            <a:off x="367396" y="1543882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" name="Oval 6"/>
          <p:cNvSpPr/>
          <p:nvPr/>
        </p:nvSpPr>
        <p:spPr>
          <a:xfrm>
            <a:off x="359532" y="2104716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Oval 7"/>
          <p:cNvSpPr/>
          <p:nvPr/>
        </p:nvSpPr>
        <p:spPr>
          <a:xfrm>
            <a:off x="367396" y="2600908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Oval 7"/>
          <p:cNvSpPr/>
          <p:nvPr/>
        </p:nvSpPr>
        <p:spPr>
          <a:xfrm>
            <a:off x="359532" y="3097100"/>
            <a:ext cx="316172" cy="316172"/>
          </a:xfrm>
          <a:prstGeom prst="ellipse">
            <a:avLst/>
          </a:prstGeom>
          <a:solidFill>
            <a:srgbClr val="C8C8C8"/>
          </a:solidFill>
          <a:ln w="381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hangingPunct="1"/>
            <a:r>
              <a:rPr lang="en-US" sz="1500" b="1" dirty="0" smtClean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4</a:t>
            </a:r>
            <a:endParaRPr lang="en-US" sz="1500" b="1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71036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7410" name="Picture 22" descr="Bildergebnis für a320 neo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9250" y="5208588"/>
            <a:ext cx="2824163" cy="1714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7411" name="Grafik 6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4488" y="3046413"/>
            <a:ext cx="3441700" cy="2371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7412" name="Bild 11" descr="Logocorner.pn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7413" name="Bild 25" descr="Logocorner.pn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24775" y="15875"/>
            <a:ext cx="1419225" cy="127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7414" name="Bild 10" descr="PPP grau.pn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325" y="274638"/>
            <a:ext cx="2054225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415" name="Textfeld 14"/>
          <p:cNvSpPr txBox="1">
            <a:spLocks noChangeArrowheads="1"/>
          </p:cNvSpPr>
          <p:nvPr/>
        </p:nvSpPr>
        <p:spPr bwMode="gray">
          <a:xfrm>
            <a:off x="323850" y="549275"/>
            <a:ext cx="8118475" cy="768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en-US" altLang="de-DE" sz="3600" dirty="0">
                <a:solidFill>
                  <a:srgbClr val="985E5A"/>
                </a:solidFill>
                <a:cs typeface="Arial" panose="020B0604020202020204" pitchFamily="34" charset="0"/>
              </a:rPr>
              <a:t>The Aerospace Market – Overview</a:t>
            </a:r>
          </a:p>
        </p:txBody>
      </p:sp>
      <p:sp>
        <p:nvSpPr>
          <p:cNvPr id="17416" name="AutoShape 20" descr="Airbus_A320neo_CFM_Triebwerke"/>
          <p:cNvSpPr>
            <a:spLocks noChangeAspect="1" noChangeArrowheads="1"/>
          </p:cNvSpPr>
          <p:nvPr/>
        </p:nvSpPr>
        <p:spPr bwMode="auto">
          <a:xfrm>
            <a:off x="176213" y="-1760538"/>
            <a:ext cx="5505450" cy="367665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endParaRPr lang="de-DE" altLang="de-DE">
              <a:solidFill>
                <a:prstClr val="black"/>
              </a:solidFill>
            </a:endParaRPr>
          </a:p>
        </p:txBody>
      </p:sp>
      <p:pic>
        <p:nvPicPr>
          <p:cNvPr id="17417" name="Picture 24" descr="Bildergebnis für a330 neo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7663" y="1449388"/>
            <a:ext cx="3825875" cy="18621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Gleichschenkliges Dreieck 5"/>
          <p:cNvSpPr/>
          <p:nvPr/>
        </p:nvSpPr>
        <p:spPr>
          <a:xfrm>
            <a:off x="2641600" y="1216025"/>
            <a:ext cx="3062288" cy="6240463"/>
          </a:xfrm>
          <a:prstGeom prst="triangle">
            <a:avLst>
              <a:gd name="adj" fmla="val 50896"/>
            </a:avLst>
          </a:prstGeom>
          <a:solidFill>
            <a:srgbClr val="FFFFFF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Rechteck 1"/>
          <p:cNvSpPr/>
          <p:nvPr/>
        </p:nvSpPr>
        <p:spPr>
          <a:xfrm>
            <a:off x="4354513" y="1449388"/>
            <a:ext cx="4572000" cy="5355312"/>
          </a:xfrm>
          <a:prstGeom prst="rect">
            <a:avLst/>
          </a:prstGeom>
        </p:spPr>
        <p:txBody>
          <a:bodyPr>
            <a:spAutoFit/>
          </a:bodyPr>
          <a:lstStyle/>
          <a:p>
            <a:pPr marL="342900" indent="-342900">
              <a:lnSpc>
                <a:spcPct val="150000"/>
              </a:lnSpc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1800" dirty="0">
                <a:solidFill>
                  <a:srgbClr val="000000"/>
                </a:solidFill>
                <a:cs typeface="Arial" panose="020B0604020202020204" pitchFamily="34" charset="0"/>
              </a:rPr>
              <a:t>Strong ramp up of the AIRBUS A350 program with a factor of </a:t>
            </a:r>
            <a:r>
              <a:rPr lang="en-US" sz="1800" dirty="0" smtClean="0">
                <a:solidFill>
                  <a:srgbClr val="000000"/>
                </a:solidFill>
                <a:cs typeface="Arial" panose="020B0604020202020204" pitchFamily="34" charset="0"/>
              </a:rPr>
              <a:t>3,5</a:t>
            </a:r>
          </a:p>
          <a:p>
            <a:pPr marL="342900" indent="-342900">
              <a:lnSpc>
                <a:spcPct val="150000"/>
              </a:lnSpc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lang="de-DE" sz="1200" dirty="0">
              <a:solidFill>
                <a:srgbClr val="000000"/>
              </a:solidFill>
              <a:cs typeface="Arial" panose="020B0604020202020204" pitchFamily="34" charset="0"/>
            </a:endParaRPr>
          </a:p>
          <a:p>
            <a:pPr marL="342900" indent="-342900">
              <a:lnSpc>
                <a:spcPct val="150000"/>
              </a:lnSpc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1800" dirty="0">
                <a:solidFill>
                  <a:srgbClr val="000000"/>
                </a:solidFill>
                <a:cs typeface="Arial" panose="020B0604020202020204" pitchFamily="34" charset="0"/>
              </a:rPr>
              <a:t>Narrow Body Airplanes continue with ramp up’s performing as scheduled</a:t>
            </a:r>
          </a:p>
          <a:p>
            <a:pPr marL="342900" indent="-342900">
              <a:lnSpc>
                <a:spcPct val="150000"/>
              </a:lnSpc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lang="de-DE" sz="1200" dirty="0">
              <a:solidFill>
                <a:srgbClr val="000000"/>
              </a:solidFill>
              <a:cs typeface="Arial" panose="020B0604020202020204" pitchFamily="34" charset="0"/>
            </a:endParaRPr>
          </a:p>
          <a:p>
            <a:pPr marL="342900" indent="-342900">
              <a:lnSpc>
                <a:spcPct val="150000"/>
              </a:lnSpc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1800" dirty="0" smtClean="0">
                <a:solidFill>
                  <a:srgbClr val="000000"/>
                </a:solidFill>
                <a:cs typeface="Arial" panose="020B0604020202020204" pitchFamily="34" charset="0"/>
              </a:rPr>
              <a:t>7-8 year firm order backlog at our customer and therefore at FACC</a:t>
            </a:r>
            <a:endParaRPr lang="en-US" sz="1800" dirty="0">
              <a:solidFill>
                <a:srgbClr val="000000"/>
              </a:solidFill>
              <a:cs typeface="Arial" panose="020B0604020202020204" pitchFamily="34" charset="0"/>
            </a:endParaRPr>
          </a:p>
          <a:p>
            <a:pPr marL="342900" indent="-342900">
              <a:lnSpc>
                <a:spcPct val="150000"/>
              </a:lnSpc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lang="de-DE" sz="1200" dirty="0">
              <a:solidFill>
                <a:srgbClr val="000000"/>
              </a:solidFill>
              <a:cs typeface="Arial" panose="020B0604020202020204" pitchFamily="34" charset="0"/>
            </a:endParaRPr>
          </a:p>
          <a:p>
            <a:pPr marL="342900" indent="-342900">
              <a:lnSpc>
                <a:spcPct val="150000"/>
              </a:lnSpc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1800" dirty="0">
                <a:solidFill>
                  <a:srgbClr val="000000"/>
                </a:solidFill>
                <a:cs typeface="Arial" panose="020B0604020202020204" pitchFamily="34" charset="0"/>
              </a:rPr>
              <a:t>Book to </a:t>
            </a:r>
            <a:r>
              <a:rPr lang="en-US" sz="1800" dirty="0" smtClean="0">
                <a:solidFill>
                  <a:srgbClr val="000000"/>
                </a:solidFill>
                <a:cs typeface="Arial" panose="020B0604020202020204" pitchFamily="34" charset="0"/>
              </a:rPr>
              <a:t>bill ratio around 1 for both AIRBUS and BOEING</a:t>
            </a:r>
            <a:endParaRPr lang="en-US" sz="1800" dirty="0">
              <a:solidFill>
                <a:srgbClr val="000000"/>
              </a:solidFill>
              <a:cs typeface="Arial" panose="020B0604020202020204" pitchFamily="34" charset="0"/>
            </a:endParaRPr>
          </a:p>
          <a:p>
            <a:pPr marL="342900" indent="-342900">
              <a:lnSpc>
                <a:spcPct val="150000"/>
              </a:lnSpc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lang="de-DE" sz="1200" dirty="0">
              <a:solidFill>
                <a:srgbClr val="000000"/>
              </a:solidFill>
              <a:cs typeface="Arial" panose="020B0604020202020204" pitchFamily="34" charset="0"/>
            </a:endParaRPr>
          </a:p>
          <a:p>
            <a:pPr marL="342900" indent="-34290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en-US" sz="1800" dirty="0">
                <a:solidFill>
                  <a:srgbClr val="000000"/>
                </a:solidFill>
                <a:cs typeface="Arial" panose="020B0604020202020204" pitchFamily="34" charset="0"/>
              </a:rPr>
              <a:t>Business Jet order intake temporary below last years volume</a:t>
            </a:r>
            <a:endParaRPr lang="de-DE" sz="1800" dirty="0">
              <a:solidFill>
                <a:srgbClr val="000000"/>
              </a:solidFill>
              <a:cs typeface="Arial" panose="020B0604020202020204" pitchFamily="34" charset="0"/>
            </a:endParaRPr>
          </a:p>
        </p:txBody>
      </p:sp>
    </p:spTree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extfeld 14"/>
          <p:cNvSpPr txBox="1">
            <a:spLocks noChangeArrowheads="1"/>
          </p:cNvSpPr>
          <p:nvPr/>
        </p:nvSpPr>
        <p:spPr bwMode="gray">
          <a:xfrm>
            <a:off x="323850" y="549275"/>
            <a:ext cx="8490446" cy="768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en-US" altLang="de-DE" sz="3600" dirty="0" smtClean="0">
                <a:solidFill>
                  <a:srgbClr val="985E5A"/>
                </a:solidFill>
                <a:cs typeface="Arial" panose="020B0604020202020204" pitchFamily="34" charset="0"/>
              </a:rPr>
              <a:t>Forecast 2035 // Aerospace market</a:t>
            </a:r>
          </a:p>
        </p:txBody>
      </p:sp>
      <p:pic>
        <p:nvPicPr>
          <p:cNvPr id="17" name="Grafik 16"/>
          <p:cNvPicPr>
            <a:picLocks noChangeAspect="1"/>
          </p:cNvPicPr>
          <p:nvPr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34614" y="1837615"/>
            <a:ext cx="4320000" cy="2358691"/>
          </a:xfrm>
          <a:prstGeom prst="rect">
            <a:avLst/>
          </a:prstGeom>
        </p:spPr>
      </p:pic>
      <p:pic>
        <p:nvPicPr>
          <p:cNvPr id="18" name="Grafik 17"/>
          <p:cNvPicPr>
            <a:picLocks noChangeAspect="1"/>
          </p:cNvPicPr>
          <p:nvPr/>
        </p:nvPicPr>
        <p:blipFill rotWithShape="1"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34614" y="4323928"/>
            <a:ext cx="4320000" cy="2413515"/>
          </a:xfrm>
          <a:prstGeom prst="rect">
            <a:avLst/>
          </a:prstGeom>
        </p:spPr>
      </p:pic>
      <p:pic>
        <p:nvPicPr>
          <p:cNvPr id="19" name="Grafik 18"/>
          <p:cNvPicPr>
            <a:picLocks noChangeAspect="1"/>
          </p:cNvPicPr>
          <p:nvPr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1524"/>
          <a:stretch/>
        </p:blipFill>
        <p:spPr>
          <a:xfrm>
            <a:off x="4494296" y="1772816"/>
            <a:ext cx="4254168" cy="2407500"/>
          </a:xfrm>
          <a:prstGeom prst="rect">
            <a:avLst/>
          </a:prstGeom>
        </p:spPr>
      </p:pic>
      <p:sp>
        <p:nvSpPr>
          <p:cNvPr id="20" name="Textplatzhalter 3"/>
          <p:cNvSpPr txBox="1">
            <a:spLocks/>
          </p:cNvSpPr>
          <p:nvPr/>
        </p:nvSpPr>
        <p:spPr>
          <a:xfrm>
            <a:off x="342821" y="1136873"/>
            <a:ext cx="8229600" cy="47625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de-DE"/>
            </a:defPPr>
            <a:lvl1pPr algn="l" defTabSz="457200" rtl="0" eaLnBrk="1" fontAlgn="base" hangingPunct="1">
              <a:spcBef>
                <a:spcPct val="0"/>
              </a:spcBef>
              <a:spcAft>
                <a:spcPct val="0"/>
              </a:spcAft>
              <a:defRPr sz="2400" kern="1200">
                <a:solidFill>
                  <a:srgbClr val="000000"/>
                </a:solidFill>
                <a:latin typeface="Arial" charset="0"/>
                <a:ea typeface="ＭＳ Ｐゴシック" charset="0"/>
                <a:cs typeface="ＭＳ Ｐゴシック" charset="0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sz="2400"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r>
              <a:rPr lang="fr-FR" sz="2000" dirty="0">
                <a:solidFill>
                  <a:prstClr val="white">
                    <a:lumMod val="50000"/>
                  </a:prstClr>
                </a:solidFill>
                <a:latin typeface="Arial" pitchFamily="34" charset="0"/>
                <a:ea typeface="ＭＳ Ｐゴシック" pitchFamily="34" charset="-128"/>
                <a:cs typeface="+mn-cs"/>
              </a:rPr>
              <a:t>International Air Transport Association (IATA</a:t>
            </a:r>
            <a:r>
              <a:rPr lang="fr-FR" sz="2000" dirty="0" smtClean="0">
                <a:solidFill>
                  <a:prstClr val="white">
                    <a:lumMod val="50000"/>
                  </a:prstClr>
                </a:solidFill>
                <a:latin typeface="Arial" pitchFamily="34" charset="0"/>
                <a:ea typeface="ＭＳ Ｐゴシック" pitchFamily="34" charset="-128"/>
                <a:cs typeface="+mn-cs"/>
              </a:rPr>
              <a:t>) – </a:t>
            </a:r>
            <a:r>
              <a:rPr lang="fr-FR" sz="2000" dirty="0" err="1" smtClean="0">
                <a:solidFill>
                  <a:prstClr val="white">
                    <a:lumMod val="50000"/>
                  </a:prstClr>
                </a:solidFill>
                <a:latin typeface="Arial" pitchFamily="34" charset="0"/>
                <a:ea typeface="ＭＳ Ｐゴシック" pitchFamily="34" charset="-128"/>
                <a:cs typeface="+mn-cs"/>
              </a:rPr>
              <a:t>October</a:t>
            </a:r>
            <a:r>
              <a:rPr lang="fr-FR" sz="2000" dirty="0" smtClean="0">
                <a:solidFill>
                  <a:prstClr val="white">
                    <a:lumMod val="50000"/>
                  </a:prstClr>
                </a:solidFill>
                <a:latin typeface="Arial" pitchFamily="34" charset="0"/>
                <a:ea typeface="ＭＳ Ｐゴシック" pitchFamily="34" charset="-128"/>
                <a:cs typeface="+mn-cs"/>
              </a:rPr>
              <a:t> 2016</a:t>
            </a:r>
            <a:endParaRPr lang="en-US" dirty="0"/>
          </a:p>
        </p:txBody>
      </p:sp>
      <p:sp>
        <p:nvSpPr>
          <p:cNvPr id="21" name="Rechteck 20"/>
          <p:cNvSpPr/>
          <p:nvPr/>
        </p:nvSpPr>
        <p:spPr>
          <a:xfrm>
            <a:off x="4368296" y="6353234"/>
            <a:ext cx="4056132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hangingPunct="1"/>
            <a:r>
              <a:rPr lang="de-DE" sz="900" dirty="0" smtClean="0">
                <a:solidFill>
                  <a:prstClr val="black"/>
                </a:solidFill>
                <a:ea typeface="ＭＳ Ｐゴシック" pitchFamily="34" charset="-128"/>
              </a:rPr>
              <a:t>Source: </a:t>
            </a:r>
            <a:r>
              <a:rPr lang="de-DE" sz="900" dirty="0" smtClean="0">
                <a:solidFill>
                  <a:prstClr val="black"/>
                </a:solidFill>
                <a:ea typeface="ＭＳ Ｐゴシック" pitchFamily="34" charset="-128"/>
                <a:hlinkClick r:id="rId6"/>
              </a:rPr>
              <a:t>http</a:t>
            </a:r>
            <a:r>
              <a:rPr lang="de-DE" sz="900" dirty="0">
                <a:solidFill>
                  <a:prstClr val="black"/>
                </a:solidFill>
                <a:ea typeface="ＭＳ Ｐゴシック" pitchFamily="34" charset="-128"/>
                <a:hlinkClick r:id="rId6"/>
              </a:rPr>
              <a:t>://</a:t>
            </a:r>
            <a:r>
              <a:rPr lang="de-DE" sz="900" dirty="0" smtClean="0">
                <a:solidFill>
                  <a:prstClr val="black"/>
                </a:solidFill>
                <a:ea typeface="ＭＳ Ｐゴシック" pitchFamily="34" charset="-128"/>
                <a:hlinkClick r:id="rId6"/>
              </a:rPr>
              <a:t>www.iata.org/whatwedo/Documents/economics/Presentations/WPS-BP-Dubai-Oct-2016.pdf</a:t>
            </a:r>
            <a:endParaRPr lang="de-DE" sz="900" dirty="0" smtClean="0">
              <a:solidFill>
                <a:prstClr val="black"/>
              </a:solidFill>
              <a:ea typeface="ＭＳ Ｐゴシック" pitchFamily="34" charset="-128"/>
            </a:endParaRPr>
          </a:p>
          <a:p>
            <a:pPr eaLnBrk="1" hangingPunct="1"/>
            <a:endParaRPr lang="de-DE" sz="900" dirty="0" smtClean="0">
              <a:solidFill>
                <a:prstClr val="black"/>
              </a:solidFill>
              <a:ea typeface="ＭＳ Ｐゴシック" pitchFamily="34" charset="-128"/>
            </a:endParaRPr>
          </a:p>
        </p:txBody>
      </p:sp>
      <p:pic>
        <p:nvPicPr>
          <p:cNvPr id="22" name="Grafik 21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796136" y="4949460"/>
            <a:ext cx="1428750" cy="8572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4848925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POTYPE" val="17"/>
  <p:tag name="LEFT" val="-43.875"/>
  <p:tag name="TOP" val="96.125"/>
  <p:tag name="LOCKED" val="1"/>
  <p:tag name="PH_INDEX" val="4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POTYPE" val="17"/>
  <p:tag name="LEFT" val="-43.875"/>
  <p:tag name="TOP" val="96.125"/>
  <p:tag name="LOCKED" val="1"/>
  <p:tag name="PH_INDEX" val="4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POTYPE" val="17"/>
  <p:tag name="LEFT" val="-43.875"/>
  <p:tag name="TOP" val="96.125"/>
  <p:tag name="LOCKED" val="1"/>
  <p:tag name="PH_INDEX" val="4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POTYPE" val="17"/>
  <p:tag name="LEFT" val="-43.875"/>
  <p:tag name="TOP" val="96.125"/>
  <p:tag name="LOCKED" val="1"/>
  <p:tag name="PH_INDEX" val="4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POTYPE" val="17"/>
  <p:tag name="LEFT" val="-43.875"/>
  <p:tag name="TOP" val="96.125"/>
  <p:tag name="LOCKED" val="1"/>
  <p:tag name="PH_INDEX" val="4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POTYPE" val="17"/>
  <p:tag name="LEFT" val="-43.875"/>
  <p:tag name="TOP" val="96.125"/>
  <p:tag name="LOCKED" val="1"/>
  <p:tag name="PH_INDEX" val="4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1_Office-Design">
  <a:themeElements>
    <a:clrScheme name="FACC Farben">
      <a:dk1>
        <a:srgbClr val="7F8185"/>
      </a:dk1>
      <a:lt1>
        <a:srgbClr val="FFFFFF"/>
      </a:lt1>
      <a:dk2>
        <a:srgbClr val="895B5D"/>
      </a:dk2>
      <a:lt2>
        <a:srgbClr val="515357"/>
      </a:lt2>
      <a:accent1>
        <a:srgbClr val="6C9596"/>
      </a:accent1>
      <a:accent2>
        <a:srgbClr val="D2DDDC"/>
      </a:accent2>
      <a:accent3>
        <a:srgbClr val="A2BEC2"/>
      </a:accent3>
      <a:accent4>
        <a:srgbClr val="895B5D"/>
      </a:accent4>
      <a:accent5>
        <a:srgbClr val="B49795"/>
      </a:accent5>
      <a:accent6>
        <a:srgbClr val="A5DAD0"/>
      </a:accent6>
      <a:hlink>
        <a:srgbClr val="C8C8C8"/>
      </a:hlink>
      <a:folHlink>
        <a:srgbClr val="9BE5E3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10.xml><?xml version="1.0" encoding="utf-8"?>
<a:theme xmlns:a="http://schemas.openxmlformats.org/drawingml/2006/main" name="7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11.xml><?xml version="1.0" encoding="utf-8"?>
<a:theme xmlns:a="http://schemas.openxmlformats.org/drawingml/2006/main" name="8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12.xml><?xml version="1.0" encoding="utf-8"?>
<a:theme xmlns:a="http://schemas.openxmlformats.org/drawingml/2006/main" name="9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13.xml><?xml version="1.0" encoding="utf-8"?>
<a:theme xmlns:a="http://schemas.openxmlformats.org/drawingml/2006/main" name="10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14.xml><?xml version="1.0" encoding="utf-8"?>
<a:theme xmlns:a="http://schemas.openxmlformats.org/drawingml/2006/main" name="11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15.xml><?xml version="1.0" encoding="utf-8"?>
<a:theme xmlns:a="http://schemas.openxmlformats.org/drawingml/2006/main" name="12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16.xml><?xml version="1.0" encoding="utf-8"?>
<a:theme xmlns:a="http://schemas.openxmlformats.org/drawingml/2006/main" name="Office-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17.xml><?xml version="1.0" encoding="utf-8"?>
<a:theme xmlns:a="http://schemas.openxmlformats.org/drawingml/2006/main" name="Office-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1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4.xml><?xml version="1.0" encoding="utf-8"?>
<a:theme xmlns:a="http://schemas.openxmlformats.org/drawingml/2006/main" name="2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5.xml><?xml version="1.0" encoding="utf-8"?>
<a:theme xmlns:a="http://schemas.openxmlformats.org/drawingml/2006/main" name="Mastervorlage 151012 Agenda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6.xml><?xml version="1.0" encoding="utf-8"?>
<a:theme xmlns:a="http://schemas.openxmlformats.org/drawingml/2006/main" name="3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7.xml><?xml version="1.0" encoding="utf-8"?>
<a:theme xmlns:a="http://schemas.openxmlformats.org/drawingml/2006/main" name="4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8.xml><?xml version="1.0" encoding="utf-8"?>
<a:theme xmlns:a="http://schemas.openxmlformats.org/drawingml/2006/main" name="5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9.xml><?xml version="1.0" encoding="utf-8"?>
<a:theme xmlns:a="http://schemas.openxmlformats.org/drawingml/2006/main" name="6_Contentcharts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>
            <a:alpha val="25000"/>
          </a:schemeClr>
        </a:solidFill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27423079876BFF4A9016F0793E5659CF" ma:contentTypeVersion="1" ma:contentTypeDescription="Create a new document." ma:contentTypeScope="" ma:versionID="df4ee638a5a7430301e1604d29fc01b8">
  <xsd:schema xmlns:xsd="http://www.w3.org/2001/XMLSchema" xmlns:xs="http://www.w3.org/2001/XMLSchema" xmlns:p="http://schemas.microsoft.com/office/2006/metadata/properties" xmlns:ns2="be522f75-9a2d-4af5-b698-53f01812d78e" targetNamespace="http://schemas.microsoft.com/office/2006/metadata/properties" ma:root="true" ma:fieldsID="82b07f0cebc10b17096eab8a166883c0" ns2:_="">
    <xsd:import namespace="be522f75-9a2d-4af5-b698-53f01812d78e"/>
    <xsd:element name="properties">
      <xsd:complexType>
        <xsd:sequence>
          <xsd:element name="documentManagement">
            <xsd:complexType>
              <xsd:all>
                <xsd:element ref="ns2:_dlc_DocId" minOccurs="0"/>
                <xsd:element ref="ns2:_dlc_DocIdUrl" minOccurs="0"/>
                <xsd:element ref="ns2:_dlc_DocIdPersistId" minOccurs="0"/>
                <xsd:element ref="ns2:TaxKeywordTaxHTField" minOccurs="0"/>
                <xsd:element ref="ns2:TaxCatchAll" minOccurs="0"/>
                <xsd:element ref="ns2:TaxCatchAllLabel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be522f75-9a2d-4af5-b698-53f01812d78e" elementFormDefault="qualified">
    <xsd:import namespace="http://schemas.microsoft.com/office/2006/documentManagement/types"/>
    <xsd:import namespace="http://schemas.microsoft.com/office/infopath/2007/PartnerControls"/>
    <xsd:element name="_dlc_DocId" ma:index="8" nillable="true" ma:displayName="Document ID Value" ma:description="The value of the document ID assigned to this item." ma:internalName="_dlc_DocId" ma:readOnly="true">
      <xsd:simpleType>
        <xsd:restriction base="dms:Text"/>
      </xsd:simpleType>
    </xsd:element>
    <xsd:element name="_dlc_DocIdUrl" ma:index="9" nillable="true" ma:displayName="Document ID" ma:description="Permanent link to this document." ma:hidden="true" ma:internalName="_dlc_DocIdUrl" ma:readOnly="true">
      <xsd:complexType>
        <xsd:complexContent>
          <xsd:extension base="dms:URL">
            <xsd:sequence>
              <xsd:element name="Url" type="dms:ValidUrl" minOccurs="0" nillable="true"/>
              <xsd:element name="Description" type="xsd:string" nillable="true"/>
            </xsd:sequence>
          </xsd:extension>
        </xsd:complexContent>
      </xsd:complexType>
    </xsd:element>
    <xsd:element name="_dlc_DocIdPersistId" ma:index="10" nillable="true" ma:displayName="Persist ID" ma:description="Keep ID on add." ma:hidden="true" ma:internalName="_dlc_DocIdPersistId" ma:readOnly="true">
      <xsd:simpleType>
        <xsd:restriction base="dms:Boolean"/>
      </xsd:simpleType>
    </xsd:element>
    <xsd:element name="TaxKeywordTaxHTField" ma:index="11" nillable="true" ma:taxonomy="true" ma:internalName="TaxKeywordTaxHTField" ma:taxonomyFieldName="TaxKeyword" ma:displayName="Enterprise Keywords" ma:fieldId="{23f27201-bee3-471e-b2e7-b64fd8b7ca38}" ma:taxonomyMulti="true" ma:sspId="93d39264-9b1a-4c62-850e-b0f15ce2af65" ma:termSetId="00000000-0000-0000-0000-000000000000" ma:anchorId="00000000-0000-0000-0000-000000000000" ma:open="true" ma:isKeyword="true">
      <xsd:complexType>
        <xsd:sequence>
          <xsd:element ref="pc:Terms" minOccurs="0" maxOccurs="1"/>
        </xsd:sequence>
      </xsd:complexType>
    </xsd:element>
    <xsd:element name="TaxCatchAll" ma:index="12" nillable="true" ma:displayName="Taxonomy Catch All Column" ma:description="" ma:hidden="true" ma:list="{d95a8604-3e84-4c08-ae26-abc16183eb0a}" ma:internalName="TaxCatchAll" ma:showField="CatchAllData" ma:web="be522f75-9a2d-4af5-b698-53f01812d78e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  <xsd:element name="TaxCatchAllLabel" ma:index="13" nillable="true" ma:displayName="Taxonomy Catch All Column1" ma:description="" ma:hidden="true" ma:list="{d95a8604-3e84-4c08-ae26-abc16183eb0a}" ma:internalName="TaxCatchAllLabel" ma:readOnly="true" ma:showField="CatchAllDataLabel" ma:web="be522f75-9a2d-4af5-b698-53f01812d78e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LongProperties xmlns="http://schemas.microsoft.com/office/2006/metadata/longProperties"/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TaxKeywordTaxHTField xmlns="be522f75-9a2d-4af5-b698-53f01812d78e">
      <Terms xmlns="http://schemas.microsoft.com/office/infopath/2007/PartnerControls"/>
    </TaxKeywordTaxHTField>
    <TaxCatchAll xmlns="be522f75-9a2d-4af5-b698-53f01812d78e"/>
  </documentManagement>
</p:properties>
</file>

<file path=customXml/itemProps1.xml><?xml version="1.0" encoding="utf-8"?>
<ds:datastoreItem xmlns:ds="http://schemas.openxmlformats.org/officeDocument/2006/customXml" ds:itemID="{99B018E6-CFC0-4CA9-B56F-0C04318118BA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be522f75-9a2d-4af5-b698-53f01812d78e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2.xml><?xml version="1.0" encoding="utf-8"?>
<ds:datastoreItem xmlns:ds="http://schemas.openxmlformats.org/officeDocument/2006/customXml" ds:itemID="{74B351F1-2072-4291-80F3-8BFF001F1B02}">
  <ds:schemaRefs>
    <ds:schemaRef ds:uri="http://schemas.microsoft.com/office/2006/metadata/longProperties"/>
  </ds:schemaRefs>
</ds:datastoreItem>
</file>

<file path=customXml/itemProps3.xml><?xml version="1.0" encoding="utf-8"?>
<ds:datastoreItem xmlns:ds="http://schemas.openxmlformats.org/officeDocument/2006/customXml" ds:itemID="{E16B5C9A-49D2-47C0-B5E6-4A8A17FBECFE}">
  <ds:schemaRefs>
    <ds:schemaRef ds:uri="http://schemas.openxmlformats.org/package/2006/metadata/core-properties"/>
    <ds:schemaRef ds:uri="http://schemas.microsoft.com/office/2006/documentManagement/types"/>
    <ds:schemaRef ds:uri="http://www.w3.org/XML/1998/namespace"/>
    <ds:schemaRef ds:uri="http://purl.org/dc/elements/1.1/"/>
    <ds:schemaRef ds:uri="http://schemas.microsoft.com/office/infopath/2007/PartnerControls"/>
    <ds:schemaRef ds:uri="http://purl.org/dc/terms/"/>
    <ds:schemaRef ds:uri="be522f75-9a2d-4af5-b698-53f01812d78e"/>
    <ds:schemaRef ds:uri="http://schemas.microsoft.com/office/2006/metadata/properties"/>
    <ds:schemaRef ds:uri="http://purl.org/dc/dcmitype/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1035</Words>
  <Application>Microsoft Office PowerPoint</Application>
  <PresentationFormat>Bildschirmpräsentation (4:3)</PresentationFormat>
  <Paragraphs>229</Paragraphs>
  <Slides>22</Slides>
  <Notes>18</Notes>
  <HiddenSlides>0</HiddenSlides>
  <MMClips>0</MMClips>
  <ScaleCrop>false</ScaleCrop>
  <HeadingPairs>
    <vt:vector size="8" baseType="variant">
      <vt:variant>
        <vt:lpstr>Verwendete Schriftarten</vt:lpstr>
      </vt:variant>
      <vt:variant>
        <vt:i4>6</vt:i4>
      </vt:variant>
      <vt:variant>
        <vt:lpstr>Design</vt:lpstr>
      </vt:variant>
      <vt:variant>
        <vt:i4>15</vt:i4>
      </vt:variant>
      <vt:variant>
        <vt:lpstr>Eingebettete OLE-Server</vt:lpstr>
      </vt:variant>
      <vt:variant>
        <vt:i4>1</vt:i4>
      </vt:variant>
      <vt:variant>
        <vt:lpstr>Folientitel</vt:lpstr>
      </vt:variant>
      <vt:variant>
        <vt:i4>22</vt:i4>
      </vt:variant>
    </vt:vector>
  </HeadingPairs>
  <TitlesOfParts>
    <vt:vector size="44" baseType="lpstr">
      <vt:lpstr>ＭＳ Ｐゴシック</vt:lpstr>
      <vt:lpstr>ＭＳ Ｐゴシック</vt:lpstr>
      <vt:lpstr>Arial</vt:lpstr>
      <vt:lpstr>Calibri</vt:lpstr>
      <vt:lpstr>Times New Roman</vt:lpstr>
      <vt:lpstr>Wingdings</vt:lpstr>
      <vt:lpstr>1_Office-Design</vt:lpstr>
      <vt:lpstr>Contentcharts</vt:lpstr>
      <vt:lpstr>1_Contentcharts</vt:lpstr>
      <vt:lpstr>2_Contentcharts</vt:lpstr>
      <vt:lpstr>Mastervorlage 151012 Agenda</vt:lpstr>
      <vt:lpstr>3_Contentcharts</vt:lpstr>
      <vt:lpstr>4_Contentcharts</vt:lpstr>
      <vt:lpstr>5_Contentcharts</vt:lpstr>
      <vt:lpstr>6_Contentcharts</vt:lpstr>
      <vt:lpstr>7_Contentcharts</vt:lpstr>
      <vt:lpstr>8_Contentcharts</vt:lpstr>
      <vt:lpstr>9_Contentcharts</vt:lpstr>
      <vt:lpstr>10_Contentcharts</vt:lpstr>
      <vt:lpstr>11_Contentcharts</vt:lpstr>
      <vt:lpstr>12_Contentcharts</vt:lpstr>
      <vt:lpstr>Diagramm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Lightweight Application Road Map</vt:lpstr>
      <vt:lpstr>Growing composite demand in airplanes</vt:lpstr>
      <vt:lpstr>PowerPoint-Präsentation</vt:lpstr>
      <vt:lpstr>FACC Innovation with 240 Patents</vt:lpstr>
      <vt:lpstr>PowerPoint-Präsentation</vt:lpstr>
      <vt:lpstr>Current Situation and Solutions </vt:lpstr>
      <vt:lpstr>PowerPoint-Präsentation</vt:lpstr>
      <vt:lpstr>PowerPoint-Präsentation</vt:lpstr>
      <vt:lpstr>Preliminary results 2016/17 </vt:lpstr>
      <vt:lpstr>Preliminary results 2016/17 </vt:lpstr>
      <vt:lpstr>Executive Summary</vt:lpstr>
      <vt:lpstr>IR-Information</vt:lpstr>
    </vt:vector>
  </TitlesOfParts>
  <Company>Werbeagentur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Folie 1</dc:title>
  <dc:creator>Verena Neugebauer</dc:creator>
  <cp:lastModifiedBy>user</cp:lastModifiedBy>
  <cp:revision>986</cp:revision>
  <cp:lastPrinted>2017-01-17T17:43:10Z</cp:lastPrinted>
  <dcterms:created xsi:type="dcterms:W3CDTF">2014-03-24T12:10:47Z</dcterms:created>
  <dcterms:modified xsi:type="dcterms:W3CDTF">2017-05-29T14:18:04Z</dcterms:modified>
  <cp:contentStatus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dlc_DocId">
    <vt:lpwstr>HHQNNE7KMTWE-195-15</vt:lpwstr>
  </property>
  <property fmtid="{D5CDD505-2E9C-101B-9397-08002B2CF9AE}" pid="3" name="_dlc_DocIdItemGuid">
    <vt:lpwstr>a1785b34-c809-48b3-8160-31c9b13ea356</vt:lpwstr>
  </property>
  <property fmtid="{D5CDD505-2E9C-101B-9397-08002B2CF9AE}" pid="4" name="_dlc_DocIdUrl">
    <vt:lpwstr>https://programs.facc.com/cs/ko/_layouts/15/DocIdRedir.aspx?ID=HHQNNE7KMTWE-195-15, HHQNNE7KMTWE-195-15</vt:lpwstr>
  </property>
  <property fmtid="{D5CDD505-2E9C-101B-9397-08002B2CF9AE}" pid="5" name="TaxKeyword">
    <vt:lpwstr/>
  </property>
</Properties>
</file>